
<file path=[Content_Types].xml><?xml version="1.0" encoding="utf-8"?>
<Types xmlns="http://schemas.openxmlformats.org/package/2006/content-types">
  <Default Extension="jpeg" ContentType="image/jpeg"/>
  <Default Extension="jpg" ContentType="image/jpeg"/>
  <Default Extension="mp4" ContentType="video/mp4"/>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53"/>
  </p:notesMasterIdLst>
  <p:handoutMasterIdLst>
    <p:handoutMasterId r:id="rId54"/>
  </p:handoutMasterIdLst>
  <p:sldIdLst>
    <p:sldId id="256" r:id="rId2"/>
    <p:sldId id="293" r:id="rId3"/>
    <p:sldId id="346" r:id="rId4"/>
    <p:sldId id="395" r:id="rId5"/>
    <p:sldId id="406" r:id="rId6"/>
    <p:sldId id="404" r:id="rId7"/>
    <p:sldId id="397" r:id="rId8"/>
    <p:sldId id="405" r:id="rId9"/>
    <p:sldId id="398" r:id="rId10"/>
    <p:sldId id="396" r:id="rId11"/>
    <p:sldId id="399" r:id="rId12"/>
    <p:sldId id="409" r:id="rId13"/>
    <p:sldId id="401" r:id="rId14"/>
    <p:sldId id="403" r:id="rId15"/>
    <p:sldId id="408" r:id="rId16"/>
    <p:sldId id="402" r:id="rId17"/>
    <p:sldId id="315" r:id="rId18"/>
    <p:sldId id="362" r:id="rId19"/>
    <p:sldId id="319" r:id="rId20"/>
    <p:sldId id="363" r:id="rId21"/>
    <p:sldId id="367" r:id="rId22"/>
    <p:sldId id="364" r:id="rId23"/>
    <p:sldId id="352" r:id="rId24"/>
    <p:sldId id="372" r:id="rId25"/>
    <p:sldId id="369" r:id="rId26"/>
    <p:sldId id="328" r:id="rId27"/>
    <p:sldId id="322" r:id="rId28"/>
    <p:sldId id="374" r:id="rId29"/>
    <p:sldId id="323" r:id="rId30"/>
    <p:sldId id="361" r:id="rId31"/>
    <p:sldId id="324" r:id="rId32"/>
    <p:sldId id="335" r:id="rId33"/>
    <p:sldId id="347" r:id="rId34"/>
    <p:sldId id="365" r:id="rId35"/>
    <p:sldId id="370" r:id="rId36"/>
    <p:sldId id="329" r:id="rId37"/>
    <p:sldId id="357" r:id="rId38"/>
    <p:sldId id="327" r:id="rId39"/>
    <p:sldId id="320" r:id="rId40"/>
    <p:sldId id="342" r:id="rId41"/>
    <p:sldId id="350" r:id="rId42"/>
    <p:sldId id="340" r:id="rId43"/>
    <p:sldId id="337" r:id="rId44"/>
    <p:sldId id="338" r:id="rId45"/>
    <p:sldId id="321" r:id="rId46"/>
    <p:sldId id="339" r:id="rId47"/>
    <p:sldId id="359" r:id="rId48"/>
    <p:sldId id="326" r:id="rId49"/>
    <p:sldId id="360" r:id="rId50"/>
    <p:sldId id="298" r:id="rId51"/>
    <p:sldId id="292" r:id="rId52"/>
  </p:sldIdLst>
  <p:sldSz cx="9144000" cy="5143500" type="screen16x9"/>
  <p:notesSz cx="6858000" cy="9144000"/>
  <p:custDataLst>
    <p:tags r:id="rId55"/>
  </p:custDataLst>
  <p:defaultTextStyle>
    <a:defPPr>
      <a:defRPr lang="en-GB"/>
    </a:defPPr>
    <a:lvl1pPr algn="l" rtl="0" fontAlgn="base">
      <a:spcBef>
        <a:spcPct val="0"/>
      </a:spcBef>
      <a:spcAft>
        <a:spcPct val="0"/>
      </a:spcAft>
      <a:defRPr sz="1425" kern="1200">
        <a:solidFill>
          <a:schemeClr val="tx1"/>
        </a:solidFill>
        <a:latin typeface="Verdana" pitchFamily="34" charset="0"/>
        <a:ea typeface="+mn-ea"/>
        <a:cs typeface="+mn-cs"/>
      </a:defRPr>
    </a:lvl1pPr>
    <a:lvl2pPr marL="342900" algn="l" rtl="0" fontAlgn="base">
      <a:spcBef>
        <a:spcPct val="0"/>
      </a:spcBef>
      <a:spcAft>
        <a:spcPct val="0"/>
      </a:spcAft>
      <a:defRPr sz="1425" kern="1200">
        <a:solidFill>
          <a:schemeClr val="tx1"/>
        </a:solidFill>
        <a:latin typeface="Verdana" pitchFamily="34" charset="0"/>
        <a:ea typeface="+mn-ea"/>
        <a:cs typeface="+mn-cs"/>
      </a:defRPr>
    </a:lvl2pPr>
    <a:lvl3pPr marL="685800" algn="l" rtl="0" fontAlgn="base">
      <a:spcBef>
        <a:spcPct val="0"/>
      </a:spcBef>
      <a:spcAft>
        <a:spcPct val="0"/>
      </a:spcAft>
      <a:defRPr sz="1425" kern="1200">
        <a:solidFill>
          <a:schemeClr val="tx1"/>
        </a:solidFill>
        <a:latin typeface="Verdana" pitchFamily="34" charset="0"/>
        <a:ea typeface="+mn-ea"/>
        <a:cs typeface="+mn-cs"/>
      </a:defRPr>
    </a:lvl3pPr>
    <a:lvl4pPr marL="1028700" algn="l" rtl="0" fontAlgn="base">
      <a:spcBef>
        <a:spcPct val="0"/>
      </a:spcBef>
      <a:spcAft>
        <a:spcPct val="0"/>
      </a:spcAft>
      <a:defRPr sz="1425" kern="1200">
        <a:solidFill>
          <a:schemeClr val="tx1"/>
        </a:solidFill>
        <a:latin typeface="Verdana" pitchFamily="34" charset="0"/>
        <a:ea typeface="+mn-ea"/>
        <a:cs typeface="+mn-cs"/>
      </a:defRPr>
    </a:lvl4pPr>
    <a:lvl5pPr marL="1371600" algn="l" rtl="0" fontAlgn="base">
      <a:spcBef>
        <a:spcPct val="0"/>
      </a:spcBef>
      <a:spcAft>
        <a:spcPct val="0"/>
      </a:spcAft>
      <a:defRPr sz="1425" kern="1200">
        <a:solidFill>
          <a:schemeClr val="tx1"/>
        </a:solidFill>
        <a:latin typeface="Verdana" pitchFamily="34" charset="0"/>
        <a:ea typeface="+mn-ea"/>
        <a:cs typeface="+mn-cs"/>
      </a:defRPr>
    </a:lvl5pPr>
    <a:lvl6pPr marL="1714500" algn="l" defTabSz="685800" rtl="0" eaLnBrk="1" latinLnBrk="0" hangingPunct="1">
      <a:defRPr sz="1425" kern="1200">
        <a:solidFill>
          <a:schemeClr val="tx1"/>
        </a:solidFill>
        <a:latin typeface="Verdana" pitchFamily="34" charset="0"/>
        <a:ea typeface="+mn-ea"/>
        <a:cs typeface="+mn-cs"/>
      </a:defRPr>
    </a:lvl6pPr>
    <a:lvl7pPr marL="2057400" algn="l" defTabSz="685800" rtl="0" eaLnBrk="1" latinLnBrk="0" hangingPunct="1">
      <a:defRPr sz="1425" kern="1200">
        <a:solidFill>
          <a:schemeClr val="tx1"/>
        </a:solidFill>
        <a:latin typeface="Verdana" pitchFamily="34" charset="0"/>
        <a:ea typeface="+mn-ea"/>
        <a:cs typeface="+mn-cs"/>
      </a:defRPr>
    </a:lvl7pPr>
    <a:lvl8pPr marL="2400300" algn="l" defTabSz="685800" rtl="0" eaLnBrk="1" latinLnBrk="0" hangingPunct="1">
      <a:defRPr sz="1425" kern="1200">
        <a:solidFill>
          <a:schemeClr val="tx1"/>
        </a:solidFill>
        <a:latin typeface="Verdana" pitchFamily="34" charset="0"/>
        <a:ea typeface="+mn-ea"/>
        <a:cs typeface="+mn-cs"/>
      </a:defRPr>
    </a:lvl8pPr>
    <a:lvl9pPr marL="2743200" algn="l" defTabSz="685800" rtl="0" eaLnBrk="1" latinLnBrk="0" hangingPunct="1">
      <a:defRPr sz="1425" kern="1200">
        <a:solidFill>
          <a:schemeClr val="tx1"/>
        </a:solidFill>
        <a:latin typeface="Verdana" pitchFamily="34" charset="0"/>
        <a:ea typeface="+mn-ea"/>
        <a:cs typeface="+mn-cs"/>
      </a:defRPr>
    </a:lvl9pPr>
  </p:defaultTextStyle>
  <p:extLst>
    <p:ext uri="{EFAFB233-063F-42B5-8137-9DF3F51BA10A}">
      <p15:sldGuideLst xmlns:p15="http://schemas.microsoft.com/office/powerpoint/2012/main">
        <p15:guide id="1" orient="horz" pos="713" userDrawn="1">
          <p15:clr>
            <a:srgbClr val="A4A3A4"/>
          </p15:clr>
        </p15:guide>
        <p15:guide id="2" orient="horz" pos="2845" userDrawn="1">
          <p15:clr>
            <a:srgbClr val="A4A3A4"/>
          </p15:clr>
        </p15:guide>
        <p15:guide id="3" pos="2789" userDrawn="1">
          <p15:clr>
            <a:srgbClr val="A4A3A4"/>
          </p15:clr>
        </p15:guide>
        <p15:guide id="4" pos="2971" userDrawn="1">
          <p15:clr>
            <a:srgbClr val="A4A3A4"/>
          </p15:clr>
        </p15:guide>
        <p15:guide id="5" pos="476" userDrawn="1">
          <p15:clr>
            <a:srgbClr val="A4A3A4"/>
          </p15:clr>
        </p15:guide>
        <p15:guide id="6" pos="5284" userDrawn="1">
          <p15:clr>
            <a:srgbClr val="A4A3A4"/>
          </p15:clr>
        </p15:guide>
        <p15:guide id="7" orient="horz" pos="162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browse/>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1026A"/>
    <a:srgbClr val="449DC2"/>
    <a:srgbClr val="7D9E38"/>
    <a:srgbClr val="EC5A7A"/>
    <a:srgbClr val="F6F7FA"/>
    <a:srgbClr val="3F4D53"/>
    <a:srgbClr val="BB355D"/>
    <a:srgbClr val="FFF1E5"/>
    <a:srgbClr val="CED918"/>
    <a:srgbClr val="F0F0F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809CC8F-7F70-3144-B23D-5ACA014C8862}" v="2" dt="2023-03-23T07:57:17.93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731" autoAdjust="0"/>
    <p:restoredTop sz="93870" autoAdjust="0"/>
  </p:normalViewPr>
  <p:slideViewPr>
    <p:cSldViewPr showGuides="1">
      <p:cViewPr varScale="1">
        <p:scale>
          <a:sx n="140" d="100"/>
          <a:sy n="140" d="100"/>
        </p:scale>
        <p:origin x="512" y="192"/>
      </p:cViewPr>
      <p:guideLst>
        <p:guide orient="horz" pos="713"/>
        <p:guide orient="horz" pos="2845"/>
        <p:guide pos="2789"/>
        <p:guide pos="2971"/>
        <p:guide pos="476"/>
        <p:guide pos="5284"/>
        <p:guide orient="horz" pos="1620"/>
      </p:guideLst>
    </p:cSldViewPr>
  </p:slideViewPr>
  <p:notesTextViewPr>
    <p:cViewPr>
      <p:scale>
        <a:sx n="50" d="100"/>
        <a:sy n="50" d="100"/>
      </p:scale>
      <p:origin x="0" y="0"/>
    </p:cViewPr>
  </p:notesTextViewPr>
  <p:sorterViewPr>
    <p:cViewPr>
      <p:scale>
        <a:sx n="100" d="100"/>
        <a:sy n="100" d="100"/>
      </p:scale>
      <p:origin x="0" y="0"/>
    </p:cViewPr>
  </p:sorterViewPr>
  <p:notesViewPr>
    <p:cSldViewPr showGuides="1">
      <p:cViewPr varScale="1">
        <p:scale>
          <a:sx n="109" d="100"/>
          <a:sy n="109" d="100"/>
        </p:scale>
        <p:origin x="3992" y="1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tags" Target="tags/tag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notesMaster" Target="notesMasters/notesMaster1.xml"/><Relationship Id="rId58" Type="http://schemas.openxmlformats.org/officeDocument/2006/relationships/theme" Target="theme/theme1.xml"/><Relationship Id="rId5" Type="http://schemas.openxmlformats.org/officeDocument/2006/relationships/slide" Target="slides/slide4.xml"/><Relationship Id="rId61" Type="http://schemas.microsoft.com/office/2015/10/relationships/revisionInfo" Target="revisionInfo.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viewProps" Target="viewProps.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microsoft.com/office/2016/11/relationships/changesInfo" Target="changesInfos/changesInfo1.xml"/><Relationship Id="rId4" Type="http://schemas.openxmlformats.org/officeDocument/2006/relationships/slide" Target="slides/slide3.xml"/><Relationship Id="rId9" Type="http://schemas.openxmlformats.org/officeDocument/2006/relationships/slide" Target="slides/slide8.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aly Donnacha HSLU I" userId="0f22e960-400a-43ff-baeb-4828c8f5cd3a" providerId="ADAL" clId="{0BA1101D-93BB-474F-8A4D-62367F400F86}"/>
    <pc:docChg chg="undo custSel addSld delSld modSld sldOrd">
      <pc:chgData name="Daly Donnacha HSLU I" userId="0f22e960-400a-43ff-baeb-4828c8f5cd3a" providerId="ADAL" clId="{0BA1101D-93BB-474F-8A4D-62367F400F86}" dt="2021-03-18T14:15:53.967" v="18012" actId="6549"/>
      <pc:docMkLst>
        <pc:docMk/>
      </pc:docMkLst>
      <pc:sldChg chg="modSp mod">
        <pc:chgData name="Daly Donnacha HSLU I" userId="0f22e960-400a-43ff-baeb-4828c8f5cd3a" providerId="ADAL" clId="{0BA1101D-93BB-474F-8A4D-62367F400F86}" dt="2021-03-16T15:33:40.097" v="853" actId="20577"/>
        <pc:sldMkLst>
          <pc:docMk/>
          <pc:sldMk cId="0" sldId="256"/>
        </pc:sldMkLst>
        <pc:spChg chg="mod">
          <ac:chgData name="Daly Donnacha HSLU I" userId="0f22e960-400a-43ff-baeb-4828c8f5cd3a" providerId="ADAL" clId="{0BA1101D-93BB-474F-8A4D-62367F400F86}" dt="2021-03-16T15:33:40.097" v="853" actId="20577"/>
          <ac:spMkLst>
            <pc:docMk/>
            <pc:sldMk cId="0" sldId="256"/>
            <ac:spMk id="3075" creationId="{00000000-0000-0000-0000-000000000000}"/>
          </ac:spMkLst>
        </pc:spChg>
      </pc:sldChg>
      <pc:sldChg chg="addSp delSp">
        <pc:chgData name="Daly Donnacha HSLU I" userId="0f22e960-400a-43ff-baeb-4828c8f5cd3a" providerId="ADAL" clId="{0BA1101D-93BB-474F-8A4D-62367F400F86}" dt="2021-03-16T16:55:49.965" v="2009"/>
        <pc:sldMkLst>
          <pc:docMk/>
          <pc:sldMk cId="3575311007" sldId="292"/>
        </pc:sldMkLst>
        <pc:picChg chg="add del">
          <ac:chgData name="Daly Donnacha HSLU I" userId="0f22e960-400a-43ff-baeb-4828c8f5cd3a" providerId="ADAL" clId="{0BA1101D-93BB-474F-8A4D-62367F400F86}" dt="2021-03-16T16:55:49.965" v="2009"/>
          <ac:picMkLst>
            <pc:docMk/>
            <pc:sldMk cId="3575311007" sldId="292"/>
            <ac:picMk id="2050" creationId="{E18D5F08-8306-A747-B965-4E8F5FAE1347}"/>
          </ac:picMkLst>
        </pc:picChg>
      </pc:sldChg>
      <pc:sldChg chg="addSp delSp modSp mod">
        <pc:chgData name="Daly Donnacha HSLU I" userId="0f22e960-400a-43ff-baeb-4828c8f5cd3a" providerId="ADAL" clId="{0BA1101D-93BB-474F-8A4D-62367F400F86}" dt="2021-03-16T15:33:52.317" v="854" actId="14100"/>
        <pc:sldMkLst>
          <pc:docMk/>
          <pc:sldMk cId="2069180595" sldId="293"/>
        </pc:sldMkLst>
        <pc:spChg chg="add mod">
          <ac:chgData name="Daly Donnacha HSLU I" userId="0f22e960-400a-43ff-baeb-4828c8f5cd3a" providerId="ADAL" clId="{0BA1101D-93BB-474F-8A4D-62367F400F86}" dt="2021-03-16T15:33:52.317" v="854" actId="14100"/>
          <ac:spMkLst>
            <pc:docMk/>
            <pc:sldMk cId="2069180595" sldId="293"/>
            <ac:spMk id="3" creationId="{958270BE-2BB0-C145-8595-2D7828D8E1C7}"/>
          </ac:spMkLst>
        </pc:spChg>
        <pc:spChg chg="mod">
          <ac:chgData name="Daly Donnacha HSLU I" userId="0f22e960-400a-43ff-baeb-4828c8f5cd3a" providerId="ADAL" clId="{0BA1101D-93BB-474F-8A4D-62367F400F86}" dt="2021-03-16T15:04:20.931" v="237" actId="6549"/>
          <ac:spMkLst>
            <pc:docMk/>
            <pc:sldMk cId="2069180595" sldId="293"/>
            <ac:spMk id="6" creationId="{C5894721-95A2-7141-8609-521552539517}"/>
          </ac:spMkLst>
        </pc:spChg>
        <pc:spChg chg="del">
          <ac:chgData name="Daly Donnacha HSLU I" userId="0f22e960-400a-43ff-baeb-4828c8f5cd3a" providerId="ADAL" clId="{0BA1101D-93BB-474F-8A4D-62367F400F86}" dt="2021-03-16T15:00:32.440" v="1" actId="478"/>
          <ac:spMkLst>
            <pc:docMk/>
            <pc:sldMk cId="2069180595" sldId="293"/>
            <ac:spMk id="10" creationId="{7081C03F-B263-AD47-8F36-EB4D3CB927E4}"/>
          </ac:spMkLst>
        </pc:spChg>
        <pc:picChg chg="del">
          <ac:chgData name="Daly Donnacha HSLU I" userId="0f22e960-400a-43ff-baeb-4828c8f5cd3a" providerId="ADAL" clId="{0BA1101D-93BB-474F-8A4D-62367F400F86}" dt="2021-03-16T15:00:29.588" v="0" actId="478"/>
          <ac:picMkLst>
            <pc:docMk/>
            <pc:sldMk cId="2069180595" sldId="293"/>
            <ac:picMk id="9" creationId="{9A7285EF-4C5E-AB4D-B295-E80D92C8A79C}"/>
          </ac:picMkLst>
        </pc:picChg>
        <pc:picChg chg="add mod">
          <ac:chgData name="Daly Donnacha HSLU I" userId="0f22e960-400a-43ff-baeb-4828c8f5cd3a" providerId="ADAL" clId="{0BA1101D-93BB-474F-8A4D-62367F400F86}" dt="2021-03-16T15:29:17.500" v="773" actId="1076"/>
          <ac:picMkLst>
            <pc:docMk/>
            <pc:sldMk cId="2069180595" sldId="293"/>
            <ac:picMk id="1026" creationId="{D050CF12-FAA3-7844-9C87-F285E8EA3E0E}"/>
          </ac:picMkLst>
        </pc:picChg>
      </pc:sldChg>
      <pc:sldChg chg="del">
        <pc:chgData name="Daly Donnacha HSLU I" userId="0f22e960-400a-43ff-baeb-4828c8f5cd3a" providerId="ADAL" clId="{0BA1101D-93BB-474F-8A4D-62367F400F86}" dt="2021-03-16T15:04:05.649" v="230" actId="2696"/>
        <pc:sldMkLst>
          <pc:docMk/>
          <pc:sldMk cId="256036251" sldId="294"/>
        </pc:sldMkLst>
      </pc:sldChg>
      <pc:sldChg chg="addSp delSp modSp mod">
        <pc:chgData name="Daly Donnacha HSLU I" userId="0f22e960-400a-43ff-baeb-4828c8f5cd3a" providerId="ADAL" clId="{0BA1101D-93BB-474F-8A4D-62367F400F86}" dt="2021-03-16T16:59:06.433" v="2049" actId="207"/>
        <pc:sldMkLst>
          <pc:docMk/>
          <pc:sldMk cId="1191410536" sldId="298"/>
        </pc:sldMkLst>
        <pc:spChg chg="add mod">
          <ac:chgData name="Daly Donnacha HSLU I" userId="0f22e960-400a-43ff-baeb-4828c8f5cd3a" providerId="ADAL" clId="{0BA1101D-93BB-474F-8A4D-62367F400F86}" dt="2021-03-16T16:59:06.433" v="2049" actId="207"/>
          <ac:spMkLst>
            <pc:docMk/>
            <pc:sldMk cId="1191410536" sldId="298"/>
            <ac:spMk id="4" creationId="{AB0B17E6-3C04-F148-ACB4-327229BBF3B6}"/>
          </ac:spMkLst>
        </pc:spChg>
        <pc:spChg chg="del">
          <ac:chgData name="Daly Donnacha HSLU I" userId="0f22e960-400a-43ff-baeb-4828c8f5cd3a" providerId="ADAL" clId="{0BA1101D-93BB-474F-8A4D-62367F400F86}" dt="2021-03-16T15:04:38.489" v="242" actId="478"/>
          <ac:spMkLst>
            <pc:docMk/>
            <pc:sldMk cId="1191410536" sldId="298"/>
            <ac:spMk id="5" creationId="{5B414FBE-EFF8-0644-B49C-67966D7CF99B}"/>
          </ac:spMkLst>
        </pc:spChg>
        <pc:spChg chg="add mod">
          <ac:chgData name="Daly Donnacha HSLU I" userId="0f22e960-400a-43ff-baeb-4828c8f5cd3a" providerId="ADAL" clId="{0BA1101D-93BB-474F-8A4D-62367F400F86}" dt="2021-03-16T16:58:58.854" v="2048" actId="1076"/>
          <ac:spMkLst>
            <pc:docMk/>
            <pc:sldMk cId="1191410536" sldId="298"/>
            <ac:spMk id="6" creationId="{3318DE80-A006-4247-9ADC-D9C15EB9271A}"/>
          </ac:spMkLst>
        </pc:spChg>
        <pc:spChg chg="del">
          <ac:chgData name="Daly Donnacha HSLU I" userId="0f22e960-400a-43ff-baeb-4828c8f5cd3a" providerId="ADAL" clId="{0BA1101D-93BB-474F-8A4D-62367F400F86}" dt="2021-03-16T15:04:35.717" v="241" actId="478"/>
          <ac:spMkLst>
            <pc:docMk/>
            <pc:sldMk cId="1191410536" sldId="298"/>
            <ac:spMk id="7" creationId="{43D0478F-1549-5146-B626-F98EFF326E8F}"/>
          </ac:spMkLst>
        </pc:spChg>
        <pc:spChg chg="del">
          <ac:chgData name="Daly Donnacha HSLU I" userId="0f22e960-400a-43ff-baeb-4828c8f5cd3a" providerId="ADAL" clId="{0BA1101D-93BB-474F-8A4D-62367F400F86}" dt="2021-03-16T15:04:29.524" v="238" actId="478"/>
          <ac:spMkLst>
            <pc:docMk/>
            <pc:sldMk cId="1191410536" sldId="298"/>
            <ac:spMk id="8" creationId="{82F0FFA6-593A-AA45-81A6-D0228AB80BEE}"/>
          </ac:spMkLst>
        </pc:spChg>
        <pc:spChg chg="add mod">
          <ac:chgData name="Daly Donnacha HSLU I" userId="0f22e960-400a-43ff-baeb-4828c8f5cd3a" providerId="ADAL" clId="{0BA1101D-93BB-474F-8A4D-62367F400F86}" dt="2021-03-16T15:04:29.855" v="239"/>
          <ac:spMkLst>
            <pc:docMk/>
            <pc:sldMk cId="1191410536" sldId="298"/>
            <ac:spMk id="9" creationId="{F47F2A8B-8802-1644-A599-945BECDEAE6C}"/>
          </ac:spMkLst>
        </pc:spChg>
        <pc:picChg chg="del">
          <ac:chgData name="Daly Donnacha HSLU I" userId="0f22e960-400a-43ff-baeb-4828c8f5cd3a" providerId="ADAL" clId="{0BA1101D-93BB-474F-8A4D-62367F400F86}" dt="2021-03-16T15:04:31.804" v="240" actId="478"/>
          <ac:picMkLst>
            <pc:docMk/>
            <pc:sldMk cId="1191410536" sldId="298"/>
            <ac:picMk id="3" creationId="{A4E2E59D-AFFC-5F49-8E87-568EBF652898}"/>
          </ac:picMkLst>
        </pc:picChg>
        <pc:picChg chg="add del mod">
          <ac:chgData name="Daly Donnacha HSLU I" userId="0f22e960-400a-43ff-baeb-4828c8f5cd3a" providerId="ADAL" clId="{0BA1101D-93BB-474F-8A4D-62367F400F86}" dt="2021-03-16T16:56:47.598" v="2018" actId="478"/>
          <ac:picMkLst>
            <pc:docMk/>
            <pc:sldMk cId="1191410536" sldId="298"/>
            <ac:picMk id="3074" creationId="{A86352B3-435C-B94E-B5BC-CEB954973C0A}"/>
          </ac:picMkLst>
        </pc:picChg>
        <pc:picChg chg="add mod">
          <ac:chgData name="Daly Donnacha HSLU I" userId="0f22e960-400a-43ff-baeb-4828c8f5cd3a" providerId="ADAL" clId="{0BA1101D-93BB-474F-8A4D-62367F400F86}" dt="2021-03-16T16:57:02.090" v="2023" actId="14100"/>
          <ac:picMkLst>
            <pc:docMk/>
            <pc:sldMk cId="1191410536" sldId="298"/>
            <ac:picMk id="3076" creationId="{04DDF7EB-E469-3E4B-BB40-75B2975BC2A1}"/>
          </ac:picMkLst>
        </pc:picChg>
      </pc:sldChg>
      <pc:sldChg chg="addSp delSp modSp mod">
        <pc:chgData name="Daly Donnacha HSLU I" userId="0f22e960-400a-43ff-baeb-4828c8f5cd3a" providerId="ADAL" clId="{0BA1101D-93BB-474F-8A4D-62367F400F86}" dt="2021-03-17T15:51:53.114" v="7767" actId="166"/>
        <pc:sldMkLst>
          <pc:docMk/>
          <pc:sldMk cId="3661452517" sldId="314"/>
        </pc:sldMkLst>
        <pc:spChg chg="del">
          <ac:chgData name="Daly Donnacha HSLU I" userId="0f22e960-400a-43ff-baeb-4828c8f5cd3a" providerId="ADAL" clId="{0BA1101D-93BB-474F-8A4D-62367F400F86}" dt="2021-03-16T15:09:25.720" v="741" actId="478"/>
          <ac:spMkLst>
            <pc:docMk/>
            <pc:sldMk cId="3661452517" sldId="314"/>
            <ac:spMk id="3" creationId="{DA1C84D6-C882-BF4B-BC8B-B0E40BEC90C8}"/>
          </ac:spMkLst>
        </pc:spChg>
        <pc:spChg chg="mod">
          <ac:chgData name="Daly Donnacha HSLU I" userId="0f22e960-400a-43ff-baeb-4828c8f5cd3a" providerId="ADAL" clId="{0BA1101D-93BB-474F-8A4D-62367F400F86}" dt="2021-03-17T15:51:25.036" v="7763" actId="20577"/>
          <ac:spMkLst>
            <pc:docMk/>
            <pc:sldMk cId="3661452517" sldId="314"/>
            <ac:spMk id="4" creationId="{08104162-0A5A-C04E-A4E0-90895A085508}"/>
          </ac:spMkLst>
        </pc:spChg>
        <pc:spChg chg="del">
          <ac:chgData name="Daly Donnacha HSLU I" userId="0f22e960-400a-43ff-baeb-4828c8f5cd3a" providerId="ADAL" clId="{0BA1101D-93BB-474F-8A4D-62367F400F86}" dt="2021-03-16T15:09:28.261" v="742" actId="478"/>
          <ac:spMkLst>
            <pc:docMk/>
            <pc:sldMk cId="3661452517" sldId="314"/>
            <ac:spMk id="15" creationId="{72CC2C58-8CD3-9742-8492-26F8BF1814AD}"/>
          </ac:spMkLst>
        </pc:spChg>
        <pc:spChg chg="del">
          <ac:chgData name="Daly Donnacha HSLU I" userId="0f22e960-400a-43ff-baeb-4828c8f5cd3a" providerId="ADAL" clId="{0BA1101D-93BB-474F-8A4D-62367F400F86}" dt="2021-03-16T15:09:28.261" v="742" actId="478"/>
          <ac:spMkLst>
            <pc:docMk/>
            <pc:sldMk cId="3661452517" sldId="314"/>
            <ac:spMk id="16" creationId="{EF0EFAE5-75FC-4349-A681-8AB8BC493CD3}"/>
          </ac:spMkLst>
        </pc:spChg>
        <pc:spChg chg="del">
          <ac:chgData name="Daly Donnacha HSLU I" userId="0f22e960-400a-43ff-baeb-4828c8f5cd3a" providerId="ADAL" clId="{0BA1101D-93BB-474F-8A4D-62367F400F86}" dt="2021-03-16T15:09:21.652" v="740" actId="478"/>
          <ac:spMkLst>
            <pc:docMk/>
            <pc:sldMk cId="3661452517" sldId="314"/>
            <ac:spMk id="17" creationId="{98FEA962-7270-EB4C-AC6C-09B38F717307}"/>
          </ac:spMkLst>
        </pc:spChg>
        <pc:spChg chg="add mod">
          <ac:chgData name="Daly Donnacha HSLU I" userId="0f22e960-400a-43ff-baeb-4828c8f5cd3a" providerId="ADAL" clId="{0BA1101D-93BB-474F-8A4D-62367F400F86}" dt="2021-03-16T16:10:45.626" v="1893" actId="1076"/>
          <ac:spMkLst>
            <pc:docMk/>
            <pc:sldMk cId="3661452517" sldId="314"/>
            <ac:spMk id="28" creationId="{D3F2DC5E-47C6-784D-BA68-4D2288D24342}"/>
          </ac:spMkLst>
        </pc:spChg>
        <pc:spChg chg="add mod">
          <ac:chgData name="Daly Donnacha HSLU I" userId="0f22e960-400a-43ff-baeb-4828c8f5cd3a" providerId="ADAL" clId="{0BA1101D-93BB-474F-8A4D-62367F400F86}" dt="2021-03-16T16:19:16.934" v="1934" actId="1038"/>
          <ac:spMkLst>
            <pc:docMk/>
            <pc:sldMk cId="3661452517" sldId="314"/>
            <ac:spMk id="29" creationId="{41C01782-7B50-2943-A0CA-C3EAAF83368F}"/>
          </ac:spMkLst>
        </pc:spChg>
        <pc:spChg chg="add mod">
          <ac:chgData name="Daly Donnacha HSLU I" userId="0f22e960-400a-43ff-baeb-4828c8f5cd3a" providerId="ADAL" clId="{0BA1101D-93BB-474F-8A4D-62367F400F86}" dt="2021-03-16T16:19:25.341" v="1935" actId="1076"/>
          <ac:spMkLst>
            <pc:docMk/>
            <pc:sldMk cId="3661452517" sldId="314"/>
            <ac:spMk id="30" creationId="{FCDC9EC9-3D3D-8947-ACB9-2536D638D4BB}"/>
          </ac:spMkLst>
        </pc:spChg>
        <pc:spChg chg="add mod">
          <ac:chgData name="Daly Donnacha HSLU I" userId="0f22e960-400a-43ff-baeb-4828c8f5cd3a" providerId="ADAL" clId="{0BA1101D-93BB-474F-8A4D-62367F400F86}" dt="2021-03-16T16:11:08.562" v="1899" actId="1076"/>
          <ac:spMkLst>
            <pc:docMk/>
            <pc:sldMk cId="3661452517" sldId="314"/>
            <ac:spMk id="31" creationId="{853C3A8A-B61F-CA43-B4ED-480A8112FB45}"/>
          </ac:spMkLst>
        </pc:spChg>
        <pc:spChg chg="add mod">
          <ac:chgData name="Daly Donnacha HSLU I" userId="0f22e960-400a-43ff-baeb-4828c8f5cd3a" providerId="ADAL" clId="{0BA1101D-93BB-474F-8A4D-62367F400F86}" dt="2021-03-16T16:19:16.934" v="1934" actId="1038"/>
          <ac:spMkLst>
            <pc:docMk/>
            <pc:sldMk cId="3661452517" sldId="314"/>
            <ac:spMk id="32" creationId="{26F3EDFD-9991-EC4A-AD4B-E13D9FE80D5E}"/>
          </ac:spMkLst>
        </pc:spChg>
        <pc:spChg chg="add mod">
          <ac:chgData name="Daly Donnacha HSLU I" userId="0f22e960-400a-43ff-baeb-4828c8f5cd3a" providerId="ADAL" clId="{0BA1101D-93BB-474F-8A4D-62367F400F86}" dt="2021-03-16T16:19:16.934" v="1934" actId="1038"/>
          <ac:spMkLst>
            <pc:docMk/>
            <pc:sldMk cId="3661452517" sldId="314"/>
            <ac:spMk id="33" creationId="{1B2FD63D-2885-F64A-88E8-000748F15374}"/>
          </ac:spMkLst>
        </pc:spChg>
        <pc:spChg chg="add">
          <ac:chgData name="Daly Donnacha HSLU I" userId="0f22e960-400a-43ff-baeb-4828c8f5cd3a" providerId="ADAL" clId="{0BA1101D-93BB-474F-8A4D-62367F400F86}" dt="2021-03-16T16:12:18.530" v="1905" actId="11529"/>
          <ac:spMkLst>
            <pc:docMk/>
            <pc:sldMk cId="3661452517" sldId="314"/>
            <ac:spMk id="34" creationId="{4D9C6F31-6289-F745-A4C0-83AC6A6F5644}"/>
          </ac:spMkLst>
        </pc:spChg>
        <pc:spChg chg="add del mod">
          <ac:chgData name="Daly Donnacha HSLU I" userId="0f22e960-400a-43ff-baeb-4828c8f5cd3a" providerId="ADAL" clId="{0BA1101D-93BB-474F-8A4D-62367F400F86}" dt="2021-03-16T16:16:14.544" v="1929" actId="478"/>
          <ac:spMkLst>
            <pc:docMk/>
            <pc:sldMk cId="3661452517" sldId="314"/>
            <ac:spMk id="35" creationId="{33DF24CB-574A-7542-876A-821BED29BE75}"/>
          </ac:spMkLst>
        </pc:spChg>
        <pc:spChg chg="add mod">
          <ac:chgData name="Daly Donnacha HSLU I" userId="0f22e960-400a-43ff-baeb-4828c8f5cd3a" providerId="ADAL" clId="{0BA1101D-93BB-474F-8A4D-62367F400F86}" dt="2021-03-16T16:13:33.562" v="1916" actId="571"/>
          <ac:spMkLst>
            <pc:docMk/>
            <pc:sldMk cId="3661452517" sldId="314"/>
            <ac:spMk id="36" creationId="{EFE2EC9E-00A1-D541-B562-D8DF5EA60823}"/>
          </ac:spMkLst>
        </pc:spChg>
        <pc:spChg chg="add del">
          <ac:chgData name="Daly Donnacha HSLU I" userId="0f22e960-400a-43ff-baeb-4828c8f5cd3a" providerId="ADAL" clId="{0BA1101D-93BB-474F-8A4D-62367F400F86}" dt="2021-03-16T16:14:07.831" v="1918" actId="478"/>
          <ac:spMkLst>
            <pc:docMk/>
            <pc:sldMk cId="3661452517" sldId="314"/>
            <ac:spMk id="37" creationId="{9A00CBFA-CD3B-584C-94C9-99341DFDE990}"/>
          </ac:spMkLst>
        </pc:spChg>
        <pc:spChg chg="add del mod">
          <ac:chgData name="Daly Donnacha HSLU I" userId="0f22e960-400a-43ff-baeb-4828c8f5cd3a" providerId="ADAL" clId="{0BA1101D-93BB-474F-8A4D-62367F400F86}" dt="2021-03-16T16:32:43.679" v="1936" actId="478"/>
          <ac:spMkLst>
            <pc:docMk/>
            <pc:sldMk cId="3661452517" sldId="314"/>
            <ac:spMk id="38" creationId="{F0565034-55F4-014D-B56C-AB1F41E2A383}"/>
          </ac:spMkLst>
        </pc:spChg>
        <pc:spChg chg="add mod">
          <ac:chgData name="Daly Donnacha HSLU I" userId="0f22e960-400a-43ff-baeb-4828c8f5cd3a" providerId="ADAL" clId="{0BA1101D-93BB-474F-8A4D-62367F400F86}" dt="2021-03-17T15:51:53.114" v="7767" actId="166"/>
          <ac:spMkLst>
            <pc:docMk/>
            <pc:sldMk cId="3661452517" sldId="314"/>
            <ac:spMk id="39" creationId="{3A80CB17-DE5C-BE4C-A775-2E8EB28A22A6}"/>
          </ac:spMkLst>
        </pc:spChg>
        <pc:spChg chg="add mod">
          <ac:chgData name="Daly Donnacha HSLU I" userId="0f22e960-400a-43ff-baeb-4828c8f5cd3a" providerId="ADAL" clId="{0BA1101D-93BB-474F-8A4D-62367F400F86}" dt="2021-03-17T15:51:32.848" v="7764" actId="20577"/>
          <ac:spMkLst>
            <pc:docMk/>
            <pc:sldMk cId="3661452517" sldId="314"/>
            <ac:spMk id="40" creationId="{102E0B40-3FC2-6C4D-A0B0-01295D5A2964}"/>
          </ac:spMkLst>
        </pc:spChg>
        <pc:spChg chg="add mod">
          <ac:chgData name="Daly Donnacha HSLU I" userId="0f22e960-400a-43ff-baeb-4828c8f5cd3a" providerId="ADAL" clId="{0BA1101D-93BB-474F-8A4D-62367F400F86}" dt="2021-03-17T15:51:37.936" v="7765" actId="20577"/>
          <ac:spMkLst>
            <pc:docMk/>
            <pc:sldMk cId="3661452517" sldId="314"/>
            <ac:spMk id="41" creationId="{4FC5EC44-0382-D34C-8E10-500B89155D65}"/>
          </ac:spMkLst>
        </pc:spChg>
        <pc:spChg chg="add mod">
          <ac:chgData name="Daly Donnacha HSLU I" userId="0f22e960-400a-43ff-baeb-4828c8f5cd3a" providerId="ADAL" clId="{0BA1101D-93BB-474F-8A4D-62367F400F86}" dt="2021-03-16T16:19:16.934" v="1934" actId="1038"/>
          <ac:spMkLst>
            <pc:docMk/>
            <pc:sldMk cId="3661452517" sldId="314"/>
            <ac:spMk id="42" creationId="{87C3161A-631B-E145-831D-6D51DC1B13A2}"/>
          </ac:spMkLst>
        </pc:spChg>
        <pc:spChg chg="add mod">
          <ac:chgData name="Daly Donnacha HSLU I" userId="0f22e960-400a-43ff-baeb-4828c8f5cd3a" providerId="ADAL" clId="{0BA1101D-93BB-474F-8A4D-62367F400F86}" dt="2021-03-16T16:19:16.934" v="1934" actId="1038"/>
          <ac:spMkLst>
            <pc:docMk/>
            <pc:sldMk cId="3661452517" sldId="314"/>
            <ac:spMk id="43" creationId="{10EBC451-E733-8348-8D74-FB2ACE4098B3}"/>
          </ac:spMkLst>
        </pc:spChg>
        <pc:spChg chg="add mod">
          <ac:chgData name="Daly Donnacha HSLU I" userId="0f22e960-400a-43ff-baeb-4828c8f5cd3a" providerId="ADAL" clId="{0BA1101D-93BB-474F-8A4D-62367F400F86}" dt="2021-03-17T15:51:41.696" v="7766" actId="20577"/>
          <ac:spMkLst>
            <pc:docMk/>
            <pc:sldMk cId="3661452517" sldId="314"/>
            <ac:spMk id="44" creationId="{4DD16ADD-1737-F54B-85AE-117E9E159D2D}"/>
          </ac:spMkLst>
        </pc:spChg>
        <pc:spChg chg="add">
          <ac:chgData name="Daly Donnacha HSLU I" userId="0f22e960-400a-43ff-baeb-4828c8f5cd3a" providerId="ADAL" clId="{0BA1101D-93BB-474F-8A4D-62367F400F86}" dt="2021-03-16T16:33:01.929" v="1937" actId="11529"/>
          <ac:spMkLst>
            <pc:docMk/>
            <pc:sldMk cId="3661452517" sldId="314"/>
            <ac:spMk id="45" creationId="{DB1C0BBC-5561-7147-938C-256D7224785C}"/>
          </ac:spMkLst>
        </pc:spChg>
        <pc:picChg chg="del">
          <ac:chgData name="Daly Donnacha HSLU I" userId="0f22e960-400a-43ff-baeb-4828c8f5cd3a" providerId="ADAL" clId="{0BA1101D-93BB-474F-8A4D-62367F400F86}" dt="2021-03-16T15:09:28.261" v="742" actId="478"/>
          <ac:picMkLst>
            <pc:docMk/>
            <pc:sldMk cId="3661452517" sldId="314"/>
            <ac:picMk id="5" creationId="{2303FD79-C5B2-B041-8778-627EB01F453B}"/>
          </ac:picMkLst>
        </pc:picChg>
        <pc:picChg chg="del">
          <ac:chgData name="Daly Donnacha HSLU I" userId="0f22e960-400a-43ff-baeb-4828c8f5cd3a" providerId="ADAL" clId="{0BA1101D-93BB-474F-8A4D-62367F400F86}" dt="2021-03-16T15:09:28.261" v="742" actId="478"/>
          <ac:picMkLst>
            <pc:docMk/>
            <pc:sldMk cId="3661452517" sldId="314"/>
            <ac:picMk id="6" creationId="{E2A4F055-67EA-1242-80BE-8704DA18B4FF}"/>
          </ac:picMkLst>
        </pc:picChg>
        <pc:picChg chg="del">
          <ac:chgData name="Daly Donnacha HSLU I" userId="0f22e960-400a-43ff-baeb-4828c8f5cd3a" providerId="ADAL" clId="{0BA1101D-93BB-474F-8A4D-62367F400F86}" dt="2021-03-16T15:09:28.261" v="742" actId="478"/>
          <ac:picMkLst>
            <pc:docMk/>
            <pc:sldMk cId="3661452517" sldId="314"/>
            <ac:picMk id="7" creationId="{5A7A51F5-4887-294C-AEF5-3D9F26AC852D}"/>
          </ac:picMkLst>
        </pc:picChg>
        <pc:picChg chg="del">
          <ac:chgData name="Daly Donnacha HSLU I" userId="0f22e960-400a-43ff-baeb-4828c8f5cd3a" providerId="ADAL" clId="{0BA1101D-93BB-474F-8A4D-62367F400F86}" dt="2021-03-16T15:09:28.261" v="742" actId="478"/>
          <ac:picMkLst>
            <pc:docMk/>
            <pc:sldMk cId="3661452517" sldId="314"/>
            <ac:picMk id="8" creationId="{8AD229E1-2E0B-E04B-B5AD-97ED0C662AC1}"/>
          </ac:picMkLst>
        </pc:picChg>
        <pc:picChg chg="del">
          <ac:chgData name="Daly Donnacha HSLU I" userId="0f22e960-400a-43ff-baeb-4828c8f5cd3a" providerId="ADAL" clId="{0BA1101D-93BB-474F-8A4D-62367F400F86}" dt="2021-03-16T15:09:28.261" v="742" actId="478"/>
          <ac:picMkLst>
            <pc:docMk/>
            <pc:sldMk cId="3661452517" sldId="314"/>
            <ac:picMk id="9" creationId="{3E12C1B2-F4D7-7444-BE2D-92D3528FE2C0}"/>
          </ac:picMkLst>
        </pc:picChg>
        <pc:picChg chg="del">
          <ac:chgData name="Daly Donnacha HSLU I" userId="0f22e960-400a-43ff-baeb-4828c8f5cd3a" providerId="ADAL" clId="{0BA1101D-93BB-474F-8A4D-62367F400F86}" dt="2021-03-16T15:09:28.261" v="742" actId="478"/>
          <ac:picMkLst>
            <pc:docMk/>
            <pc:sldMk cId="3661452517" sldId="314"/>
            <ac:picMk id="10" creationId="{5AA16CB6-0300-1C4E-90D1-295AFE1C484C}"/>
          </ac:picMkLst>
        </pc:picChg>
        <pc:picChg chg="del">
          <ac:chgData name="Daly Donnacha HSLU I" userId="0f22e960-400a-43ff-baeb-4828c8f5cd3a" providerId="ADAL" clId="{0BA1101D-93BB-474F-8A4D-62367F400F86}" dt="2021-03-16T15:09:28.261" v="742" actId="478"/>
          <ac:picMkLst>
            <pc:docMk/>
            <pc:sldMk cId="3661452517" sldId="314"/>
            <ac:picMk id="11" creationId="{2455036D-871A-7842-B4C3-DF063878A641}"/>
          </ac:picMkLst>
        </pc:picChg>
        <pc:picChg chg="del">
          <ac:chgData name="Daly Donnacha HSLU I" userId="0f22e960-400a-43ff-baeb-4828c8f5cd3a" providerId="ADAL" clId="{0BA1101D-93BB-474F-8A4D-62367F400F86}" dt="2021-03-16T15:09:28.261" v="742" actId="478"/>
          <ac:picMkLst>
            <pc:docMk/>
            <pc:sldMk cId="3661452517" sldId="314"/>
            <ac:picMk id="12" creationId="{C8527DA3-9BCE-4A46-934A-FDBECBC067B0}"/>
          </ac:picMkLst>
        </pc:picChg>
        <pc:picChg chg="del">
          <ac:chgData name="Daly Donnacha HSLU I" userId="0f22e960-400a-43ff-baeb-4828c8f5cd3a" providerId="ADAL" clId="{0BA1101D-93BB-474F-8A4D-62367F400F86}" dt="2021-03-16T15:09:28.261" v="742" actId="478"/>
          <ac:picMkLst>
            <pc:docMk/>
            <pc:sldMk cId="3661452517" sldId="314"/>
            <ac:picMk id="13" creationId="{89D24100-3C42-D64A-A854-B89EAC07A43B}"/>
          </ac:picMkLst>
        </pc:picChg>
        <pc:picChg chg="del">
          <ac:chgData name="Daly Donnacha HSLU I" userId="0f22e960-400a-43ff-baeb-4828c8f5cd3a" providerId="ADAL" clId="{0BA1101D-93BB-474F-8A4D-62367F400F86}" dt="2021-03-16T15:09:28.261" v="742" actId="478"/>
          <ac:picMkLst>
            <pc:docMk/>
            <pc:sldMk cId="3661452517" sldId="314"/>
            <ac:picMk id="14" creationId="{70163DD0-AF80-7742-8DFF-26F2FE2AF662}"/>
          </ac:picMkLst>
        </pc:picChg>
        <pc:cxnChg chg="add mod">
          <ac:chgData name="Daly Donnacha HSLU I" userId="0f22e960-400a-43ff-baeb-4828c8f5cd3a" providerId="ADAL" clId="{0BA1101D-93BB-474F-8A4D-62367F400F86}" dt="2021-03-16T16:19:16.934" v="1934" actId="1038"/>
          <ac:cxnSpMkLst>
            <pc:docMk/>
            <pc:sldMk cId="3661452517" sldId="314"/>
            <ac:cxnSpMk id="19" creationId="{A1F17A91-8960-0F40-8AD4-62261484A261}"/>
          </ac:cxnSpMkLst>
        </pc:cxnChg>
        <pc:cxnChg chg="add mod">
          <ac:chgData name="Daly Donnacha HSLU I" userId="0f22e960-400a-43ff-baeb-4828c8f5cd3a" providerId="ADAL" clId="{0BA1101D-93BB-474F-8A4D-62367F400F86}" dt="2021-03-16T16:19:16.934" v="1934" actId="1038"/>
          <ac:cxnSpMkLst>
            <pc:docMk/>
            <pc:sldMk cId="3661452517" sldId="314"/>
            <ac:cxnSpMk id="21" creationId="{6B172202-312A-3D43-996B-E95D8222DBFC}"/>
          </ac:cxnSpMkLst>
        </pc:cxnChg>
        <pc:cxnChg chg="add mod">
          <ac:chgData name="Daly Donnacha HSLU I" userId="0f22e960-400a-43ff-baeb-4828c8f5cd3a" providerId="ADAL" clId="{0BA1101D-93BB-474F-8A4D-62367F400F86}" dt="2021-03-16T16:19:16.934" v="1934" actId="1038"/>
          <ac:cxnSpMkLst>
            <pc:docMk/>
            <pc:sldMk cId="3661452517" sldId="314"/>
            <ac:cxnSpMk id="24" creationId="{6EE1657A-D143-6146-99F5-16D0532CFFA7}"/>
          </ac:cxnSpMkLst>
        </pc:cxnChg>
        <pc:cxnChg chg="add mod">
          <ac:chgData name="Daly Donnacha HSLU I" userId="0f22e960-400a-43ff-baeb-4828c8f5cd3a" providerId="ADAL" clId="{0BA1101D-93BB-474F-8A4D-62367F400F86}" dt="2021-03-16T16:19:16.934" v="1934" actId="1038"/>
          <ac:cxnSpMkLst>
            <pc:docMk/>
            <pc:sldMk cId="3661452517" sldId="314"/>
            <ac:cxnSpMk id="25" creationId="{E3ED02F9-11C1-0D4D-BED9-673B7F8693D8}"/>
          </ac:cxnSpMkLst>
        </pc:cxnChg>
        <pc:cxnChg chg="add mod">
          <ac:chgData name="Daly Donnacha HSLU I" userId="0f22e960-400a-43ff-baeb-4828c8f5cd3a" providerId="ADAL" clId="{0BA1101D-93BB-474F-8A4D-62367F400F86}" dt="2021-03-16T16:06:10.372" v="1498" actId="1076"/>
          <ac:cxnSpMkLst>
            <pc:docMk/>
            <pc:sldMk cId="3661452517" sldId="314"/>
            <ac:cxnSpMk id="26" creationId="{07948C00-9D6E-A84C-95ED-CE9FF8BA7BFC}"/>
          </ac:cxnSpMkLst>
        </pc:cxnChg>
        <pc:cxnChg chg="add mod">
          <ac:chgData name="Daly Donnacha HSLU I" userId="0f22e960-400a-43ff-baeb-4828c8f5cd3a" providerId="ADAL" clId="{0BA1101D-93BB-474F-8A4D-62367F400F86}" dt="2021-03-16T16:06:10.372" v="1498" actId="1076"/>
          <ac:cxnSpMkLst>
            <pc:docMk/>
            <pc:sldMk cId="3661452517" sldId="314"/>
            <ac:cxnSpMk id="27" creationId="{65FDDB6D-4972-DB48-B0E8-F664454D8100}"/>
          </ac:cxnSpMkLst>
        </pc:cxnChg>
      </pc:sldChg>
      <pc:sldChg chg="modSp mod">
        <pc:chgData name="Daly Donnacha HSLU I" userId="0f22e960-400a-43ff-baeb-4828c8f5cd3a" providerId="ADAL" clId="{0BA1101D-93BB-474F-8A4D-62367F400F86}" dt="2021-03-17T06:39:48.341" v="7304" actId="1076"/>
        <pc:sldMkLst>
          <pc:docMk/>
          <pc:sldMk cId="2208137706" sldId="315"/>
        </pc:sldMkLst>
        <pc:spChg chg="mod">
          <ac:chgData name="Daly Donnacha HSLU I" userId="0f22e960-400a-43ff-baeb-4828c8f5cd3a" providerId="ADAL" clId="{0BA1101D-93BB-474F-8A4D-62367F400F86}" dt="2021-03-17T06:39:48.341" v="7304" actId="1076"/>
          <ac:spMkLst>
            <pc:docMk/>
            <pc:sldMk cId="2208137706" sldId="315"/>
            <ac:spMk id="3" creationId="{63132F41-5235-6647-AE60-DA2A6069816C}"/>
          </ac:spMkLst>
        </pc:spChg>
      </pc:sldChg>
      <pc:sldChg chg="del">
        <pc:chgData name="Daly Donnacha HSLU I" userId="0f22e960-400a-43ff-baeb-4828c8f5cd3a" providerId="ADAL" clId="{0BA1101D-93BB-474F-8A4D-62367F400F86}" dt="2021-03-16T15:04:05.649" v="230" actId="2696"/>
        <pc:sldMkLst>
          <pc:docMk/>
          <pc:sldMk cId="4118827072" sldId="316"/>
        </pc:sldMkLst>
      </pc:sldChg>
      <pc:sldChg chg="del">
        <pc:chgData name="Daly Donnacha HSLU I" userId="0f22e960-400a-43ff-baeb-4828c8f5cd3a" providerId="ADAL" clId="{0BA1101D-93BB-474F-8A4D-62367F400F86}" dt="2021-03-16T15:04:05.649" v="230" actId="2696"/>
        <pc:sldMkLst>
          <pc:docMk/>
          <pc:sldMk cId="489761331" sldId="317"/>
        </pc:sldMkLst>
      </pc:sldChg>
      <pc:sldChg chg="del">
        <pc:chgData name="Daly Donnacha HSLU I" userId="0f22e960-400a-43ff-baeb-4828c8f5cd3a" providerId="ADAL" clId="{0BA1101D-93BB-474F-8A4D-62367F400F86}" dt="2021-03-16T15:04:05.649" v="230" actId="2696"/>
        <pc:sldMkLst>
          <pc:docMk/>
          <pc:sldMk cId="3509543670" sldId="319"/>
        </pc:sldMkLst>
      </pc:sldChg>
      <pc:sldChg chg="del">
        <pc:chgData name="Daly Donnacha HSLU I" userId="0f22e960-400a-43ff-baeb-4828c8f5cd3a" providerId="ADAL" clId="{0BA1101D-93BB-474F-8A4D-62367F400F86}" dt="2021-03-16T15:04:05.649" v="230" actId="2696"/>
        <pc:sldMkLst>
          <pc:docMk/>
          <pc:sldMk cId="3836711015" sldId="322"/>
        </pc:sldMkLst>
      </pc:sldChg>
      <pc:sldChg chg="del">
        <pc:chgData name="Daly Donnacha HSLU I" userId="0f22e960-400a-43ff-baeb-4828c8f5cd3a" providerId="ADAL" clId="{0BA1101D-93BB-474F-8A4D-62367F400F86}" dt="2021-03-16T15:04:05.649" v="230" actId="2696"/>
        <pc:sldMkLst>
          <pc:docMk/>
          <pc:sldMk cId="543087964" sldId="325"/>
        </pc:sldMkLst>
      </pc:sldChg>
      <pc:sldChg chg="del">
        <pc:chgData name="Daly Donnacha HSLU I" userId="0f22e960-400a-43ff-baeb-4828c8f5cd3a" providerId="ADAL" clId="{0BA1101D-93BB-474F-8A4D-62367F400F86}" dt="2021-03-16T15:04:05.649" v="230" actId="2696"/>
        <pc:sldMkLst>
          <pc:docMk/>
          <pc:sldMk cId="3860126345" sldId="328"/>
        </pc:sldMkLst>
      </pc:sldChg>
      <pc:sldChg chg="del">
        <pc:chgData name="Daly Donnacha HSLU I" userId="0f22e960-400a-43ff-baeb-4828c8f5cd3a" providerId="ADAL" clId="{0BA1101D-93BB-474F-8A4D-62367F400F86}" dt="2021-03-16T15:04:05.649" v="230" actId="2696"/>
        <pc:sldMkLst>
          <pc:docMk/>
          <pc:sldMk cId="2201559720" sldId="331"/>
        </pc:sldMkLst>
      </pc:sldChg>
      <pc:sldChg chg="del">
        <pc:chgData name="Daly Donnacha HSLU I" userId="0f22e960-400a-43ff-baeb-4828c8f5cd3a" providerId="ADAL" clId="{0BA1101D-93BB-474F-8A4D-62367F400F86}" dt="2021-03-16T15:04:05.649" v="230" actId="2696"/>
        <pc:sldMkLst>
          <pc:docMk/>
          <pc:sldMk cId="3141306406" sldId="333"/>
        </pc:sldMkLst>
      </pc:sldChg>
      <pc:sldChg chg="del">
        <pc:chgData name="Daly Donnacha HSLU I" userId="0f22e960-400a-43ff-baeb-4828c8f5cd3a" providerId="ADAL" clId="{0BA1101D-93BB-474F-8A4D-62367F400F86}" dt="2021-03-16T15:04:05.649" v="230" actId="2696"/>
        <pc:sldMkLst>
          <pc:docMk/>
          <pc:sldMk cId="2964960322" sldId="335"/>
        </pc:sldMkLst>
      </pc:sldChg>
      <pc:sldChg chg="del">
        <pc:chgData name="Daly Donnacha HSLU I" userId="0f22e960-400a-43ff-baeb-4828c8f5cd3a" providerId="ADAL" clId="{0BA1101D-93BB-474F-8A4D-62367F400F86}" dt="2021-03-16T15:04:05.649" v="230" actId="2696"/>
        <pc:sldMkLst>
          <pc:docMk/>
          <pc:sldMk cId="53301900" sldId="336"/>
        </pc:sldMkLst>
      </pc:sldChg>
      <pc:sldChg chg="del">
        <pc:chgData name="Daly Donnacha HSLU I" userId="0f22e960-400a-43ff-baeb-4828c8f5cd3a" providerId="ADAL" clId="{0BA1101D-93BB-474F-8A4D-62367F400F86}" dt="2021-03-16T15:04:05.649" v="230" actId="2696"/>
        <pc:sldMkLst>
          <pc:docMk/>
          <pc:sldMk cId="3740263952" sldId="337"/>
        </pc:sldMkLst>
      </pc:sldChg>
      <pc:sldChg chg="del">
        <pc:chgData name="Daly Donnacha HSLU I" userId="0f22e960-400a-43ff-baeb-4828c8f5cd3a" providerId="ADAL" clId="{0BA1101D-93BB-474F-8A4D-62367F400F86}" dt="2021-03-16T15:04:05.649" v="230" actId="2696"/>
        <pc:sldMkLst>
          <pc:docMk/>
          <pc:sldMk cId="645241920" sldId="340"/>
        </pc:sldMkLst>
      </pc:sldChg>
      <pc:sldChg chg="del">
        <pc:chgData name="Daly Donnacha HSLU I" userId="0f22e960-400a-43ff-baeb-4828c8f5cd3a" providerId="ADAL" clId="{0BA1101D-93BB-474F-8A4D-62367F400F86}" dt="2021-03-16T15:04:05.649" v="230" actId="2696"/>
        <pc:sldMkLst>
          <pc:docMk/>
          <pc:sldMk cId="3848251181" sldId="341"/>
        </pc:sldMkLst>
      </pc:sldChg>
      <pc:sldChg chg="del">
        <pc:chgData name="Daly Donnacha HSLU I" userId="0f22e960-400a-43ff-baeb-4828c8f5cd3a" providerId="ADAL" clId="{0BA1101D-93BB-474F-8A4D-62367F400F86}" dt="2021-03-16T15:04:05.649" v="230" actId="2696"/>
        <pc:sldMkLst>
          <pc:docMk/>
          <pc:sldMk cId="4215521886" sldId="342"/>
        </pc:sldMkLst>
      </pc:sldChg>
      <pc:sldChg chg="del">
        <pc:chgData name="Daly Donnacha HSLU I" userId="0f22e960-400a-43ff-baeb-4828c8f5cd3a" providerId="ADAL" clId="{0BA1101D-93BB-474F-8A4D-62367F400F86}" dt="2021-03-16T15:04:05.649" v="230" actId="2696"/>
        <pc:sldMkLst>
          <pc:docMk/>
          <pc:sldMk cId="494489230" sldId="343"/>
        </pc:sldMkLst>
      </pc:sldChg>
      <pc:sldChg chg="del">
        <pc:chgData name="Daly Donnacha HSLU I" userId="0f22e960-400a-43ff-baeb-4828c8f5cd3a" providerId="ADAL" clId="{0BA1101D-93BB-474F-8A4D-62367F400F86}" dt="2021-03-16T15:04:05.649" v="230" actId="2696"/>
        <pc:sldMkLst>
          <pc:docMk/>
          <pc:sldMk cId="122152417" sldId="344"/>
        </pc:sldMkLst>
      </pc:sldChg>
      <pc:sldChg chg="del">
        <pc:chgData name="Daly Donnacha HSLU I" userId="0f22e960-400a-43ff-baeb-4828c8f5cd3a" providerId="ADAL" clId="{0BA1101D-93BB-474F-8A4D-62367F400F86}" dt="2021-03-16T15:04:05.649" v="230" actId="2696"/>
        <pc:sldMkLst>
          <pc:docMk/>
          <pc:sldMk cId="3111038021" sldId="345"/>
        </pc:sldMkLst>
      </pc:sldChg>
      <pc:sldChg chg="del">
        <pc:chgData name="Daly Donnacha HSLU I" userId="0f22e960-400a-43ff-baeb-4828c8f5cd3a" providerId="ADAL" clId="{0BA1101D-93BB-474F-8A4D-62367F400F86}" dt="2021-03-16T15:04:05.649" v="230" actId="2696"/>
        <pc:sldMkLst>
          <pc:docMk/>
          <pc:sldMk cId="561057908" sldId="346"/>
        </pc:sldMkLst>
      </pc:sldChg>
      <pc:sldChg chg="del">
        <pc:chgData name="Daly Donnacha HSLU I" userId="0f22e960-400a-43ff-baeb-4828c8f5cd3a" providerId="ADAL" clId="{0BA1101D-93BB-474F-8A4D-62367F400F86}" dt="2021-03-16T15:04:05.649" v="230" actId="2696"/>
        <pc:sldMkLst>
          <pc:docMk/>
          <pc:sldMk cId="4292659517" sldId="347"/>
        </pc:sldMkLst>
      </pc:sldChg>
      <pc:sldChg chg="del">
        <pc:chgData name="Daly Donnacha HSLU I" userId="0f22e960-400a-43ff-baeb-4828c8f5cd3a" providerId="ADAL" clId="{0BA1101D-93BB-474F-8A4D-62367F400F86}" dt="2021-03-16T15:04:05.649" v="230" actId="2696"/>
        <pc:sldMkLst>
          <pc:docMk/>
          <pc:sldMk cId="500806703" sldId="348"/>
        </pc:sldMkLst>
      </pc:sldChg>
      <pc:sldChg chg="modSp mod">
        <pc:chgData name="Daly Donnacha HSLU I" userId="0f22e960-400a-43ff-baeb-4828c8f5cd3a" providerId="ADAL" clId="{0BA1101D-93BB-474F-8A4D-62367F400F86}" dt="2021-03-16T16:59:56.543" v="2052" actId="20577"/>
        <pc:sldMkLst>
          <pc:docMk/>
          <pc:sldMk cId="2409819955" sldId="350"/>
        </pc:sldMkLst>
        <pc:spChg chg="mod">
          <ac:chgData name="Daly Donnacha HSLU I" userId="0f22e960-400a-43ff-baeb-4828c8f5cd3a" providerId="ADAL" clId="{0BA1101D-93BB-474F-8A4D-62367F400F86}" dt="2021-03-16T16:59:56.543" v="2052" actId="20577"/>
          <ac:spMkLst>
            <pc:docMk/>
            <pc:sldMk cId="2409819955" sldId="350"/>
            <ac:spMk id="3" creationId="{84F7EB68-49D7-E946-9C97-7F725AFD1637}"/>
          </ac:spMkLst>
        </pc:spChg>
      </pc:sldChg>
      <pc:sldChg chg="del">
        <pc:chgData name="Daly Donnacha HSLU I" userId="0f22e960-400a-43ff-baeb-4828c8f5cd3a" providerId="ADAL" clId="{0BA1101D-93BB-474F-8A4D-62367F400F86}" dt="2021-03-16T15:04:05.649" v="230" actId="2696"/>
        <pc:sldMkLst>
          <pc:docMk/>
          <pc:sldMk cId="2403689426" sldId="351"/>
        </pc:sldMkLst>
      </pc:sldChg>
      <pc:sldChg chg="del">
        <pc:chgData name="Daly Donnacha HSLU I" userId="0f22e960-400a-43ff-baeb-4828c8f5cd3a" providerId="ADAL" clId="{0BA1101D-93BB-474F-8A4D-62367F400F86}" dt="2021-03-16T15:04:05.649" v="230" actId="2696"/>
        <pc:sldMkLst>
          <pc:docMk/>
          <pc:sldMk cId="1710712157" sldId="352"/>
        </pc:sldMkLst>
      </pc:sldChg>
      <pc:sldChg chg="del">
        <pc:chgData name="Daly Donnacha HSLU I" userId="0f22e960-400a-43ff-baeb-4828c8f5cd3a" providerId="ADAL" clId="{0BA1101D-93BB-474F-8A4D-62367F400F86}" dt="2021-03-16T15:04:05.649" v="230" actId="2696"/>
        <pc:sldMkLst>
          <pc:docMk/>
          <pc:sldMk cId="825054852" sldId="353"/>
        </pc:sldMkLst>
      </pc:sldChg>
      <pc:sldChg chg="del">
        <pc:chgData name="Daly Donnacha HSLU I" userId="0f22e960-400a-43ff-baeb-4828c8f5cd3a" providerId="ADAL" clId="{0BA1101D-93BB-474F-8A4D-62367F400F86}" dt="2021-03-16T15:04:05.649" v="230" actId="2696"/>
        <pc:sldMkLst>
          <pc:docMk/>
          <pc:sldMk cId="2211873062" sldId="354"/>
        </pc:sldMkLst>
      </pc:sldChg>
      <pc:sldChg chg="del">
        <pc:chgData name="Daly Donnacha HSLU I" userId="0f22e960-400a-43ff-baeb-4828c8f5cd3a" providerId="ADAL" clId="{0BA1101D-93BB-474F-8A4D-62367F400F86}" dt="2021-03-16T15:04:05.649" v="230" actId="2696"/>
        <pc:sldMkLst>
          <pc:docMk/>
          <pc:sldMk cId="3570658457" sldId="355"/>
        </pc:sldMkLst>
      </pc:sldChg>
      <pc:sldChg chg="del">
        <pc:chgData name="Daly Donnacha HSLU I" userId="0f22e960-400a-43ff-baeb-4828c8f5cd3a" providerId="ADAL" clId="{0BA1101D-93BB-474F-8A4D-62367F400F86}" dt="2021-03-16T15:04:05.649" v="230" actId="2696"/>
        <pc:sldMkLst>
          <pc:docMk/>
          <pc:sldMk cId="1230846099" sldId="356"/>
        </pc:sldMkLst>
      </pc:sldChg>
      <pc:sldChg chg="del">
        <pc:chgData name="Daly Donnacha HSLU I" userId="0f22e960-400a-43ff-baeb-4828c8f5cd3a" providerId="ADAL" clId="{0BA1101D-93BB-474F-8A4D-62367F400F86}" dt="2021-03-16T15:04:05.649" v="230" actId="2696"/>
        <pc:sldMkLst>
          <pc:docMk/>
          <pc:sldMk cId="1898723469" sldId="357"/>
        </pc:sldMkLst>
      </pc:sldChg>
      <pc:sldChg chg="del">
        <pc:chgData name="Daly Donnacha HSLU I" userId="0f22e960-400a-43ff-baeb-4828c8f5cd3a" providerId="ADAL" clId="{0BA1101D-93BB-474F-8A4D-62367F400F86}" dt="2021-03-16T15:04:05.649" v="230" actId="2696"/>
        <pc:sldMkLst>
          <pc:docMk/>
          <pc:sldMk cId="939494367" sldId="358"/>
        </pc:sldMkLst>
      </pc:sldChg>
      <pc:sldChg chg="del">
        <pc:chgData name="Daly Donnacha HSLU I" userId="0f22e960-400a-43ff-baeb-4828c8f5cd3a" providerId="ADAL" clId="{0BA1101D-93BB-474F-8A4D-62367F400F86}" dt="2021-03-16T15:04:05.649" v="230" actId="2696"/>
        <pc:sldMkLst>
          <pc:docMk/>
          <pc:sldMk cId="3880072058" sldId="359"/>
        </pc:sldMkLst>
      </pc:sldChg>
      <pc:sldChg chg="del">
        <pc:chgData name="Daly Donnacha HSLU I" userId="0f22e960-400a-43ff-baeb-4828c8f5cd3a" providerId="ADAL" clId="{0BA1101D-93BB-474F-8A4D-62367F400F86}" dt="2021-03-16T15:04:05.649" v="230" actId="2696"/>
        <pc:sldMkLst>
          <pc:docMk/>
          <pc:sldMk cId="4099127080" sldId="360"/>
        </pc:sldMkLst>
      </pc:sldChg>
      <pc:sldChg chg="del">
        <pc:chgData name="Daly Donnacha HSLU I" userId="0f22e960-400a-43ff-baeb-4828c8f5cd3a" providerId="ADAL" clId="{0BA1101D-93BB-474F-8A4D-62367F400F86}" dt="2021-03-16T15:04:05.649" v="230" actId="2696"/>
        <pc:sldMkLst>
          <pc:docMk/>
          <pc:sldMk cId="1410749080" sldId="361"/>
        </pc:sldMkLst>
      </pc:sldChg>
      <pc:sldChg chg="del">
        <pc:chgData name="Daly Donnacha HSLU I" userId="0f22e960-400a-43ff-baeb-4828c8f5cd3a" providerId="ADAL" clId="{0BA1101D-93BB-474F-8A4D-62367F400F86}" dt="2021-03-16T15:04:05.649" v="230" actId="2696"/>
        <pc:sldMkLst>
          <pc:docMk/>
          <pc:sldMk cId="1164331458" sldId="363"/>
        </pc:sldMkLst>
      </pc:sldChg>
      <pc:sldChg chg="del">
        <pc:chgData name="Daly Donnacha HSLU I" userId="0f22e960-400a-43ff-baeb-4828c8f5cd3a" providerId="ADAL" clId="{0BA1101D-93BB-474F-8A4D-62367F400F86}" dt="2021-03-16T15:04:05.649" v="230" actId="2696"/>
        <pc:sldMkLst>
          <pc:docMk/>
          <pc:sldMk cId="888482426" sldId="364"/>
        </pc:sldMkLst>
      </pc:sldChg>
      <pc:sldChg chg="del">
        <pc:chgData name="Daly Donnacha HSLU I" userId="0f22e960-400a-43ff-baeb-4828c8f5cd3a" providerId="ADAL" clId="{0BA1101D-93BB-474F-8A4D-62367F400F86}" dt="2021-03-16T15:04:05.649" v="230" actId="2696"/>
        <pc:sldMkLst>
          <pc:docMk/>
          <pc:sldMk cId="1881556079" sldId="366"/>
        </pc:sldMkLst>
      </pc:sldChg>
      <pc:sldChg chg="del">
        <pc:chgData name="Daly Donnacha HSLU I" userId="0f22e960-400a-43ff-baeb-4828c8f5cd3a" providerId="ADAL" clId="{0BA1101D-93BB-474F-8A4D-62367F400F86}" dt="2021-03-16T15:04:05.649" v="230" actId="2696"/>
        <pc:sldMkLst>
          <pc:docMk/>
          <pc:sldMk cId="2021633834" sldId="367"/>
        </pc:sldMkLst>
      </pc:sldChg>
      <pc:sldChg chg="del">
        <pc:chgData name="Daly Donnacha HSLU I" userId="0f22e960-400a-43ff-baeb-4828c8f5cd3a" providerId="ADAL" clId="{0BA1101D-93BB-474F-8A4D-62367F400F86}" dt="2021-03-16T15:04:05.649" v="230" actId="2696"/>
        <pc:sldMkLst>
          <pc:docMk/>
          <pc:sldMk cId="552901742" sldId="368"/>
        </pc:sldMkLst>
      </pc:sldChg>
      <pc:sldChg chg="del">
        <pc:chgData name="Daly Donnacha HSLU I" userId="0f22e960-400a-43ff-baeb-4828c8f5cd3a" providerId="ADAL" clId="{0BA1101D-93BB-474F-8A4D-62367F400F86}" dt="2021-03-16T15:04:05.649" v="230" actId="2696"/>
        <pc:sldMkLst>
          <pc:docMk/>
          <pc:sldMk cId="1333879337" sldId="369"/>
        </pc:sldMkLst>
      </pc:sldChg>
      <pc:sldChg chg="del">
        <pc:chgData name="Daly Donnacha HSLU I" userId="0f22e960-400a-43ff-baeb-4828c8f5cd3a" providerId="ADAL" clId="{0BA1101D-93BB-474F-8A4D-62367F400F86}" dt="2021-03-16T15:04:05.649" v="230" actId="2696"/>
        <pc:sldMkLst>
          <pc:docMk/>
          <pc:sldMk cId="1456426079" sldId="371"/>
        </pc:sldMkLst>
      </pc:sldChg>
      <pc:sldChg chg="modSp add mod">
        <pc:chgData name="Daly Donnacha HSLU I" userId="0f22e960-400a-43ff-baeb-4828c8f5cd3a" providerId="ADAL" clId="{0BA1101D-93BB-474F-8A4D-62367F400F86}" dt="2021-03-17T06:39:58.296" v="7305" actId="1076"/>
        <pc:sldMkLst>
          <pc:docMk/>
          <pc:sldMk cId="10494741" sldId="372"/>
        </pc:sldMkLst>
        <pc:spChg chg="mod">
          <ac:chgData name="Daly Donnacha HSLU I" userId="0f22e960-400a-43ff-baeb-4828c8f5cd3a" providerId="ADAL" clId="{0BA1101D-93BB-474F-8A4D-62367F400F86}" dt="2021-03-16T15:02:07.088" v="105" actId="20577"/>
          <ac:spMkLst>
            <pc:docMk/>
            <pc:sldMk cId="10494741" sldId="372"/>
            <ac:spMk id="2" creationId="{069B8F1E-027C-6440-9E6A-40BB8DAAAB65}"/>
          </ac:spMkLst>
        </pc:spChg>
        <pc:spChg chg="mod">
          <ac:chgData name="Daly Donnacha HSLU I" userId="0f22e960-400a-43ff-baeb-4828c8f5cd3a" providerId="ADAL" clId="{0BA1101D-93BB-474F-8A4D-62367F400F86}" dt="2021-03-17T06:39:58.296" v="7305" actId="1076"/>
          <ac:spMkLst>
            <pc:docMk/>
            <pc:sldMk cId="10494741" sldId="372"/>
            <ac:spMk id="3" creationId="{63132F41-5235-6647-AE60-DA2A6069816C}"/>
          </ac:spMkLst>
        </pc:spChg>
      </pc:sldChg>
      <pc:sldChg chg="modSp add mod">
        <pc:chgData name="Daly Donnacha HSLU I" userId="0f22e960-400a-43ff-baeb-4828c8f5cd3a" providerId="ADAL" clId="{0BA1101D-93BB-474F-8A4D-62367F400F86}" dt="2021-03-17T06:40:05.615" v="7307" actId="1076"/>
        <pc:sldMkLst>
          <pc:docMk/>
          <pc:sldMk cId="1403786330" sldId="373"/>
        </pc:sldMkLst>
        <pc:spChg chg="mod">
          <ac:chgData name="Daly Donnacha HSLU I" userId="0f22e960-400a-43ff-baeb-4828c8f5cd3a" providerId="ADAL" clId="{0BA1101D-93BB-474F-8A4D-62367F400F86}" dt="2021-03-16T15:03:41.141" v="195" actId="20577"/>
          <ac:spMkLst>
            <pc:docMk/>
            <pc:sldMk cId="1403786330" sldId="373"/>
            <ac:spMk id="2" creationId="{069B8F1E-027C-6440-9E6A-40BB8DAAAB65}"/>
          </ac:spMkLst>
        </pc:spChg>
        <pc:spChg chg="mod">
          <ac:chgData name="Daly Donnacha HSLU I" userId="0f22e960-400a-43ff-baeb-4828c8f5cd3a" providerId="ADAL" clId="{0BA1101D-93BB-474F-8A4D-62367F400F86}" dt="2021-03-17T06:40:05.615" v="7307" actId="1076"/>
          <ac:spMkLst>
            <pc:docMk/>
            <pc:sldMk cId="1403786330" sldId="373"/>
            <ac:spMk id="3" creationId="{63132F41-5235-6647-AE60-DA2A6069816C}"/>
          </ac:spMkLst>
        </pc:spChg>
      </pc:sldChg>
      <pc:sldChg chg="modSp add mod">
        <pc:chgData name="Daly Donnacha HSLU I" userId="0f22e960-400a-43ff-baeb-4828c8f5cd3a" providerId="ADAL" clId="{0BA1101D-93BB-474F-8A4D-62367F400F86}" dt="2021-03-17T06:40:26.427" v="7330" actId="20577"/>
        <pc:sldMkLst>
          <pc:docMk/>
          <pc:sldMk cId="757757058" sldId="374"/>
        </pc:sldMkLst>
        <pc:spChg chg="mod">
          <ac:chgData name="Daly Donnacha HSLU I" userId="0f22e960-400a-43ff-baeb-4828c8f5cd3a" providerId="ADAL" clId="{0BA1101D-93BB-474F-8A4D-62367F400F86}" dt="2021-03-16T15:03:47.421" v="197" actId="20577"/>
          <ac:spMkLst>
            <pc:docMk/>
            <pc:sldMk cId="757757058" sldId="374"/>
            <ac:spMk id="2" creationId="{069B8F1E-027C-6440-9E6A-40BB8DAAAB65}"/>
          </ac:spMkLst>
        </pc:spChg>
        <pc:spChg chg="mod">
          <ac:chgData name="Daly Donnacha HSLU I" userId="0f22e960-400a-43ff-baeb-4828c8f5cd3a" providerId="ADAL" clId="{0BA1101D-93BB-474F-8A4D-62367F400F86}" dt="2021-03-17T06:40:26.427" v="7330" actId="20577"/>
          <ac:spMkLst>
            <pc:docMk/>
            <pc:sldMk cId="757757058" sldId="374"/>
            <ac:spMk id="3" creationId="{63132F41-5235-6647-AE60-DA2A6069816C}"/>
          </ac:spMkLst>
        </pc:spChg>
      </pc:sldChg>
      <pc:sldChg chg="addSp delSp modSp new mod">
        <pc:chgData name="Daly Donnacha HSLU I" userId="0f22e960-400a-43ff-baeb-4828c8f5cd3a" providerId="ADAL" clId="{0BA1101D-93BB-474F-8A4D-62367F400F86}" dt="2021-03-17T15:42:28.218" v="7597" actId="1038"/>
        <pc:sldMkLst>
          <pc:docMk/>
          <pc:sldMk cId="4187784029" sldId="375"/>
        </pc:sldMkLst>
        <pc:spChg chg="mod">
          <ac:chgData name="Daly Donnacha HSLU I" userId="0f22e960-400a-43ff-baeb-4828c8f5cd3a" providerId="ADAL" clId="{0BA1101D-93BB-474F-8A4D-62367F400F86}" dt="2021-03-16T15:32:56.554" v="817" actId="20577"/>
          <ac:spMkLst>
            <pc:docMk/>
            <pc:sldMk cId="4187784029" sldId="375"/>
            <ac:spMk id="2" creationId="{FCEB21E9-2351-F24C-94A4-34D81076201D}"/>
          </ac:spMkLst>
        </pc:spChg>
        <pc:spChg chg="add mod">
          <ac:chgData name="Daly Donnacha HSLU I" userId="0f22e960-400a-43ff-baeb-4828c8f5cd3a" providerId="ADAL" clId="{0BA1101D-93BB-474F-8A4D-62367F400F86}" dt="2021-03-16T17:20:59.826" v="2915"/>
          <ac:spMkLst>
            <pc:docMk/>
            <pc:sldMk cId="4187784029" sldId="375"/>
            <ac:spMk id="5" creationId="{159475C9-6FDA-AB41-BC3F-A2127B4AB2C7}"/>
          </ac:spMkLst>
        </pc:spChg>
        <pc:spChg chg="add mod">
          <ac:chgData name="Daly Donnacha HSLU I" userId="0f22e960-400a-43ff-baeb-4828c8f5cd3a" providerId="ADAL" clId="{0BA1101D-93BB-474F-8A4D-62367F400F86}" dt="2021-03-16T20:53:44.687" v="7294" actId="114"/>
          <ac:spMkLst>
            <pc:docMk/>
            <pc:sldMk cId="4187784029" sldId="375"/>
            <ac:spMk id="6" creationId="{7FBAA5B2-3F32-954C-9CC6-59C5A86DC76D}"/>
          </ac:spMkLst>
        </pc:spChg>
        <pc:spChg chg="add del mod">
          <ac:chgData name="Daly Donnacha HSLU I" userId="0f22e960-400a-43ff-baeb-4828c8f5cd3a" providerId="ADAL" clId="{0BA1101D-93BB-474F-8A4D-62367F400F86}" dt="2021-03-16T17:21:09.358" v="2918" actId="478"/>
          <ac:spMkLst>
            <pc:docMk/>
            <pc:sldMk cId="4187784029" sldId="375"/>
            <ac:spMk id="7" creationId="{47D59B8A-FF23-C847-9E1B-4BA2EB9514F6}"/>
          </ac:spMkLst>
        </pc:spChg>
        <pc:spChg chg="add del mod">
          <ac:chgData name="Daly Donnacha HSLU I" userId="0f22e960-400a-43ff-baeb-4828c8f5cd3a" providerId="ADAL" clId="{0BA1101D-93BB-474F-8A4D-62367F400F86}" dt="2021-03-16T17:21:06.611" v="2917" actId="478"/>
          <ac:spMkLst>
            <pc:docMk/>
            <pc:sldMk cId="4187784029" sldId="375"/>
            <ac:spMk id="8" creationId="{51E8173A-0B1F-664C-8964-31BBB9A09E33}"/>
          </ac:spMkLst>
        </pc:spChg>
        <pc:spChg chg="add del mod">
          <ac:chgData name="Daly Donnacha HSLU I" userId="0f22e960-400a-43ff-baeb-4828c8f5cd3a" providerId="ADAL" clId="{0BA1101D-93BB-474F-8A4D-62367F400F86}" dt="2021-03-16T17:21:02.646" v="2916" actId="478"/>
          <ac:spMkLst>
            <pc:docMk/>
            <pc:sldMk cId="4187784029" sldId="375"/>
            <ac:spMk id="9" creationId="{1E3F194C-C87C-DD48-B71F-AE755B429A41}"/>
          </ac:spMkLst>
        </pc:spChg>
        <pc:spChg chg="add del">
          <ac:chgData name="Daly Donnacha HSLU I" userId="0f22e960-400a-43ff-baeb-4828c8f5cd3a" providerId="ADAL" clId="{0BA1101D-93BB-474F-8A4D-62367F400F86}" dt="2021-03-16T17:21:39.555" v="2920" actId="478"/>
          <ac:spMkLst>
            <pc:docMk/>
            <pc:sldMk cId="4187784029" sldId="375"/>
            <ac:spMk id="10" creationId="{C47C4B26-F5F8-CE43-B8DE-E21D17CBF474}"/>
          </ac:spMkLst>
        </pc:spChg>
        <pc:spChg chg="add">
          <ac:chgData name="Daly Donnacha HSLU I" userId="0f22e960-400a-43ff-baeb-4828c8f5cd3a" providerId="ADAL" clId="{0BA1101D-93BB-474F-8A4D-62367F400F86}" dt="2021-03-16T17:22:05.222" v="2921" actId="11529"/>
          <ac:spMkLst>
            <pc:docMk/>
            <pc:sldMk cId="4187784029" sldId="375"/>
            <ac:spMk id="11" creationId="{2E17FFC0-DBF2-BC4D-97C3-FD91AC342758}"/>
          </ac:spMkLst>
        </pc:spChg>
        <pc:spChg chg="add mod">
          <ac:chgData name="Daly Donnacha HSLU I" userId="0f22e960-400a-43ff-baeb-4828c8f5cd3a" providerId="ADAL" clId="{0BA1101D-93BB-474F-8A4D-62367F400F86}" dt="2021-03-17T15:42:20.008" v="7595" actId="14100"/>
          <ac:spMkLst>
            <pc:docMk/>
            <pc:sldMk cId="4187784029" sldId="375"/>
            <ac:spMk id="12" creationId="{7B122F62-00A0-164E-A4A6-9AF04B52FB1B}"/>
          </ac:spMkLst>
        </pc:spChg>
        <pc:spChg chg="add mod">
          <ac:chgData name="Daly Donnacha HSLU I" userId="0f22e960-400a-43ff-baeb-4828c8f5cd3a" providerId="ADAL" clId="{0BA1101D-93BB-474F-8A4D-62367F400F86}" dt="2021-03-17T15:42:20.008" v="7595" actId="14100"/>
          <ac:spMkLst>
            <pc:docMk/>
            <pc:sldMk cId="4187784029" sldId="375"/>
            <ac:spMk id="13" creationId="{841FD2DB-C5EB-E744-91A9-3561F783A2E9}"/>
          </ac:spMkLst>
        </pc:spChg>
        <pc:spChg chg="add mod">
          <ac:chgData name="Daly Donnacha HSLU I" userId="0f22e960-400a-43ff-baeb-4828c8f5cd3a" providerId="ADAL" clId="{0BA1101D-93BB-474F-8A4D-62367F400F86}" dt="2021-03-17T15:42:20.008" v="7595" actId="14100"/>
          <ac:spMkLst>
            <pc:docMk/>
            <pc:sldMk cId="4187784029" sldId="375"/>
            <ac:spMk id="14" creationId="{A08A1A92-7C1D-9B42-806C-3BC94E59B0AC}"/>
          </ac:spMkLst>
        </pc:spChg>
        <pc:spChg chg="add mod">
          <ac:chgData name="Daly Donnacha HSLU I" userId="0f22e960-400a-43ff-baeb-4828c8f5cd3a" providerId="ADAL" clId="{0BA1101D-93BB-474F-8A4D-62367F400F86}" dt="2021-03-17T15:42:20.008" v="7595" actId="14100"/>
          <ac:spMkLst>
            <pc:docMk/>
            <pc:sldMk cId="4187784029" sldId="375"/>
            <ac:spMk id="15" creationId="{78E86107-A082-514B-B1CB-AB80C2C292E6}"/>
          </ac:spMkLst>
        </pc:spChg>
        <pc:spChg chg="add mod">
          <ac:chgData name="Daly Donnacha HSLU I" userId="0f22e960-400a-43ff-baeb-4828c8f5cd3a" providerId="ADAL" clId="{0BA1101D-93BB-474F-8A4D-62367F400F86}" dt="2021-03-17T15:03:39.572" v="7353" actId="113"/>
          <ac:spMkLst>
            <pc:docMk/>
            <pc:sldMk cId="4187784029" sldId="375"/>
            <ac:spMk id="16" creationId="{E2DCD3A3-3764-F64F-8749-3D50C2855169}"/>
          </ac:spMkLst>
        </pc:spChg>
        <pc:spChg chg="add del mod">
          <ac:chgData name="Daly Donnacha HSLU I" userId="0f22e960-400a-43ff-baeb-4828c8f5cd3a" providerId="ADAL" clId="{0BA1101D-93BB-474F-8A4D-62367F400F86}" dt="2021-03-16T17:28:58.550" v="3230" actId="478"/>
          <ac:spMkLst>
            <pc:docMk/>
            <pc:sldMk cId="4187784029" sldId="375"/>
            <ac:spMk id="24" creationId="{C6DA69A4-51EB-174A-B4DA-B1B781865CDF}"/>
          </ac:spMkLst>
        </pc:spChg>
        <pc:spChg chg="add mod">
          <ac:chgData name="Daly Donnacha HSLU I" userId="0f22e960-400a-43ff-baeb-4828c8f5cd3a" providerId="ADAL" clId="{0BA1101D-93BB-474F-8A4D-62367F400F86}" dt="2021-03-16T17:28:35.617" v="3226" actId="571"/>
          <ac:spMkLst>
            <pc:docMk/>
            <pc:sldMk cId="4187784029" sldId="375"/>
            <ac:spMk id="25" creationId="{953D9D83-E0C4-5342-A9C6-642C6D474BFE}"/>
          </ac:spMkLst>
        </pc:spChg>
        <pc:spChg chg="add mod">
          <ac:chgData name="Daly Donnacha HSLU I" userId="0f22e960-400a-43ff-baeb-4828c8f5cd3a" providerId="ADAL" clId="{0BA1101D-93BB-474F-8A4D-62367F400F86}" dt="2021-03-16T17:28:38.442" v="3227" actId="571"/>
          <ac:spMkLst>
            <pc:docMk/>
            <pc:sldMk cId="4187784029" sldId="375"/>
            <ac:spMk id="26" creationId="{BD65BBAB-B46E-3C41-8373-A5A5B17245BE}"/>
          </ac:spMkLst>
        </pc:spChg>
        <pc:spChg chg="add mod">
          <ac:chgData name="Daly Donnacha HSLU I" userId="0f22e960-400a-43ff-baeb-4828c8f5cd3a" providerId="ADAL" clId="{0BA1101D-93BB-474F-8A4D-62367F400F86}" dt="2021-03-16T17:28:42.751" v="3228" actId="571"/>
          <ac:spMkLst>
            <pc:docMk/>
            <pc:sldMk cId="4187784029" sldId="375"/>
            <ac:spMk id="27" creationId="{52C3C745-BB5A-3341-A676-7B1FCDEF6B93}"/>
          </ac:spMkLst>
        </pc:spChg>
        <pc:spChg chg="add mod">
          <ac:chgData name="Daly Donnacha HSLU I" userId="0f22e960-400a-43ff-baeb-4828c8f5cd3a" providerId="ADAL" clId="{0BA1101D-93BB-474F-8A4D-62367F400F86}" dt="2021-03-16T17:28:48.495" v="3229" actId="571"/>
          <ac:spMkLst>
            <pc:docMk/>
            <pc:sldMk cId="4187784029" sldId="375"/>
            <ac:spMk id="28" creationId="{A752B516-E37D-0740-AF3F-2E02A443A3E4}"/>
          </ac:spMkLst>
        </pc:spChg>
        <pc:spChg chg="add mod">
          <ac:chgData name="Daly Donnacha HSLU I" userId="0f22e960-400a-43ff-baeb-4828c8f5cd3a" providerId="ADAL" clId="{0BA1101D-93BB-474F-8A4D-62367F400F86}" dt="2021-03-16T17:33:10.959" v="3376" actId="167"/>
          <ac:spMkLst>
            <pc:docMk/>
            <pc:sldMk cId="4187784029" sldId="375"/>
            <ac:spMk id="29" creationId="{C8A0C7FD-3420-5A4A-8627-7C5F3CDF9626}"/>
          </ac:spMkLst>
        </pc:spChg>
        <pc:spChg chg="add mod">
          <ac:chgData name="Daly Donnacha HSLU I" userId="0f22e960-400a-43ff-baeb-4828c8f5cd3a" providerId="ADAL" clId="{0BA1101D-93BB-474F-8A4D-62367F400F86}" dt="2021-03-16T18:47:36.538" v="4963"/>
          <ac:spMkLst>
            <pc:docMk/>
            <pc:sldMk cId="4187784029" sldId="375"/>
            <ac:spMk id="30" creationId="{38C57FF6-05BE-6D49-864E-8ADFAB8D920C}"/>
          </ac:spMkLst>
        </pc:spChg>
        <pc:spChg chg="add mod">
          <ac:chgData name="Daly Donnacha HSLU I" userId="0f22e960-400a-43ff-baeb-4828c8f5cd3a" providerId="ADAL" clId="{0BA1101D-93BB-474F-8A4D-62367F400F86}" dt="2021-03-16T17:33:22.521" v="3385" actId="1035"/>
          <ac:spMkLst>
            <pc:docMk/>
            <pc:sldMk cId="4187784029" sldId="375"/>
            <ac:spMk id="31" creationId="{F48138AE-FE69-B147-AB43-CA377A6F8246}"/>
          </ac:spMkLst>
        </pc:spChg>
        <pc:spChg chg="add mod">
          <ac:chgData name="Daly Donnacha HSLU I" userId="0f22e960-400a-43ff-baeb-4828c8f5cd3a" providerId="ADAL" clId="{0BA1101D-93BB-474F-8A4D-62367F400F86}" dt="2021-03-16T17:35:51.396" v="3563" actId="114"/>
          <ac:spMkLst>
            <pc:docMk/>
            <pc:sldMk cId="4187784029" sldId="375"/>
            <ac:spMk id="32" creationId="{4E3C140E-4B11-4141-8239-FBA124421BFF}"/>
          </ac:spMkLst>
        </pc:spChg>
        <pc:spChg chg="add mod">
          <ac:chgData name="Daly Donnacha HSLU I" userId="0f22e960-400a-43ff-baeb-4828c8f5cd3a" providerId="ADAL" clId="{0BA1101D-93BB-474F-8A4D-62367F400F86}" dt="2021-03-17T15:42:28.218" v="7597" actId="1038"/>
          <ac:spMkLst>
            <pc:docMk/>
            <pc:sldMk cId="4187784029" sldId="375"/>
            <ac:spMk id="33" creationId="{0023E6DD-01F8-A54C-ABEC-83581DE9C462}"/>
          </ac:spMkLst>
        </pc:spChg>
        <pc:spChg chg="add mod">
          <ac:chgData name="Daly Donnacha HSLU I" userId="0f22e960-400a-43ff-baeb-4828c8f5cd3a" providerId="ADAL" clId="{0BA1101D-93BB-474F-8A4D-62367F400F86}" dt="2021-03-17T15:42:28.218" v="7597" actId="1038"/>
          <ac:spMkLst>
            <pc:docMk/>
            <pc:sldMk cId="4187784029" sldId="375"/>
            <ac:spMk id="34" creationId="{2B47F48B-08F9-504A-B621-D3819B8E103E}"/>
          </ac:spMkLst>
        </pc:spChg>
        <pc:spChg chg="add mod">
          <ac:chgData name="Daly Donnacha HSLU I" userId="0f22e960-400a-43ff-baeb-4828c8f5cd3a" providerId="ADAL" clId="{0BA1101D-93BB-474F-8A4D-62367F400F86}" dt="2021-03-17T15:42:28.218" v="7597" actId="1038"/>
          <ac:spMkLst>
            <pc:docMk/>
            <pc:sldMk cId="4187784029" sldId="375"/>
            <ac:spMk id="35" creationId="{E7D44F73-6B6C-5240-8D0A-E9B4603993A6}"/>
          </ac:spMkLst>
        </pc:spChg>
        <pc:spChg chg="add mod">
          <ac:chgData name="Daly Donnacha HSLU I" userId="0f22e960-400a-43ff-baeb-4828c8f5cd3a" providerId="ADAL" clId="{0BA1101D-93BB-474F-8A4D-62367F400F86}" dt="2021-03-17T15:42:28.218" v="7597" actId="1038"/>
          <ac:spMkLst>
            <pc:docMk/>
            <pc:sldMk cId="4187784029" sldId="375"/>
            <ac:spMk id="36" creationId="{DCA7F06D-C49B-9945-8C30-A9D9DE992E1B}"/>
          </ac:spMkLst>
        </pc:spChg>
        <pc:cxnChg chg="add mod">
          <ac:chgData name="Daly Donnacha HSLU I" userId="0f22e960-400a-43ff-baeb-4828c8f5cd3a" providerId="ADAL" clId="{0BA1101D-93BB-474F-8A4D-62367F400F86}" dt="2021-03-16T17:20:59.826" v="2915"/>
          <ac:cxnSpMkLst>
            <pc:docMk/>
            <pc:sldMk cId="4187784029" sldId="375"/>
            <ac:cxnSpMk id="3" creationId="{3F32A720-47FE-7746-8FDC-B7A4DB3CE676}"/>
          </ac:cxnSpMkLst>
        </pc:cxnChg>
        <pc:cxnChg chg="add mod">
          <ac:chgData name="Daly Donnacha HSLU I" userId="0f22e960-400a-43ff-baeb-4828c8f5cd3a" providerId="ADAL" clId="{0BA1101D-93BB-474F-8A4D-62367F400F86}" dt="2021-03-16T17:20:59.826" v="2915"/>
          <ac:cxnSpMkLst>
            <pc:docMk/>
            <pc:sldMk cId="4187784029" sldId="375"/>
            <ac:cxnSpMk id="4" creationId="{D0897479-D29F-464C-B4F7-98FEFBD4AF03}"/>
          </ac:cxnSpMkLst>
        </pc:cxnChg>
        <pc:cxnChg chg="add del mod">
          <ac:chgData name="Daly Donnacha HSLU I" userId="0f22e960-400a-43ff-baeb-4828c8f5cd3a" providerId="ADAL" clId="{0BA1101D-93BB-474F-8A4D-62367F400F86}" dt="2021-03-16T17:27:15.851" v="3207" actId="478"/>
          <ac:cxnSpMkLst>
            <pc:docMk/>
            <pc:sldMk cId="4187784029" sldId="375"/>
            <ac:cxnSpMk id="18" creationId="{298BD024-2AC7-A245-8C17-7EEED8DC2243}"/>
          </ac:cxnSpMkLst>
        </pc:cxnChg>
        <pc:cxnChg chg="add del mod">
          <ac:chgData name="Daly Donnacha HSLU I" userId="0f22e960-400a-43ff-baeb-4828c8f5cd3a" providerId="ADAL" clId="{0BA1101D-93BB-474F-8A4D-62367F400F86}" dt="2021-03-16T17:27:05.452" v="3204" actId="478"/>
          <ac:cxnSpMkLst>
            <pc:docMk/>
            <pc:sldMk cId="4187784029" sldId="375"/>
            <ac:cxnSpMk id="20" creationId="{35F23513-1D70-F64E-8CA1-3A25148C7123}"/>
          </ac:cxnSpMkLst>
        </pc:cxnChg>
      </pc:sldChg>
      <pc:sldChg chg="addSp delSp modSp add mod">
        <pc:chgData name="Daly Donnacha HSLU I" userId="0f22e960-400a-43ff-baeb-4828c8f5cd3a" providerId="ADAL" clId="{0BA1101D-93BB-474F-8A4D-62367F400F86}" dt="2021-03-16T18:55:14.663" v="5056"/>
        <pc:sldMkLst>
          <pc:docMk/>
          <pc:sldMk cId="3585468508" sldId="376"/>
        </pc:sldMkLst>
        <pc:spChg chg="mod">
          <ac:chgData name="Daly Donnacha HSLU I" userId="0f22e960-400a-43ff-baeb-4828c8f5cd3a" providerId="ADAL" clId="{0BA1101D-93BB-474F-8A4D-62367F400F86}" dt="2021-03-16T18:53:22.852" v="5014" actId="20577"/>
          <ac:spMkLst>
            <pc:docMk/>
            <pc:sldMk cId="3585468508" sldId="376"/>
            <ac:spMk id="2" creationId="{FCEB21E9-2351-F24C-94A4-34D81076201D}"/>
          </ac:spMkLst>
        </pc:spChg>
        <pc:spChg chg="add mod">
          <ac:chgData name="Daly Donnacha HSLU I" userId="0f22e960-400a-43ff-baeb-4828c8f5cd3a" providerId="ADAL" clId="{0BA1101D-93BB-474F-8A4D-62367F400F86}" dt="2021-03-16T18:44:00.576" v="4789" actId="20577"/>
          <ac:spMkLst>
            <pc:docMk/>
            <pc:sldMk cId="3585468508" sldId="376"/>
            <ac:spMk id="4" creationId="{BAA3E6C6-E359-AE49-BF2D-E2B2BA2BC88F}"/>
          </ac:spMkLst>
        </pc:spChg>
        <pc:spChg chg="add del mod">
          <ac:chgData name="Daly Donnacha HSLU I" userId="0f22e960-400a-43ff-baeb-4828c8f5cd3a" providerId="ADAL" clId="{0BA1101D-93BB-474F-8A4D-62367F400F86}" dt="2021-03-16T18:37:10.544" v="4406"/>
          <ac:spMkLst>
            <pc:docMk/>
            <pc:sldMk cId="3585468508" sldId="376"/>
            <ac:spMk id="5" creationId="{B6BAA294-EC9E-C545-968C-2E4285BFD794}"/>
          </ac:spMkLst>
        </pc:spChg>
        <pc:spChg chg="add mod">
          <ac:chgData name="Daly Donnacha HSLU I" userId="0f22e960-400a-43ff-baeb-4828c8f5cd3a" providerId="ADAL" clId="{0BA1101D-93BB-474F-8A4D-62367F400F86}" dt="2021-03-16T18:40:00.559" v="4500"/>
          <ac:spMkLst>
            <pc:docMk/>
            <pc:sldMk cId="3585468508" sldId="376"/>
            <ac:spMk id="14" creationId="{66D79392-6667-6D41-A35E-32B14F2329EA}"/>
          </ac:spMkLst>
        </pc:spChg>
        <pc:spChg chg="add mod">
          <ac:chgData name="Daly Donnacha HSLU I" userId="0f22e960-400a-43ff-baeb-4828c8f5cd3a" providerId="ADAL" clId="{0BA1101D-93BB-474F-8A4D-62367F400F86}" dt="2021-03-16T18:40:43.007" v="4537"/>
          <ac:spMkLst>
            <pc:docMk/>
            <pc:sldMk cId="3585468508" sldId="376"/>
            <ac:spMk id="15" creationId="{6B794DDF-0707-C347-AC2D-4C4C269C56EE}"/>
          </ac:spMkLst>
        </pc:spChg>
        <pc:spChg chg="add mod">
          <ac:chgData name="Daly Donnacha HSLU I" userId="0f22e960-400a-43ff-baeb-4828c8f5cd3a" providerId="ADAL" clId="{0BA1101D-93BB-474F-8A4D-62367F400F86}" dt="2021-03-16T18:40:43.007" v="4537"/>
          <ac:spMkLst>
            <pc:docMk/>
            <pc:sldMk cId="3585468508" sldId="376"/>
            <ac:spMk id="16" creationId="{A236C1C8-DF3E-8B4E-A1D3-4A6CD32C8CD3}"/>
          </ac:spMkLst>
        </pc:spChg>
        <pc:spChg chg="add mod">
          <ac:chgData name="Daly Donnacha HSLU I" userId="0f22e960-400a-43ff-baeb-4828c8f5cd3a" providerId="ADAL" clId="{0BA1101D-93BB-474F-8A4D-62367F400F86}" dt="2021-03-16T18:46:07.522" v="4959" actId="207"/>
          <ac:spMkLst>
            <pc:docMk/>
            <pc:sldMk cId="3585468508" sldId="376"/>
            <ac:spMk id="17" creationId="{BB6E1D4D-AE78-B64A-A8E2-9F37E720B4BB}"/>
          </ac:spMkLst>
        </pc:spChg>
        <pc:spChg chg="add mod">
          <ac:chgData name="Daly Donnacha HSLU I" userId="0f22e960-400a-43ff-baeb-4828c8f5cd3a" providerId="ADAL" clId="{0BA1101D-93BB-474F-8A4D-62367F400F86}" dt="2021-03-16T18:53:48.182" v="5017" actId="20577"/>
          <ac:spMkLst>
            <pc:docMk/>
            <pc:sldMk cId="3585468508" sldId="376"/>
            <ac:spMk id="18" creationId="{6F55F82E-32ED-4849-88D0-632C612A0C6E}"/>
          </ac:spMkLst>
        </pc:spChg>
        <pc:spChg chg="add mod">
          <ac:chgData name="Daly Donnacha HSLU I" userId="0f22e960-400a-43ff-baeb-4828c8f5cd3a" providerId="ADAL" clId="{0BA1101D-93BB-474F-8A4D-62367F400F86}" dt="2021-03-16T18:52:55.721" v="5004" actId="1076"/>
          <ac:spMkLst>
            <pc:docMk/>
            <pc:sldMk cId="3585468508" sldId="376"/>
            <ac:spMk id="19" creationId="{FEEB3A35-C896-704C-894B-D3E919855DBA}"/>
          </ac:spMkLst>
        </pc:spChg>
        <pc:spChg chg="add mod">
          <ac:chgData name="Daly Donnacha HSLU I" userId="0f22e960-400a-43ff-baeb-4828c8f5cd3a" providerId="ADAL" clId="{0BA1101D-93BB-474F-8A4D-62367F400F86}" dt="2021-03-16T18:55:14.663" v="5056"/>
          <ac:spMkLst>
            <pc:docMk/>
            <pc:sldMk cId="3585468508" sldId="376"/>
            <ac:spMk id="20" creationId="{F2247B4F-D35D-C745-BD17-1E265C2F083F}"/>
          </ac:spMkLst>
        </pc:spChg>
        <pc:picChg chg="add mod">
          <ac:chgData name="Daly Donnacha HSLU I" userId="0f22e960-400a-43ff-baeb-4828c8f5cd3a" providerId="ADAL" clId="{0BA1101D-93BB-474F-8A4D-62367F400F86}" dt="2021-03-16T18:36:15.328" v="4291" actId="732"/>
          <ac:picMkLst>
            <pc:docMk/>
            <pc:sldMk cId="3585468508" sldId="376"/>
            <ac:picMk id="3" creationId="{2C9FC075-CF23-4F46-AF6C-9F262D7EE710}"/>
          </ac:picMkLst>
        </pc:picChg>
        <pc:cxnChg chg="add mod">
          <ac:chgData name="Daly Donnacha HSLU I" userId="0f22e960-400a-43ff-baeb-4828c8f5cd3a" providerId="ADAL" clId="{0BA1101D-93BB-474F-8A4D-62367F400F86}" dt="2021-03-16T18:38:59.396" v="4478" actId="1582"/>
          <ac:cxnSpMkLst>
            <pc:docMk/>
            <pc:sldMk cId="3585468508" sldId="376"/>
            <ac:cxnSpMk id="7" creationId="{FA784FFA-75E6-7E4A-B3A4-C3A38DFB2414}"/>
          </ac:cxnSpMkLst>
        </pc:cxnChg>
        <pc:cxnChg chg="add mod">
          <ac:chgData name="Daly Donnacha HSLU I" userId="0f22e960-400a-43ff-baeb-4828c8f5cd3a" providerId="ADAL" clId="{0BA1101D-93BB-474F-8A4D-62367F400F86}" dt="2021-03-16T18:39:22.369" v="4495" actId="1036"/>
          <ac:cxnSpMkLst>
            <pc:docMk/>
            <pc:sldMk cId="3585468508" sldId="376"/>
            <ac:cxnSpMk id="8" creationId="{B381B6BB-24CC-784A-98E9-4099835A9C8F}"/>
          </ac:cxnSpMkLst>
        </pc:cxnChg>
        <pc:cxnChg chg="add mod">
          <ac:chgData name="Daly Donnacha HSLU I" userId="0f22e960-400a-43ff-baeb-4828c8f5cd3a" providerId="ADAL" clId="{0BA1101D-93BB-474F-8A4D-62367F400F86}" dt="2021-03-16T18:39:44.157" v="4499" actId="14100"/>
          <ac:cxnSpMkLst>
            <pc:docMk/>
            <pc:sldMk cId="3585468508" sldId="376"/>
            <ac:cxnSpMk id="11" creationId="{E42B60F3-4E97-1840-8BC3-38CD9C3143BF}"/>
          </ac:cxnSpMkLst>
        </pc:cxnChg>
      </pc:sldChg>
      <pc:sldChg chg="addSp delSp modSp add mod ord">
        <pc:chgData name="Daly Donnacha HSLU I" userId="0f22e960-400a-43ff-baeb-4828c8f5cd3a" providerId="ADAL" clId="{0BA1101D-93BB-474F-8A4D-62367F400F86}" dt="2021-03-17T19:18:23.483" v="10454" actId="20577"/>
        <pc:sldMkLst>
          <pc:docMk/>
          <pc:sldMk cId="3986739479" sldId="377"/>
        </pc:sldMkLst>
        <pc:spChg chg="mod">
          <ac:chgData name="Daly Donnacha HSLU I" userId="0f22e960-400a-43ff-baeb-4828c8f5cd3a" providerId="ADAL" clId="{0BA1101D-93BB-474F-8A4D-62367F400F86}" dt="2021-03-16T15:34:47.755" v="871" actId="20577"/>
          <ac:spMkLst>
            <pc:docMk/>
            <pc:sldMk cId="3986739479" sldId="377"/>
            <ac:spMk id="2" creationId="{FCEB21E9-2351-F24C-94A4-34D81076201D}"/>
          </ac:spMkLst>
        </pc:spChg>
        <pc:spChg chg="add mod">
          <ac:chgData name="Daly Donnacha HSLU I" userId="0f22e960-400a-43ff-baeb-4828c8f5cd3a" providerId="ADAL" clId="{0BA1101D-93BB-474F-8A4D-62367F400F86}" dt="2021-03-17T19:18:23.483" v="10454" actId="20577"/>
          <ac:spMkLst>
            <pc:docMk/>
            <pc:sldMk cId="3986739479" sldId="377"/>
            <ac:spMk id="3" creationId="{9076DDB1-8393-8440-A15D-B25D53F3C73A}"/>
          </ac:spMkLst>
        </pc:spChg>
        <pc:spChg chg="add mod">
          <ac:chgData name="Daly Donnacha HSLU I" userId="0f22e960-400a-43ff-baeb-4828c8f5cd3a" providerId="ADAL" clId="{0BA1101D-93BB-474F-8A4D-62367F400F86}" dt="2021-03-16T20:54:12.489" v="7295" actId="1035"/>
          <ac:spMkLst>
            <pc:docMk/>
            <pc:sldMk cId="3986739479" sldId="377"/>
            <ac:spMk id="4" creationId="{1684C450-9D27-F840-9091-1C835D35EF5E}"/>
          </ac:spMkLst>
        </pc:spChg>
        <pc:spChg chg="add mod">
          <ac:chgData name="Daly Donnacha HSLU I" userId="0f22e960-400a-43ff-baeb-4828c8f5cd3a" providerId="ADAL" clId="{0BA1101D-93BB-474F-8A4D-62367F400F86}" dt="2021-03-16T20:46:49.252" v="7185" actId="1076"/>
          <ac:spMkLst>
            <pc:docMk/>
            <pc:sldMk cId="3986739479" sldId="377"/>
            <ac:spMk id="5" creationId="{083C63CA-250D-B146-9DCE-5CFF1DC3B951}"/>
          </ac:spMkLst>
        </pc:spChg>
        <pc:spChg chg="add del mod">
          <ac:chgData name="Daly Donnacha HSLU I" userId="0f22e960-400a-43ff-baeb-4828c8f5cd3a" providerId="ADAL" clId="{0BA1101D-93BB-474F-8A4D-62367F400F86}" dt="2021-03-16T20:32:38.319" v="6973" actId="478"/>
          <ac:spMkLst>
            <pc:docMk/>
            <pc:sldMk cId="3986739479" sldId="377"/>
            <ac:spMk id="6" creationId="{D87FE6C6-08DE-8E4F-AB69-F36DC69AB532}"/>
          </ac:spMkLst>
        </pc:spChg>
        <pc:spChg chg="add del mod">
          <ac:chgData name="Daly Donnacha HSLU I" userId="0f22e960-400a-43ff-baeb-4828c8f5cd3a" providerId="ADAL" clId="{0BA1101D-93BB-474F-8A4D-62367F400F86}" dt="2021-03-16T20:26:38.726" v="6716" actId="478"/>
          <ac:spMkLst>
            <pc:docMk/>
            <pc:sldMk cId="3986739479" sldId="377"/>
            <ac:spMk id="7" creationId="{ACB77836-2049-4847-99B9-648F58643CA0}"/>
          </ac:spMkLst>
        </pc:spChg>
        <pc:spChg chg="add mod">
          <ac:chgData name="Daly Donnacha HSLU I" userId="0f22e960-400a-43ff-baeb-4828c8f5cd3a" providerId="ADAL" clId="{0BA1101D-93BB-474F-8A4D-62367F400F86}" dt="2021-03-17T15:36:25.583" v="7521" actId="1035"/>
          <ac:spMkLst>
            <pc:docMk/>
            <pc:sldMk cId="3986739479" sldId="377"/>
            <ac:spMk id="7" creationId="{C1B7E2C3-3AEB-CC4A-9D21-CCFC869233AB}"/>
          </ac:spMkLst>
        </pc:spChg>
        <pc:spChg chg="add del mod">
          <ac:chgData name="Daly Donnacha HSLU I" userId="0f22e960-400a-43ff-baeb-4828c8f5cd3a" providerId="ADAL" clId="{0BA1101D-93BB-474F-8A4D-62367F400F86}" dt="2021-03-16T20:26:38.060" v="6715" actId="478"/>
          <ac:spMkLst>
            <pc:docMk/>
            <pc:sldMk cId="3986739479" sldId="377"/>
            <ac:spMk id="8" creationId="{52C80558-7450-B047-95D6-3E59FEE58380}"/>
          </ac:spMkLst>
        </pc:spChg>
        <pc:spChg chg="add del mod">
          <ac:chgData name="Daly Donnacha HSLU I" userId="0f22e960-400a-43ff-baeb-4828c8f5cd3a" providerId="ADAL" clId="{0BA1101D-93BB-474F-8A4D-62367F400F86}" dt="2021-03-16T20:26:37.371" v="6713" actId="478"/>
          <ac:spMkLst>
            <pc:docMk/>
            <pc:sldMk cId="3986739479" sldId="377"/>
            <ac:spMk id="9" creationId="{5EB52CC4-E1B8-E24D-B473-890171027801}"/>
          </ac:spMkLst>
        </pc:spChg>
        <pc:spChg chg="add del mod">
          <ac:chgData name="Daly Donnacha HSLU I" userId="0f22e960-400a-43ff-baeb-4828c8f5cd3a" providerId="ADAL" clId="{0BA1101D-93BB-474F-8A4D-62367F400F86}" dt="2021-03-16T20:32:38.319" v="6973" actId="478"/>
          <ac:spMkLst>
            <pc:docMk/>
            <pc:sldMk cId="3986739479" sldId="377"/>
            <ac:spMk id="10" creationId="{0D525BD9-8E13-AF48-AD16-C47F9F25C13A}"/>
          </ac:spMkLst>
        </pc:spChg>
        <pc:spChg chg="add del mod">
          <ac:chgData name="Daly Donnacha HSLU I" userId="0f22e960-400a-43ff-baeb-4828c8f5cd3a" providerId="ADAL" clId="{0BA1101D-93BB-474F-8A4D-62367F400F86}" dt="2021-03-16T20:32:38.319" v="6973" actId="478"/>
          <ac:spMkLst>
            <pc:docMk/>
            <pc:sldMk cId="3986739479" sldId="377"/>
            <ac:spMk id="11" creationId="{B306B5AD-A409-384B-A2C1-815280810B2C}"/>
          </ac:spMkLst>
        </pc:spChg>
        <pc:spChg chg="add del mod">
          <ac:chgData name="Daly Donnacha HSLU I" userId="0f22e960-400a-43ff-baeb-4828c8f5cd3a" providerId="ADAL" clId="{0BA1101D-93BB-474F-8A4D-62367F400F86}" dt="2021-03-16T20:32:38.319" v="6973" actId="478"/>
          <ac:spMkLst>
            <pc:docMk/>
            <pc:sldMk cId="3986739479" sldId="377"/>
            <ac:spMk id="12" creationId="{E6E2D2D4-9F5D-664F-9C7D-CAD6FA1734D3}"/>
          </ac:spMkLst>
        </pc:spChg>
        <pc:spChg chg="add mod">
          <ac:chgData name="Daly Donnacha HSLU I" userId="0f22e960-400a-43ff-baeb-4828c8f5cd3a" providerId="ADAL" clId="{0BA1101D-93BB-474F-8A4D-62367F400F86}" dt="2021-03-17T15:40:52.363" v="7589" actId="166"/>
          <ac:spMkLst>
            <pc:docMk/>
            <pc:sldMk cId="3986739479" sldId="377"/>
            <ac:spMk id="13" creationId="{1E060D1E-24C1-EE44-975B-113DEACD3821}"/>
          </ac:spMkLst>
        </pc:spChg>
        <pc:spChg chg="add del mod">
          <ac:chgData name="Daly Donnacha HSLU I" userId="0f22e960-400a-43ff-baeb-4828c8f5cd3a" providerId="ADAL" clId="{0BA1101D-93BB-474F-8A4D-62367F400F86}" dt="2021-03-16T20:32:38.319" v="6973" actId="478"/>
          <ac:spMkLst>
            <pc:docMk/>
            <pc:sldMk cId="3986739479" sldId="377"/>
            <ac:spMk id="13" creationId="{6A0EE124-3937-5D42-B027-2D5D43C04F1D}"/>
          </ac:spMkLst>
        </pc:spChg>
        <pc:spChg chg="add mod">
          <ac:chgData name="Daly Donnacha HSLU I" userId="0f22e960-400a-43ff-baeb-4828c8f5cd3a" providerId="ADAL" clId="{0BA1101D-93BB-474F-8A4D-62367F400F86}" dt="2021-03-17T15:28:49.202" v="7477" actId="14100"/>
          <ac:spMkLst>
            <pc:docMk/>
            <pc:sldMk cId="3986739479" sldId="377"/>
            <ac:spMk id="14" creationId="{DF661AE9-C8F8-804D-BE76-1C5F5DAE56C6}"/>
          </ac:spMkLst>
        </pc:spChg>
        <pc:spChg chg="add mod">
          <ac:chgData name="Daly Donnacha HSLU I" userId="0f22e960-400a-43ff-baeb-4828c8f5cd3a" providerId="ADAL" clId="{0BA1101D-93BB-474F-8A4D-62367F400F86}" dt="2021-03-17T15:08:51.199" v="7378" actId="6549"/>
          <ac:spMkLst>
            <pc:docMk/>
            <pc:sldMk cId="3986739479" sldId="377"/>
            <ac:spMk id="16" creationId="{D61B117B-78B4-D643-94C3-9C93D00B427A}"/>
          </ac:spMkLst>
        </pc:spChg>
        <pc:spChg chg="add del mod">
          <ac:chgData name="Daly Donnacha HSLU I" userId="0f22e960-400a-43ff-baeb-4828c8f5cd3a" providerId="ADAL" clId="{0BA1101D-93BB-474F-8A4D-62367F400F86}" dt="2021-03-16T20:46:17.160" v="7176" actId="478"/>
          <ac:spMkLst>
            <pc:docMk/>
            <pc:sldMk cId="3986739479" sldId="377"/>
            <ac:spMk id="17" creationId="{FABEACFD-F8FE-B84D-AE2A-A435767A0740}"/>
          </ac:spMkLst>
        </pc:spChg>
        <pc:spChg chg="add mod">
          <ac:chgData name="Daly Donnacha HSLU I" userId="0f22e960-400a-43ff-baeb-4828c8f5cd3a" providerId="ADAL" clId="{0BA1101D-93BB-474F-8A4D-62367F400F86}" dt="2021-03-17T15:49:54.279" v="7760" actId="113"/>
          <ac:spMkLst>
            <pc:docMk/>
            <pc:sldMk cId="3986739479" sldId="377"/>
            <ac:spMk id="24" creationId="{544562E2-B647-6340-9B7B-3537B2072A05}"/>
          </ac:spMkLst>
        </pc:spChg>
        <pc:grpChg chg="add del mod">
          <ac:chgData name="Daly Donnacha HSLU I" userId="0f22e960-400a-43ff-baeb-4828c8f5cd3a" providerId="ADAL" clId="{0BA1101D-93BB-474F-8A4D-62367F400F86}" dt="2021-03-17T15:23:10.797" v="7379" actId="478"/>
          <ac:grpSpMkLst>
            <pc:docMk/>
            <pc:sldMk cId="3986739479" sldId="377"/>
            <ac:grpSpMk id="21" creationId="{8C805C04-375E-B640-9439-2829C0DA9EBB}"/>
          </ac:grpSpMkLst>
        </pc:grpChg>
        <pc:picChg chg="add del mod">
          <ac:chgData name="Daly Donnacha HSLU I" userId="0f22e960-400a-43ff-baeb-4828c8f5cd3a" providerId="ADAL" clId="{0BA1101D-93BB-474F-8A4D-62367F400F86}" dt="2021-03-17T15:31:12.639" v="7494" actId="478"/>
          <ac:picMkLst>
            <pc:docMk/>
            <pc:sldMk cId="3986739479" sldId="377"/>
            <ac:picMk id="6" creationId="{68496905-6B82-0E44-826F-EA57DC154539}"/>
          </ac:picMkLst>
        </pc:picChg>
        <pc:picChg chg="add del mod">
          <ac:chgData name="Daly Donnacha HSLU I" userId="0f22e960-400a-43ff-baeb-4828c8f5cd3a" providerId="ADAL" clId="{0BA1101D-93BB-474F-8A4D-62367F400F86}" dt="2021-03-17T15:36:08.144" v="7500" actId="478"/>
          <ac:picMkLst>
            <pc:docMk/>
            <pc:sldMk cId="3986739479" sldId="377"/>
            <ac:picMk id="8" creationId="{0EEF8F45-13DB-F146-9D54-B0607D408344}"/>
          </ac:picMkLst>
        </pc:picChg>
        <pc:picChg chg="add mod">
          <ac:chgData name="Daly Donnacha HSLU I" userId="0f22e960-400a-43ff-baeb-4828c8f5cd3a" providerId="ADAL" clId="{0BA1101D-93BB-474F-8A4D-62367F400F86}" dt="2021-03-17T15:46:15.362" v="7607" actId="1076"/>
          <ac:picMkLst>
            <pc:docMk/>
            <pc:sldMk cId="3986739479" sldId="377"/>
            <ac:picMk id="9" creationId="{2A57F4EE-E912-4342-A0BA-172567B05DF9}"/>
          </ac:picMkLst>
        </pc:picChg>
        <pc:picChg chg="add mod">
          <ac:chgData name="Daly Donnacha HSLU I" userId="0f22e960-400a-43ff-baeb-4828c8f5cd3a" providerId="ADAL" clId="{0BA1101D-93BB-474F-8A4D-62367F400F86}" dt="2021-03-16T20:47:56.326" v="7191" actId="164"/>
          <ac:picMkLst>
            <pc:docMk/>
            <pc:sldMk cId="3986739479" sldId="377"/>
            <ac:picMk id="15" creationId="{E10E593A-09E9-3547-8D57-61CC83C4A584}"/>
          </ac:picMkLst>
        </pc:picChg>
        <pc:picChg chg="add del mod">
          <ac:chgData name="Daly Donnacha HSLU I" userId="0f22e960-400a-43ff-baeb-4828c8f5cd3a" providerId="ADAL" clId="{0BA1101D-93BB-474F-8A4D-62367F400F86}" dt="2021-03-16T20:45:48.071" v="7166" actId="478"/>
          <ac:picMkLst>
            <pc:docMk/>
            <pc:sldMk cId="3986739479" sldId="377"/>
            <ac:picMk id="10242" creationId="{78E14137-3987-D14A-BC75-B666532F7416}"/>
          </ac:picMkLst>
        </pc:picChg>
        <pc:picChg chg="add del">
          <ac:chgData name="Daly Donnacha HSLU I" userId="0f22e960-400a-43ff-baeb-4828c8f5cd3a" providerId="ADAL" clId="{0BA1101D-93BB-474F-8A4D-62367F400F86}" dt="2021-03-16T20:45:43.204" v="7163" actId="478"/>
          <ac:picMkLst>
            <pc:docMk/>
            <pc:sldMk cId="3986739479" sldId="377"/>
            <ac:picMk id="10244" creationId="{9648ED04-6D7E-3049-B38B-638952704270}"/>
          </ac:picMkLst>
        </pc:picChg>
        <pc:cxnChg chg="add mod">
          <ac:chgData name="Daly Donnacha HSLU I" userId="0f22e960-400a-43ff-baeb-4828c8f5cd3a" providerId="ADAL" clId="{0BA1101D-93BB-474F-8A4D-62367F400F86}" dt="2021-03-17T15:40:52.363" v="7589" actId="166"/>
          <ac:cxnSpMkLst>
            <pc:docMk/>
            <pc:sldMk cId="3986739479" sldId="377"/>
            <ac:cxnSpMk id="11" creationId="{2CDC76E6-141B-BE49-A3E7-C32009B51B27}"/>
          </ac:cxnSpMkLst>
        </pc:cxnChg>
        <pc:cxnChg chg="add del mod">
          <ac:chgData name="Daly Donnacha HSLU I" userId="0f22e960-400a-43ff-baeb-4828c8f5cd3a" providerId="ADAL" clId="{0BA1101D-93BB-474F-8A4D-62367F400F86}" dt="2021-03-17T15:39:41.201" v="7579" actId="478"/>
          <ac:cxnSpMkLst>
            <pc:docMk/>
            <pc:sldMk cId="3986739479" sldId="377"/>
            <ac:cxnSpMk id="18" creationId="{71DCAEFD-C60D-8147-A750-597A6B81C082}"/>
          </ac:cxnSpMkLst>
        </pc:cxnChg>
        <pc:cxnChg chg="add mod">
          <ac:chgData name="Daly Donnacha HSLU I" userId="0f22e960-400a-43ff-baeb-4828c8f5cd3a" providerId="ADAL" clId="{0BA1101D-93BB-474F-8A4D-62367F400F86}" dt="2021-03-16T20:47:56.326" v="7191" actId="164"/>
          <ac:cxnSpMkLst>
            <pc:docMk/>
            <pc:sldMk cId="3986739479" sldId="377"/>
            <ac:cxnSpMk id="19" creationId="{C04FDB44-C30D-0A4B-9256-C77F771DEE2F}"/>
          </ac:cxnSpMkLst>
        </pc:cxnChg>
        <pc:cxnChg chg="add mod">
          <ac:chgData name="Daly Donnacha HSLU I" userId="0f22e960-400a-43ff-baeb-4828c8f5cd3a" providerId="ADAL" clId="{0BA1101D-93BB-474F-8A4D-62367F400F86}" dt="2021-03-17T15:39:57.398" v="7583" actId="14100"/>
          <ac:cxnSpMkLst>
            <pc:docMk/>
            <pc:sldMk cId="3986739479" sldId="377"/>
            <ac:cxnSpMk id="22" creationId="{483C06B9-B0A9-F441-A42D-E52C4B1383B8}"/>
          </ac:cxnSpMkLst>
        </pc:cxnChg>
        <pc:cxnChg chg="add mod">
          <ac:chgData name="Daly Donnacha HSLU I" userId="0f22e960-400a-43ff-baeb-4828c8f5cd3a" providerId="ADAL" clId="{0BA1101D-93BB-474F-8A4D-62367F400F86}" dt="2021-03-17T15:40:39.119" v="7588" actId="14100"/>
          <ac:cxnSpMkLst>
            <pc:docMk/>
            <pc:sldMk cId="3986739479" sldId="377"/>
            <ac:cxnSpMk id="28" creationId="{E4FC1695-AF3E-434D-A5B4-7728FBC1B4E0}"/>
          </ac:cxnSpMkLst>
        </pc:cxnChg>
      </pc:sldChg>
      <pc:sldChg chg="addSp delSp modSp new mod">
        <pc:chgData name="Daly Donnacha HSLU I" userId="0f22e960-400a-43ff-baeb-4828c8f5cd3a" providerId="ADAL" clId="{0BA1101D-93BB-474F-8A4D-62367F400F86}" dt="2021-03-18T11:34:22.423" v="17985" actId="20577"/>
        <pc:sldMkLst>
          <pc:docMk/>
          <pc:sldMk cId="3061244415" sldId="378"/>
        </pc:sldMkLst>
        <pc:spChg chg="mod">
          <ac:chgData name="Daly Donnacha HSLU I" userId="0f22e960-400a-43ff-baeb-4828c8f5cd3a" providerId="ADAL" clId="{0BA1101D-93BB-474F-8A4D-62367F400F86}" dt="2021-03-16T15:42:32.500" v="948" actId="6549"/>
          <ac:spMkLst>
            <pc:docMk/>
            <pc:sldMk cId="3061244415" sldId="378"/>
            <ac:spMk id="2" creationId="{0914F058-471A-4649-89B2-DEFC1E101218}"/>
          </ac:spMkLst>
        </pc:spChg>
        <pc:spChg chg="add mod">
          <ac:chgData name="Daly Donnacha HSLU I" userId="0f22e960-400a-43ff-baeb-4828c8f5cd3a" providerId="ADAL" clId="{0BA1101D-93BB-474F-8A4D-62367F400F86}" dt="2021-03-17T15:04:23.619" v="7377" actId="5793"/>
          <ac:spMkLst>
            <pc:docMk/>
            <pc:sldMk cId="3061244415" sldId="378"/>
            <ac:spMk id="3" creationId="{76D7A03D-7587-3041-869D-82A700C080E3}"/>
          </ac:spMkLst>
        </pc:spChg>
        <pc:spChg chg="add del mod">
          <ac:chgData name="Daly Donnacha HSLU I" userId="0f22e960-400a-43ff-baeb-4828c8f5cd3a" providerId="ADAL" clId="{0BA1101D-93BB-474F-8A4D-62367F400F86}" dt="2021-03-16T18:25:15.667" v="4040" actId="478"/>
          <ac:spMkLst>
            <pc:docMk/>
            <pc:sldMk cId="3061244415" sldId="378"/>
            <ac:spMk id="4" creationId="{9EECEAEF-5AD1-CF4E-AFEB-87F2C093545F}"/>
          </ac:spMkLst>
        </pc:spChg>
        <pc:spChg chg="add mod">
          <ac:chgData name="Daly Donnacha HSLU I" userId="0f22e960-400a-43ff-baeb-4828c8f5cd3a" providerId="ADAL" clId="{0BA1101D-93BB-474F-8A4D-62367F400F86}" dt="2021-03-16T18:24:00.455" v="4001" actId="1076"/>
          <ac:spMkLst>
            <pc:docMk/>
            <pc:sldMk cId="3061244415" sldId="378"/>
            <ac:spMk id="5" creationId="{4C1BA5DA-BD88-B047-9C29-295829C67FD8}"/>
          </ac:spMkLst>
        </pc:spChg>
        <pc:spChg chg="add del mod">
          <ac:chgData name="Daly Donnacha HSLU I" userId="0f22e960-400a-43ff-baeb-4828c8f5cd3a" providerId="ADAL" clId="{0BA1101D-93BB-474F-8A4D-62367F400F86}" dt="2021-03-16T18:26:30.295" v="4060" actId="478"/>
          <ac:spMkLst>
            <pc:docMk/>
            <pc:sldMk cId="3061244415" sldId="378"/>
            <ac:spMk id="6" creationId="{5680DAAC-C5E4-DD47-A4E0-8A071D779127}"/>
          </ac:spMkLst>
        </pc:spChg>
        <pc:spChg chg="add mod">
          <ac:chgData name="Daly Donnacha HSLU I" userId="0f22e960-400a-43ff-baeb-4828c8f5cd3a" providerId="ADAL" clId="{0BA1101D-93BB-474F-8A4D-62367F400F86}" dt="2021-03-16T18:19:16.947" v="3971" actId="1076"/>
          <ac:spMkLst>
            <pc:docMk/>
            <pc:sldMk cId="3061244415" sldId="378"/>
            <ac:spMk id="7" creationId="{8FBC5CFF-903D-8B40-8809-BC60CEF86D07}"/>
          </ac:spMkLst>
        </pc:spChg>
        <pc:spChg chg="add mod">
          <ac:chgData name="Daly Donnacha HSLU I" userId="0f22e960-400a-43ff-baeb-4828c8f5cd3a" providerId="ADAL" clId="{0BA1101D-93BB-474F-8A4D-62367F400F86}" dt="2021-03-16T18:27:46.459" v="4075" actId="1076"/>
          <ac:spMkLst>
            <pc:docMk/>
            <pc:sldMk cId="3061244415" sldId="378"/>
            <ac:spMk id="8" creationId="{1FDBE959-D247-344E-A67B-EBE7B6CB3E33}"/>
          </ac:spMkLst>
        </pc:spChg>
        <pc:spChg chg="add mod">
          <ac:chgData name="Daly Donnacha HSLU I" userId="0f22e960-400a-43ff-baeb-4828c8f5cd3a" providerId="ADAL" clId="{0BA1101D-93BB-474F-8A4D-62367F400F86}" dt="2021-03-16T18:29:40.767" v="4083" actId="1076"/>
          <ac:spMkLst>
            <pc:docMk/>
            <pc:sldMk cId="3061244415" sldId="378"/>
            <ac:spMk id="9" creationId="{F796011D-0EE3-F444-A107-7A8248A640C1}"/>
          </ac:spMkLst>
        </pc:spChg>
        <pc:spChg chg="add del mod">
          <ac:chgData name="Daly Donnacha HSLU I" userId="0f22e960-400a-43ff-baeb-4828c8f5cd3a" providerId="ADAL" clId="{0BA1101D-93BB-474F-8A4D-62367F400F86}" dt="2021-03-16T18:23:49.478" v="4000" actId="478"/>
          <ac:spMkLst>
            <pc:docMk/>
            <pc:sldMk cId="3061244415" sldId="378"/>
            <ac:spMk id="10" creationId="{FC21A5A6-A094-0B4B-9163-74B8371BCB0A}"/>
          </ac:spMkLst>
        </pc:spChg>
        <pc:spChg chg="add del mod">
          <ac:chgData name="Daly Donnacha HSLU I" userId="0f22e960-400a-43ff-baeb-4828c8f5cd3a" providerId="ADAL" clId="{0BA1101D-93BB-474F-8A4D-62367F400F86}" dt="2021-03-16T18:31:57.614" v="4191"/>
          <ac:spMkLst>
            <pc:docMk/>
            <pc:sldMk cId="3061244415" sldId="378"/>
            <ac:spMk id="11" creationId="{561A4A0F-F539-1F4E-B519-9EFD17FC40B6}"/>
          </ac:spMkLst>
        </pc:spChg>
        <pc:spChg chg="add mod">
          <ac:chgData name="Daly Donnacha HSLU I" userId="0f22e960-400a-43ff-baeb-4828c8f5cd3a" providerId="ADAL" clId="{0BA1101D-93BB-474F-8A4D-62367F400F86}" dt="2021-03-17T06:42:16.188" v="7340" actId="790"/>
          <ac:spMkLst>
            <pc:docMk/>
            <pc:sldMk cId="3061244415" sldId="378"/>
            <ac:spMk id="12" creationId="{61840A33-5870-D041-BB87-723B9921224F}"/>
          </ac:spMkLst>
        </pc:spChg>
        <pc:spChg chg="add mod">
          <ac:chgData name="Daly Donnacha HSLU I" userId="0f22e960-400a-43ff-baeb-4828c8f5cd3a" providerId="ADAL" clId="{0BA1101D-93BB-474F-8A4D-62367F400F86}" dt="2021-03-17T06:42:28.467" v="7341" actId="1035"/>
          <ac:spMkLst>
            <pc:docMk/>
            <pc:sldMk cId="3061244415" sldId="378"/>
            <ac:spMk id="13" creationId="{4B55B09A-69D6-2D47-BDAD-176E2B412E77}"/>
          </ac:spMkLst>
        </pc:spChg>
        <pc:spChg chg="add mod">
          <ac:chgData name="Daly Donnacha HSLU I" userId="0f22e960-400a-43ff-baeb-4828c8f5cd3a" providerId="ADAL" clId="{0BA1101D-93BB-474F-8A4D-62367F400F86}" dt="2021-03-16T18:27:58.862" v="4077" actId="1076"/>
          <ac:spMkLst>
            <pc:docMk/>
            <pc:sldMk cId="3061244415" sldId="378"/>
            <ac:spMk id="14" creationId="{3761D256-C092-E349-809A-3B813B0BB479}"/>
          </ac:spMkLst>
        </pc:spChg>
        <pc:spChg chg="add mod">
          <ac:chgData name="Daly Donnacha HSLU I" userId="0f22e960-400a-43ff-baeb-4828c8f5cd3a" providerId="ADAL" clId="{0BA1101D-93BB-474F-8A4D-62367F400F86}" dt="2021-03-16T18:28:05.717" v="4079" actId="1076"/>
          <ac:spMkLst>
            <pc:docMk/>
            <pc:sldMk cId="3061244415" sldId="378"/>
            <ac:spMk id="15" creationId="{975021DE-99DC-E14A-9208-382FDBD13FAD}"/>
          </ac:spMkLst>
        </pc:spChg>
        <pc:spChg chg="add mod">
          <ac:chgData name="Daly Donnacha HSLU I" userId="0f22e960-400a-43ff-baeb-4828c8f5cd3a" providerId="ADAL" clId="{0BA1101D-93BB-474F-8A4D-62367F400F86}" dt="2021-03-16T18:29:45.478" v="4085" actId="1076"/>
          <ac:spMkLst>
            <pc:docMk/>
            <pc:sldMk cId="3061244415" sldId="378"/>
            <ac:spMk id="17" creationId="{CBA48850-4F10-5843-954B-2BAA7FA65AA5}"/>
          </ac:spMkLst>
        </pc:spChg>
        <pc:spChg chg="add mod">
          <ac:chgData name="Daly Donnacha HSLU I" userId="0f22e960-400a-43ff-baeb-4828c8f5cd3a" providerId="ADAL" clId="{0BA1101D-93BB-474F-8A4D-62367F400F86}" dt="2021-03-16T18:29:50.066" v="4087" actId="1076"/>
          <ac:spMkLst>
            <pc:docMk/>
            <pc:sldMk cId="3061244415" sldId="378"/>
            <ac:spMk id="18" creationId="{23E72683-055C-7743-B2D1-8D6CA75E8C7E}"/>
          </ac:spMkLst>
        </pc:spChg>
        <pc:spChg chg="add mod">
          <ac:chgData name="Daly Donnacha HSLU I" userId="0f22e960-400a-43ff-baeb-4828c8f5cd3a" providerId="ADAL" clId="{0BA1101D-93BB-474F-8A4D-62367F400F86}" dt="2021-03-16T18:30:00.744" v="4090" actId="20577"/>
          <ac:spMkLst>
            <pc:docMk/>
            <pc:sldMk cId="3061244415" sldId="378"/>
            <ac:spMk id="19" creationId="{C790A989-7579-3C42-9867-35E8981BD5EA}"/>
          </ac:spMkLst>
        </pc:spChg>
        <pc:spChg chg="add mod">
          <ac:chgData name="Daly Donnacha HSLU I" userId="0f22e960-400a-43ff-baeb-4828c8f5cd3a" providerId="ADAL" clId="{0BA1101D-93BB-474F-8A4D-62367F400F86}" dt="2021-03-16T18:30:06.597" v="4092" actId="1076"/>
          <ac:spMkLst>
            <pc:docMk/>
            <pc:sldMk cId="3061244415" sldId="378"/>
            <ac:spMk id="20" creationId="{310FC433-4AA7-5C44-A690-E6A24ECC465F}"/>
          </ac:spMkLst>
        </pc:spChg>
        <pc:spChg chg="add mod">
          <ac:chgData name="Daly Donnacha HSLU I" userId="0f22e960-400a-43ff-baeb-4828c8f5cd3a" providerId="ADAL" clId="{0BA1101D-93BB-474F-8A4D-62367F400F86}" dt="2021-03-16T18:30:10.612" v="4094" actId="1076"/>
          <ac:spMkLst>
            <pc:docMk/>
            <pc:sldMk cId="3061244415" sldId="378"/>
            <ac:spMk id="21" creationId="{2BD4039A-1E06-1249-92CD-C1075EA6B0C2}"/>
          </ac:spMkLst>
        </pc:spChg>
        <pc:spChg chg="add mod">
          <ac:chgData name="Daly Donnacha HSLU I" userId="0f22e960-400a-43ff-baeb-4828c8f5cd3a" providerId="ADAL" clId="{0BA1101D-93BB-474F-8A4D-62367F400F86}" dt="2021-03-18T11:34:22.423" v="17985" actId="20577"/>
          <ac:spMkLst>
            <pc:docMk/>
            <pc:sldMk cId="3061244415" sldId="378"/>
            <ac:spMk id="22" creationId="{BA6A7770-A971-1142-B484-9D414875E5FE}"/>
          </ac:spMkLst>
        </pc:spChg>
        <pc:spChg chg="add mod">
          <ac:chgData name="Daly Donnacha HSLU I" userId="0f22e960-400a-43ff-baeb-4828c8f5cd3a" providerId="ADAL" clId="{0BA1101D-93BB-474F-8A4D-62367F400F86}" dt="2021-03-18T11:34:09.875" v="17978" actId="1076"/>
          <ac:spMkLst>
            <pc:docMk/>
            <pc:sldMk cId="3061244415" sldId="378"/>
            <ac:spMk id="23" creationId="{6AD555A2-2CDA-9045-B350-813A9F9A3331}"/>
          </ac:spMkLst>
        </pc:spChg>
        <pc:spChg chg="add mod">
          <ac:chgData name="Daly Donnacha HSLU I" userId="0f22e960-400a-43ff-baeb-4828c8f5cd3a" providerId="ADAL" clId="{0BA1101D-93BB-474F-8A4D-62367F400F86}" dt="2021-03-16T18:55:17.579" v="5057"/>
          <ac:spMkLst>
            <pc:docMk/>
            <pc:sldMk cId="3061244415" sldId="378"/>
            <ac:spMk id="24" creationId="{7567655E-9F09-9E47-BC75-758E75A4121F}"/>
          </ac:spMkLst>
        </pc:spChg>
        <pc:picChg chg="add del mod">
          <ac:chgData name="Daly Donnacha HSLU I" userId="0f22e960-400a-43ff-baeb-4828c8f5cd3a" providerId="ADAL" clId="{0BA1101D-93BB-474F-8A4D-62367F400F86}" dt="2021-03-16T18:18:55.252" v="3965" actId="478"/>
          <ac:picMkLst>
            <pc:docMk/>
            <pc:sldMk cId="3061244415" sldId="378"/>
            <ac:picMk id="6146" creationId="{56796E14-902F-CF4A-95FA-7152EC500EFE}"/>
          </ac:picMkLst>
        </pc:picChg>
        <pc:picChg chg="add del mod">
          <ac:chgData name="Daly Donnacha HSLU I" userId="0f22e960-400a-43ff-baeb-4828c8f5cd3a" providerId="ADAL" clId="{0BA1101D-93BB-474F-8A4D-62367F400F86}" dt="2021-03-16T18:23:20.390" v="3991" actId="478"/>
          <ac:picMkLst>
            <pc:docMk/>
            <pc:sldMk cId="3061244415" sldId="378"/>
            <ac:picMk id="6148" creationId="{13D4A6C0-DBDA-0B4A-9B87-C0B8452C64D1}"/>
          </ac:picMkLst>
        </pc:picChg>
        <pc:picChg chg="add mod">
          <ac:chgData name="Daly Donnacha HSLU I" userId="0f22e960-400a-43ff-baeb-4828c8f5cd3a" providerId="ADAL" clId="{0BA1101D-93BB-474F-8A4D-62367F400F86}" dt="2021-03-16T18:23:34.721" v="3996" actId="1076"/>
          <ac:picMkLst>
            <pc:docMk/>
            <pc:sldMk cId="3061244415" sldId="378"/>
            <ac:picMk id="6150" creationId="{557EF6E6-F5AF-4B43-BB53-8072EB49C58B}"/>
          </ac:picMkLst>
        </pc:picChg>
      </pc:sldChg>
      <pc:sldChg chg="addSp delSp modSp new mod">
        <pc:chgData name="Daly Donnacha HSLU I" userId="0f22e960-400a-43ff-baeb-4828c8f5cd3a" providerId="ADAL" clId="{0BA1101D-93BB-474F-8A4D-62367F400F86}" dt="2021-03-16T20:53:35.224" v="7293" actId="114"/>
        <pc:sldMkLst>
          <pc:docMk/>
          <pc:sldMk cId="1024875337" sldId="379"/>
        </pc:sldMkLst>
        <pc:spChg chg="mod">
          <ac:chgData name="Daly Donnacha HSLU I" userId="0f22e960-400a-43ff-baeb-4828c8f5cd3a" providerId="ADAL" clId="{0BA1101D-93BB-474F-8A4D-62367F400F86}" dt="2021-03-16T15:38:14.008" v="935" actId="20577"/>
          <ac:spMkLst>
            <pc:docMk/>
            <pc:sldMk cId="1024875337" sldId="379"/>
            <ac:spMk id="2" creationId="{BEA34F55-C272-2E41-A8AC-045544BE4B73}"/>
          </ac:spMkLst>
        </pc:spChg>
        <pc:spChg chg="add mod">
          <ac:chgData name="Daly Donnacha HSLU I" userId="0f22e960-400a-43ff-baeb-4828c8f5cd3a" providerId="ADAL" clId="{0BA1101D-93BB-474F-8A4D-62367F400F86}" dt="2021-03-16T17:02:34.703" v="2084" actId="1035"/>
          <ac:spMkLst>
            <pc:docMk/>
            <pc:sldMk cId="1024875337" sldId="379"/>
            <ac:spMk id="5" creationId="{762902FE-852A-1547-AA9C-7A0C6DCCF6A7}"/>
          </ac:spMkLst>
        </pc:spChg>
        <pc:spChg chg="add mod">
          <ac:chgData name="Daly Donnacha HSLU I" userId="0f22e960-400a-43ff-baeb-4828c8f5cd3a" providerId="ADAL" clId="{0BA1101D-93BB-474F-8A4D-62367F400F86}" dt="2021-03-16T20:53:35.224" v="7293" actId="114"/>
          <ac:spMkLst>
            <pc:docMk/>
            <pc:sldMk cId="1024875337" sldId="379"/>
            <ac:spMk id="6" creationId="{3758C260-6BF8-664A-8C53-B2DB496BA479}"/>
          </ac:spMkLst>
        </pc:spChg>
        <pc:spChg chg="add del mod">
          <ac:chgData name="Daly Donnacha HSLU I" userId="0f22e960-400a-43ff-baeb-4828c8f5cd3a" providerId="ADAL" clId="{0BA1101D-93BB-474F-8A4D-62367F400F86}" dt="2021-03-16T17:02:28.863" v="2056" actId="478"/>
          <ac:spMkLst>
            <pc:docMk/>
            <pc:sldMk cId="1024875337" sldId="379"/>
            <ac:spMk id="7" creationId="{72000333-F1EB-5242-9001-BAF71D8EB067}"/>
          </ac:spMkLst>
        </pc:spChg>
        <pc:spChg chg="add del mod">
          <ac:chgData name="Daly Donnacha HSLU I" userId="0f22e960-400a-43ff-baeb-4828c8f5cd3a" providerId="ADAL" clId="{0BA1101D-93BB-474F-8A4D-62367F400F86}" dt="2021-03-16T17:02:24.319" v="2055" actId="478"/>
          <ac:spMkLst>
            <pc:docMk/>
            <pc:sldMk cId="1024875337" sldId="379"/>
            <ac:spMk id="8" creationId="{CE30452C-3537-404B-8F7B-110F8D894F5E}"/>
          </ac:spMkLst>
        </pc:spChg>
        <pc:spChg chg="add del mod">
          <ac:chgData name="Daly Donnacha HSLU I" userId="0f22e960-400a-43ff-baeb-4828c8f5cd3a" providerId="ADAL" clId="{0BA1101D-93BB-474F-8A4D-62367F400F86}" dt="2021-03-16T17:02:21.888" v="2054" actId="478"/>
          <ac:spMkLst>
            <pc:docMk/>
            <pc:sldMk cId="1024875337" sldId="379"/>
            <ac:spMk id="9" creationId="{1B1ACCE6-20DF-B046-84A6-A621D51CD097}"/>
          </ac:spMkLst>
        </pc:spChg>
        <pc:spChg chg="add mod">
          <ac:chgData name="Daly Donnacha HSLU I" userId="0f22e960-400a-43ff-baeb-4828c8f5cd3a" providerId="ADAL" clId="{0BA1101D-93BB-474F-8A4D-62367F400F86}" dt="2021-03-16T17:17:32.830" v="2878" actId="1036"/>
          <ac:spMkLst>
            <pc:docMk/>
            <pc:sldMk cId="1024875337" sldId="379"/>
            <ac:spMk id="10" creationId="{D3CD4FD7-EECE-B142-9EE4-DC6FEE9E18F2}"/>
          </ac:spMkLst>
        </pc:spChg>
        <pc:spChg chg="add del mod">
          <ac:chgData name="Daly Donnacha HSLU I" userId="0f22e960-400a-43ff-baeb-4828c8f5cd3a" providerId="ADAL" clId="{0BA1101D-93BB-474F-8A4D-62367F400F86}" dt="2021-03-16T17:08:50.576" v="2411" actId="478"/>
          <ac:spMkLst>
            <pc:docMk/>
            <pc:sldMk cId="1024875337" sldId="379"/>
            <ac:spMk id="11" creationId="{AF0E8005-5455-444F-928C-C9F2392EEEFC}"/>
          </ac:spMkLst>
        </pc:spChg>
        <pc:spChg chg="add del">
          <ac:chgData name="Daly Donnacha HSLU I" userId="0f22e960-400a-43ff-baeb-4828c8f5cd3a" providerId="ADAL" clId="{0BA1101D-93BB-474F-8A4D-62367F400F86}" dt="2021-03-16T17:11:05.791" v="2566" actId="478"/>
          <ac:spMkLst>
            <pc:docMk/>
            <pc:sldMk cId="1024875337" sldId="379"/>
            <ac:spMk id="12" creationId="{32E84C85-919C-1C46-85A1-AE03520144C6}"/>
          </ac:spMkLst>
        </pc:spChg>
        <pc:spChg chg="add mod">
          <ac:chgData name="Daly Donnacha HSLU I" userId="0f22e960-400a-43ff-baeb-4828c8f5cd3a" providerId="ADAL" clId="{0BA1101D-93BB-474F-8A4D-62367F400F86}" dt="2021-03-16T20:53:31.718" v="7292" actId="114"/>
          <ac:spMkLst>
            <pc:docMk/>
            <pc:sldMk cId="1024875337" sldId="379"/>
            <ac:spMk id="13" creationId="{E0DB03E6-7F7C-A84F-B2FC-52003758FCCC}"/>
          </ac:spMkLst>
        </pc:spChg>
        <pc:spChg chg="add">
          <ac:chgData name="Daly Donnacha HSLU I" userId="0f22e960-400a-43ff-baeb-4828c8f5cd3a" providerId="ADAL" clId="{0BA1101D-93BB-474F-8A4D-62367F400F86}" dt="2021-03-16T17:11:25.381" v="2567" actId="11529"/>
          <ac:spMkLst>
            <pc:docMk/>
            <pc:sldMk cId="1024875337" sldId="379"/>
            <ac:spMk id="14" creationId="{3A48E095-B7C6-574B-BAC1-3CE46466DEAC}"/>
          </ac:spMkLst>
        </pc:spChg>
        <pc:spChg chg="add mod">
          <ac:chgData name="Daly Donnacha HSLU I" userId="0f22e960-400a-43ff-baeb-4828c8f5cd3a" providerId="ADAL" clId="{0BA1101D-93BB-474F-8A4D-62367F400F86}" dt="2021-03-16T17:18:32.915" v="2897" actId="1076"/>
          <ac:spMkLst>
            <pc:docMk/>
            <pc:sldMk cId="1024875337" sldId="379"/>
            <ac:spMk id="15" creationId="{EC6B3582-817D-364B-93A0-CF8BF0D30239}"/>
          </ac:spMkLst>
        </pc:spChg>
        <pc:spChg chg="add mod">
          <ac:chgData name="Daly Donnacha HSLU I" userId="0f22e960-400a-43ff-baeb-4828c8f5cd3a" providerId="ADAL" clId="{0BA1101D-93BB-474F-8A4D-62367F400F86}" dt="2021-03-16T17:18:57.118" v="2909" actId="1076"/>
          <ac:spMkLst>
            <pc:docMk/>
            <pc:sldMk cId="1024875337" sldId="379"/>
            <ac:spMk id="16" creationId="{475E5FDB-95F1-7D41-8817-F7A5F3312753}"/>
          </ac:spMkLst>
        </pc:spChg>
        <pc:spChg chg="add del mod">
          <ac:chgData name="Daly Donnacha HSLU I" userId="0f22e960-400a-43ff-baeb-4828c8f5cd3a" providerId="ADAL" clId="{0BA1101D-93BB-474F-8A4D-62367F400F86}" dt="2021-03-16T17:20:03.454" v="2914" actId="478"/>
          <ac:spMkLst>
            <pc:docMk/>
            <pc:sldMk cId="1024875337" sldId="379"/>
            <ac:spMk id="17" creationId="{9A56E2C1-AD40-804D-A8B8-DC74CB1801C7}"/>
          </ac:spMkLst>
        </pc:spChg>
        <pc:cxnChg chg="add mod">
          <ac:chgData name="Daly Donnacha HSLU I" userId="0f22e960-400a-43ff-baeb-4828c8f5cd3a" providerId="ADAL" clId="{0BA1101D-93BB-474F-8A4D-62367F400F86}" dt="2021-03-16T17:02:34.703" v="2084" actId="1035"/>
          <ac:cxnSpMkLst>
            <pc:docMk/>
            <pc:sldMk cId="1024875337" sldId="379"/>
            <ac:cxnSpMk id="3" creationId="{DAF48D8F-0F22-9E4B-ADCD-7E79708A582D}"/>
          </ac:cxnSpMkLst>
        </pc:cxnChg>
        <pc:cxnChg chg="add mod">
          <ac:chgData name="Daly Donnacha HSLU I" userId="0f22e960-400a-43ff-baeb-4828c8f5cd3a" providerId="ADAL" clId="{0BA1101D-93BB-474F-8A4D-62367F400F86}" dt="2021-03-16T17:02:34.703" v="2084" actId="1035"/>
          <ac:cxnSpMkLst>
            <pc:docMk/>
            <pc:sldMk cId="1024875337" sldId="379"/>
            <ac:cxnSpMk id="4" creationId="{D9A9384A-EC85-F04F-9D3A-969FB1262506}"/>
          </ac:cxnSpMkLst>
        </pc:cxnChg>
      </pc:sldChg>
      <pc:sldChg chg="addSp delSp modSp add mod ord">
        <pc:chgData name="Daly Donnacha HSLU I" userId="0f22e960-400a-43ff-baeb-4828c8f5cd3a" providerId="ADAL" clId="{0BA1101D-93BB-474F-8A4D-62367F400F86}" dt="2021-03-16T20:04:30.748" v="6251" actId="20577"/>
        <pc:sldMkLst>
          <pc:docMk/>
          <pc:sldMk cId="2604886320" sldId="380"/>
        </pc:sldMkLst>
        <pc:spChg chg="mod">
          <ac:chgData name="Daly Donnacha HSLU I" userId="0f22e960-400a-43ff-baeb-4828c8f5cd3a" providerId="ADAL" clId="{0BA1101D-93BB-474F-8A4D-62367F400F86}" dt="2021-03-16T15:43:06.018" v="962" actId="20577"/>
          <ac:spMkLst>
            <pc:docMk/>
            <pc:sldMk cId="2604886320" sldId="380"/>
            <ac:spMk id="2" creationId="{0914F058-471A-4649-89B2-DEFC1E101218}"/>
          </ac:spMkLst>
        </pc:spChg>
        <pc:spChg chg="add mod">
          <ac:chgData name="Daly Donnacha HSLU I" userId="0f22e960-400a-43ff-baeb-4828c8f5cd3a" providerId="ADAL" clId="{0BA1101D-93BB-474F-8A4D-62367F400F86}" dt="2021-03-16T19:33:29.823" v="5718" actId="1076"/>
          <ac:spMkLst>
            <pc:docMk/>
            <pc:sldMk cId="2604886320" sldId="380"/>
            <ac:spMk id="4" creationId="{9391B183-EF0A-4D49-BB13-401AF37191D7}"/>
          </ac:spMkLst>
        </pc:spChg>
        <pc:spChg chg="add mod">
          <ac:chgData name="Daly Donnacha HSLU I" userId="0f22e960-400a-43ff-baeb-4828c8f5cd3a" providerId="ADAL" clId="{0BA1101D-93BB-474F-8A4D-62367F400F86}" dt="2021-03-16T19:34:42.802" v="5720" actId="1076"/>
          <ac:spMkLst>
            <pc:docMk/>
            <pc:sldMk cId="2604886320" sldId="380"/>
            <ac:spMk id="6" creationId="{B0FDAB43-FB73-B049-A046-16B4B341A665}"/>
          </ac:spMkLst>
        </pc:spChg>
        <pc:spChg chg="add mod">
          <ac:chgData name="Daly Donnacha HSLU I" userId="0f22e960-400a-43ff-baeb-4828c8f5cd3a" providerId="ADAL" clId="{0BA1101D-93BB-474F-8A4D-62367F400F86}" dt="2021-03-16T20:03:26.647" v="6226" actId="1035"/>
          <ac:spMkLst>
            <pc:docMk/>
            <pc:sldMk cId="2604886320" sldId="380"/>
            <ac:spMk id="7" creationId="{76B170E3-1DBA-2D45-8A19-8B3ECD9EFA44}"/>
          </ac:spMkLst>
        </pc:spChg>
        <pc:spChg chg="add mod">
          <ac:chgData name="Daly Donnacha HSLU I" userId="0f22e960-400a-43ff-baeb-4828c8f5cd3a" providerId="ADAL" clId="{0BA1101D-93BB-474F-8A4D-62367F400F86}" dt="2021-03-16T20:03:55.403" v="6235" actId="1076"/>
          <ac:spMkLst>
            <pc:docMk/>
            <pc:sldMk cId="2604886320" sldId="380"/>
            <ac:spMk id="8" creationId="{DDFC5187-350C-144F-917E-CD18FEDAD1BD}"/>
          </ac:spMkLst>
        </pc:spChg>
        <pc:spChg chg="add mod">
          <ac:chgData name="Daly Donnacha HSLU I" userId="0f22e960-400a-43ff-baeb-4828c8f5cd3a" providerId="ADAL" clId="{0BA1101D-93BB-474F-8A4D-62367F400F86}" dt="2021-03-16T20:04:30.748" v="6251" actId="20577"/>
          <ac:spMkLst>
            <pc:docMk/>
            <pc:sldMk cId="2604886320" sldId="380"/>
            <ac:spMk id="9" creationId="{D1FB6F84-980A-0D4B-809A-EA27FD663D54}"/>
          </ac:spMkLst>
        </pc:spChg>
        <pc:spChg chg="add mod">
          <ac:chgData name="Daly Donnacha HSLU I" userId="0f22e960-400a-43ff-baeb-4828c8f5cd3a" providerId="ADAL" clId="{0BA1101D-93BB-474F-8A4D-62367F400F86}" dt="2021-03-16T20:03:26.647" v="6226" actId="1035"/>
          <ac:spMkLst>
            <pc:docMk/>
            <pc:sldMk cId="2604886320" sldId="380"/>
            <ac:spMk id="28" creationId="{68AA9AED-39E7-7F4B-8921-E0896EC0A0F3}"/>
          </ac:spMkLst>
        </pc:spChg>
        <pc:picChg chg="add mod">
          <ac:chgData name="Daly Donnacha HSLU I" userId="0f22e960-400a-43ff-baeb-4828c8f5cd3a" providerId="ADAL" clId="{0BA1101D-93BB-474F-8A4D-62367F400F86}" dt="2021-03-16T20:03:17.594" v="6222" actId="1035"/>
          <ac:picMkLst>
            <pc:docMk/>
            <pc:sldMk cId="2604886320" sldId="380"/>
            <ac:picMk id="3" creationId="{3CC27884-3DCA-EF40-A6F7-33F10774DDE3}"/>
          </ac:picMkLst>
        </pc:picChg>
        <pc:picChg chg="add mod">
          <ac:chgData name="Daly Donnacha HSLU I" userId="0f22e960-400a-43ff-baeb-4828c8f5cd3a" providerId="ADAL" clId="{0BA1101D-93BB-474F-8A4D-62367F400F86}" dt="2021-03-16T19:43:24.892" v="6107" actId="1038"/>
          <ac:picMkLst>
            <pc:docMk/>
            <pc:sldMk cId="2604886320" sldId="380"/>
            <ac:picMk id="9218" creationId="{DE49E589-7ECA-844A-A9EF-F34247FE9B06}"/>
          </ac:picMkLst>
        </pc:picChg>
        <pc:cxnChg chg="add del mod">
          <ac:chgData name="Daly Donnacha HSLU I" userId="0f22e960-400a-43ff-baeb-4828c8f5cd3a" providerId="ADAL" clId="{0BA1101D-93BB-474F-8A4D-62367F400F86}" dt="2021-03-16T19:39:33.239" v="6019" actId="478"/>
          <ac:cxnSpMkLst>
            <pc:docMk/>
            <pc:sldMk cId="2604886320" sldId="380"/>
            <ac:cxnSpMk id="10" creationId="{42D5023B-1B79-F844-9F62-7C99082D3442}"/>
          </ac:cxnSpMkLst>
        </pc:cxnChg>
        <pc:cxnChg chg="add mod">
          <ac:chgData name="Daly Donnacha HSLU I" userId="0f22e960-400a-43ff-baeb-4828c8f5cd3a" providerId="ADAL" clId="{0BA1101D-93BB-474F-8A4D-62367F400F86}" dt="2021-03-16T20:03:26.647" v="6226" actId="1035"/>
          <ac:cxnSpMkLst>
            <pc:docMk/>
            <pc:sldMk cId="2604886320" sldId="380"/>
            <ac:cxnSpMk id="11" creationId="{D1E4BFDE-FA25-BA49-B491-BF0A912B93EA}"/>
          </ac:cxnSpMkLst>
        </pc:cxnChg>
        <pc:cxnChg chg="add del mod">
          <ac:chgData name="Daly Donnacha HSLU I" userId="0f22e960-400a-43ff-baeb-4828c8f5cd3a" providerId="ADAL" clId="{0BA1101D-93BB-474F-8A4D-62367F400F86}" dt="2021-03-16T19:39:37.580" v="6020" actId="478"/>
          <ac:cxnSpMkLst>
            <pc:docMk/>
            <pc:sldMk cId="2604886320" sldId="380"/>
            <ac:cxnSpMk id="12" creationId="{E8E1D055-56DA-FD4E-9161-3D113E45E9EA}"/>
          </ac:cxnSpMkLst>
        </pc:cxnChg>
      </pc:sldChg>
      <pc:sldChg chg="addSp modSp new mod">
        <pc:chgData name="Daly Donnacha HSLU I" userId="0f22e960-400a-43ff-baeb-4828c8f5cd3a" providerId="ADAL" clId="{0BA1101D-93BB-474F-8A4D-62367F400F86}" dt="2021-03-18T13:07:45.325" v="17986" actId="20577"/>
        <pc:sldMkLst>
          <pc:docMk/>
          <pc:sldMk cId="2473244791" sldId="381"/>
        </pc:sldMkLst>
        <pc:spChg chg="mod">
          <ac:chgData name="Daly Donnacha HSLU I" userId="0f22e960-400a-43ff-baeb-4828c8f5cd3a" providerId="ADAL" clId="{0BA1101D-93BB-474F-8A4D-62367F400F86}" dt="2021-03-16T15:49:57.891" v="1005" actId="20577"/>
          <ac:spMkLst>
            <pc:docMk/>
            <pc:sldMk cId="2473244791" sldId="381"/>
            <ac:spMk id="2" creationId="{517D21E2-1098-E441-BFA1-BEB3075D3F2A}"/>
          </ac:spMkLst>
        </pc:spChg>
        <pc:spChg chg="add mod">
          <ac:chgData name="Daly Donnacha HSLU I" userId="0f22e960-400a-43ff-baeb-4828c8f5cd3a" providerId="ADAL" clId="{0BA1101D-93BB-474F-8A4D-62367F400F86}" dt="2021-03-17T15:49:37.181" v="7759" actId="113"/>
          <ac:spMkLst>
            <pc:docMk/>
            <pc:sldMk cId="2473244791" sldId="381"/>
            <ac:spMk id="3" creationId="{7820F7CF-F8BC-3E4B-BE42-34F76F910F02}"/>
          </ac:spMkLst>
        </pc:spChg>
        <pc:spChg chg="add mod">
          <ac:chgData name="Daly Donnacha HSLU I" userId="0f22e960-400a-43ff-baeb-4828c8f5cd3a" providerId="ADAL" clId="{0BA1101D-93BB-474F-8A4D-62367F400F86}" dt="2021-03-17T15:53:24.429" v="7809" actId="20577"/>
          <ac:spMkLst>
            <pc:docMk/>
            <pc:sldMk cId="2473244791" sldId="381"/>
            <ac:spMk id="5" creationId="{8BC2579B-CA9A-4446-9166-3CED85D9232B}"/>
          </ac:spMkLst>
        </pc:spChg>
        <pc:spChg chg="add mod">
          <ac:chgData name="Daly Donnacha HSLU I" userId="0f22e960-400a-43ff-baeb-4828c8f5cd3a" providerId="ADAL" clId="{0BA1101D-93BB-474F-8A4D-62367F400F86}" dt="2021-03-17T16:31:59.291" v="8724" actId="20577"/>
          <ac:spMkLst>
            <pc:docMk/>
            <pc:sldMk cId="2473244791" sldId="381"/>
            <ac:spMk id="6" creationId="{8E9D1E40-2F41-F14F-9911-714D5ACACD2A}"/>
          </ac:spMkLst>
        </pc:spChg>
        <pc:spChg chg="add mod">
          <ac:chgData name="Daly Donnacha HSLU I" userId="0f22e960-400a-43ff-baeb-4828c8f5cd3a" providerId="ADAL" clId="{0BA1101D-93BB-474F-8A4D-62367F400F86}" dt="2021-03-17T16:01:33.120" v="8125" actId="208"/>
          <ac:spMkLst>
            <pc:docMk/>
            <pc:sldMk cId="2473244791" sldId="381"/>
            <ac:spMk id="7" creationId="{3B6FCF8D-33E8-C94B-9BDA-814B8DC9A447}"/>
          </ac:spMkLst>
        </pc:spChg>
        <pc:spChg chg="add mod">
          <ac:chgData name="Daly Donnacha HSLU I" userId="0f22e960-400a-43ff-baeb-4828c8f5cd3a" providerId="ADAL" clId="{0BA1101D-93BB-474F-8A4D-62367F400F86}" dt="2021-03-17T16:01:55.103" v="8126"/>
          <ac:spMkLst>
            <pc:docMk/>
            <pc:sldMk cId="2473244791" sldId="381"/>
            <ac:spMk id="9" creationId="{0E99296C-8E0C-A649-B68A-E98278D071C8}"/>
          </ac:spMkLst>
        </pc:spChg>
        <pc:spChg chg="add mod">
          <ac:chgData name="Daly Donnacha HSLU I" userId="0f22e960-400a-43ff-baeb-4828c8f5cd3a" providerId="ADAL" clId="{0BA1101D-93BB-474F-8A4D-62367F400F86}" dt="2021-03-18T13:07:45.325" v="17986" actId="20577"/>
          <ac:spMkLst>
            <pc:docMk/>
            <pc:sldMk cId="2473244791" sldId="381"/>
            <ac:spMk id="21" creationId="{2D2FF540-BDD7-8F4C-8248-3DED5B79D2FC}"/>
          </ac:spMkLst>
        </pc:spChg>
        <pc:spChg chg="add mod">
          <ac:chgData name="Daly Donnacha HSLU I" userId="0f22e960-400a-43ff-baeb-4828c8f5cd3a" providerId="ADAL" clId="{0BA1101D-93BB-474F-8A4D-62367F400F86}" dt="2021-03-17T16:14:25.393" v="8518" actId="20577"/>
          <ac:spMkLst>
            <pc:docMk/>
            <pc:sldMk cId="2473244791" sldId="381"/>
            <ac:spMk id="22" creationId="{F3886939-F321-0E48-90F6-51E88352C610}"/>
          </ac:spMkLst>
        </pc:spChg>
        <pc:spChg chg="add mod">
          <ac:chgData name="Daly Donnacha HSLU I" userId="0f22e960-400a-43ff-baeb-4828c8f5cd3a" providerId="ADAL" clId="{0BA1101D-93BB-474F-8A4D-62367F400F86}" dt="2021-03-17T16:48:56.740" v="9028" actId="20577"/>
          <ac:spMkLst>
            <pc:docMk/>
            <pc:sldMk cId="2473244791" sldId="381"/>
            <ac:spMk id="23" creationId="{A5834DA1-347E-1A45-9658-AB8611C11ADE}"/>
          </ac:spMkLst>
        </pc:spChg>
        <pc:picChg chg="add mod">
          <ac:chgData name="Daly Donnacha HSLU I" userId="0f22e960-400a-43ff-baeb-4828c8f5cd3a" providerId="ADAL" clId="{0BA1101D-93BB-474F-8A4D-62367F400F86}" dt="2021-03-17T15:46:36.542" v="7608"/>
          <ac:picMkLst>
            <pc:docMk/>
            <pc:sldMk cId="2473244791" sldId="381"/>
            <ac:picMk id="4" creationId="{AB2EE1DA-141C-FE4B-B518-5588289E740B}"/>
          </ac:picMkLst>
        </pc:picChg>
        <pc:cxnChg chg="add mod">
          <ac:chgData name="Daly Donnacha HSLU I" userId="0f22e960-400a-43ff-baeb-4828c8f5cd3a" providerId="ADAL" clId="{0BA1101D-93BB-474F-8A4D-62367F400F86}" dt="2021-03-17T16:02:02.016" v="8127" actId="14100"/>
          <ac:cxnSpMkLst>
            <pc:docMk/>
            <pc:sldMk cId="2473244791" sldId="381"/>
            <ac:cxnSpMk id="8" creationId="{A341F4B2-97C5-9641-977C-B8B7808BB114}"/>
          </ac:cxnSpMkLst>
        </pc:cxnChg>
        <pc:cxnChg chg="add mod">
          <ac:chgData name="Daly Donnacha HSLU I" userId="0f22e960-400a-43ff-baeb-4828c8f5cd3a" providerId="ADAL" clId="{0BA1101D-93BB-474F-8A4D-62367F400F86}" dt="2021-03-17T16:02:23.707" v="8131" actId="14100"/>
          <ac:cxnSpMkLst>
            <pc:docMk/>
            <pc:sldMk cId="2473244791" sldId="381"/>
            <ac:cxnSpMk id="11" creationId="{DF77DBB5-214C-204E-80C7-5673BD101C3C}"/>
          </ac:cxnSpMkLst>
        </pc:cxnChg>
        <pc:cxnChg chg="add mod">
          <ac:chgData name="Daly Donnacha HSLU I" userId="0f22e960-400a-43ff-baeb-4828c8f5cd3a" providerId="ADAL" clId="{0BA1101D-93BB-474F-8A4D-62367F400F86}" dt="2021-03-17T16:02:30.469" v="8133" actId="14100"/>
          <ac:cxnSpMkLst>
            <pc:docMk/>
            <pc:sldMk cId="2473244791" sldId="381"/>
            <ac:cxnSpMk id="15" creationId="{697FB469-7828-0645-8429-D1A8D05FFE67}"/>
          </ac:cxnSpMkLst>
        </pc:cxnChg>
        <pc:cxnChg chg="add mod">
          <ac:chgData name="Daly Donnacha HSLU I" userId="0f22e960-400a-43ff-baeb-4828c8f5cd3a" providerId="ADAL" clId="{0BA1101D-93BB-474F-8A4D-62367F400F86}" dt="2021-03-17T16:02:41.186" v="8136" actId="14100"/>
          <ac:cxnSpMkLst>
            <pc:docMk/>
            <pc:sldMk cId="2473244791" sldId="381"/>
            <ac:cxnSpMk id="17" creationId="{D556E82C-D7D3-3D40-A182-3E3A4E94CF70}"/>
          </ac:cxnSpMkLst>
        </pc:cxnChg>
        <pc:cxnChg chg="add mod">
          <ac:chgData name="Daly Donnacha HSLU I" userId="0f22e960-400a-43ff-baeb-4828c8f5cd3a" providerId="ADAL" clId="{0BA1101D-93BB-474F-8A4D-62367F400F86}" dt="2021-03-17T16:02:52.688" v="8139" actId="14100"/>
          <ac:cxnSpMkLst>
            <pc:docMk/>
            <pc:sldMk cId="2473244791" sldId="381"/>
            <ac:cxnSpMk id="19" creationId="{FB356FDD-9734-9B45-9A1D-35719E7F0A40}"/>
          </ac:cxnSpMkLst>
        </pc:cxnChg>
      </pc:sldChg>
      <pc:sldChg chg="addSp delSp modSp new mod">
        <pc:chgData name="Daly Donnacha HSLU I" userId="0f22e960-400a-43ff-baeb-4828c8f5cd3a" providerId="ADAL" clId="{0BA1101D-93BB-474F-8A4D-62367F400F86}" dt="2021-03-17T17:31:38.811" v="9063" actId="21"/>
        <pc:sldMkLst>
          <pc:docMk/>
          <pc:sldMk cId="2151041588" sldId="382"/>
        </pc:sldMkLst>
        <pc:spChg chg="mod">
          <ac:chgData name="Daly Donnacha HSLU I" userId="0f22e960-400a-43ff-baeb-4828c8f5cd3a" providerId="ADAL" clId="{0BA1101D-93BB-474F-8A4D-62367F400F86}" dt="2021-03-16T15:50:19.906" v="1037" actId="20577"/>
          <ac:spMkLst>
            <pc:docMk/>
            <pc:sldMk cId="2151041588" sldId="382"/>
            <ac:spMk id="2" creationId="{F8EF4275-E5EE-FE45-8E90-6DA51F2FB72B}"/>
          </ac:spMkLst>
        </pc:spChg>
        <pc:spChg chg="add del mod">
          <ac:chgData name="Daly Donnacha HSLU I" userId="0f22e960-400a-43ff-baeb-4828c8f5cd3a" providerId="ADAL" clId="{0BA1101D-93BB-474F-8A4D-62367F400F86}" dt="2021-03-17T16:33:04.098" v="8729" actId="478"/>
          <ac:spMkLst>
            <pc:docMk/>
            <pc:sldMk cId="2151041588" sldId="382"/>
            <ac:spMk id="3" creationId="{ACABBADB-755A-FE43-B19A-3FFBF59DA6C8}"/>
          </ac:spMkLst>
        </pc:spChg>
        <pc:spChg chg="add mod">
          <ac:chgData name="Daly Donnacha HSLU I" userId="0f22e960-400a-43ff-baeb-4828c8f5cd3a" providerId="ADAL" clId="{0BA1101D-93BB-474F-8A4D-62367F400F86}" dt="2021-03-17T16:32:39.881" v="8727" actId="6549"/>
          <ac:spMkLst>
            <pc:docMk/>
            <pc:sldMk cId="2151041588" sldId="382"/>
            <ac:spMk id="4" creationId="{CE2804BA-B300-1B49-B516-C0ED1574A4DB}"/>
          </ac:spMkLst>
        </pc:spChg>
        <pc:spChg chg="add mod">
          <ac:chgData name="Daly Donnacha HSLU I" userId="0f22e960-400a-43ff-baeb-4828c8f5cd3a" providerId="ADAL" clId="{0BA1101D-93BB-474F-8A4D-62367F400F86}" dt="2021-03-17T16:49:26.223" v="9029" actId="20577"/>
          <ac:spMkLst>
            <pc:docMk/>
            <pc:sldMk cId="2151041588" sldId="382"/>
            <ac:spMk id="7" creationId="{8E9E573B-1005-9142-8A40-7F9AA9280A5E}"/>
          </ac:spMkLst>
        </pc:spChg>
        <pc:spChg chg="add mod">
          <ac:chgData name="Daly Donnacha HSLU I" userId="0f22e960-400a-43ff-baeb-4828c8f5cd3a" providerId="ADAL" clId="{0BA1101D-93BB-474F-8A4D-62367F400F86}" dt="2021-03-17T16:30:47.401" v="8706" actId="120"/>
          <ac:spMkLst>
            <pc:docMk/>
            <pc:sldMk cId="2151041588" sldId="382"/>
            <ac:spMk id="8" creationId="{71BC1877-A92A-C541-94B2-6A429955AC46}"/>
          </ac:spMkLst>
        </pc:spChg>
        <pc:spChg chg="add del mod">
          <ac:chgData name="Daly Donnacha HSLU I" userId="0f22e960-400a-43ff-baeb-4828c8f5cd3a" providerId="ADAL" clId="{0BA1101D-93BB-474F-8A4D-62367F400F86}" dt="2021-03-17T16:24:37.975" v="8656" actId="478"/>
          <ac:spMkLst>
            <pc:docMk/>
            <pc:sldMk cId="2151041588" sldId="382"/>
            <ac:spMk id="9" creationId="{FE6104FE-957D-D040-8F13-3668D159159D}"/>
          </ac:spMkLst>
        </pc:spChg>
        <pc:spChg chg="add mod">
          <ac:chgData name="Daly Donnacha HSLU I" userId="0f22e960-400a-43ff-baeb-4828c8f5cd3a" providerId="ADAL" clId="{0BA1101D-93BB-474F-8A4D-62367F400F86}" dt="2021-03-17T16:30:57.339" v="8707" actId="1076"/>
          <ac:spMkLst>
            <pc:docMk/>
            <pc:sldMk cId="2151041588" sldId="382"/>
            <ac:spMk id="10" creationId="{7B0B3855-B1BA-EE45-9F06-9432D41D82BE}"/>
          </ac:spMkLst>
        </pc:spChg>
        <pc:spChg chg="add del mod">
          <ac:chgData name="Daly Donnacha HSLU I" userId="0f22e960-400a-43ff-baeb-4828c8f5cd3a" providerId="ADAL" clId="{0BA1101D-93BB-474F-8A4D-62367F400F86}" dt="2021-03-17T16:39:45.411" v="8845" actId="478"/>
          <ac:spMkLst>
            <pc:docMk/>
            <pc:sldMk cId="2151041588" sldId="382"/>
            <ac:spMk id="11" creationId="{824469CE-D3B8-954F-A20A-B2DD0CBB31D6}"/>
          </ac:spMkLst>
        </pc:spChg>
        <pc:spChg chg="add mod">
          <ac:chgData name="Daly Donnacha HSLU I" userId="0f22e960-400a-43ff-baeb-4828c8f5cd3a" providerId="ADAL" clId="{0BA1101D-93BB-474F-8A4D-62367F400F86}" dt="2021-03-17T16:38:26.687" v="8838" actId="571"/>
          <ac:spMkLst>
            <pc:docMk/>
            <pc:sldMk cId="2151041588" sldId="382"/>
            <ac:spMk id="12" creationId="{35AA72C6-D611-D64C-AB37-2FDD94B66A0C}"/>
          </ac:spMkLst>
        </pc:spChg>
        <pc:spChg chg="add mod">
          <ac:chgData name="Daly Donnacha HSLU I" userId="0f22e960-400a-43ff-baeb-4828c8f5cd3a" providerId="ADAL" clId="{0BA1101D-93BB-474F-8A4D-62367F400F86}" dt="2021-03-17T16:38:51.477" v="8839" actId="571"/>
          <ac:spMkLst>
            <pc:docMk/>
            <pc:sldMk cId="2151041588" sldId="382"/>
            <ac:spMk id="13" creationId="{648349EE-F001-864D-828C-31AF0B1335E9}"/>
          </ac:spMkLst>
        </pc:spChg>
        <pc:spChg chg="add mod">
          <ac:chgData name="Daly Donnacha HSLU I" userId="0f22e960-400a-43ff-baeb-4828c8f5cd3a" providerId="ADAL" clId="{0BA1101D-93BB-474F-8A4D-62367F400F86}" dt="2021-03-17T16:39:10.546" v="8840" actId="571"/>
          <ac:spMkLst>
            <pc:docMk/>
            <pc:sldMk cId="2151041588" sldId="382"/>
            <ac:spMk id="14" creationId="{85D647BF-D67B-DA48-972C-E7929D6DD51E}"/>
          </ac:spMkLst>
        </pc:spChg>
        <pc:spChg chg="add mod">
          <ac:chgData name="Daly Donnacha HSLU I" userId="0f22e960-400a-43ff-baeb-4828c8f5cd3a" providerId="ADAL" clId="{0BA1101D-93BB-474F-8A4D-62367F400F86}" dt="2021-03-17T16:39:16.336" v="8841" actId="571"/>
          <ac:spMkLst>
            <pc:docMk/>
            <pc:sldMk cId="2151041588" sldId="382"/>
            <ac:spMk id="15" creationId="{0EFD1807-58F5-C142-9B1F-2FA4E4F89717}"/>
          </ac:spMkLst>
        </pc:spChg>
        <pc:spChg chg="add mod">
          <ac:chgData name="Daly Donnacha HSLU I" userId="0f22e960-400a-43ff-baeb-4828c8f5cd3a" providerId="ADAL" clId="{0BA1101D-93BB-474F-8A4D-62367F400F86}" dt="2021-03-17T16:39:22.539" v="8842" actId="571"/>
          <ac:spMkLst>
            <pc:docMk/>
            <pc:sldMk cId="2151041588" sldId="382"/>
            <ac:spMk id="16" creationId="{3A8D7ABF-D972-4946-B52C-BFAD92E966D7}"/>
          </ac:spMkLst>
        </pc:spChg>
        <pc:spChg chg="add mod">
          <ac:chgData name="Daly Donnacha HSLU I" userId="0f22e960-400a-43ff-baeb-4828c8f5cd3a" providerId="ADAL" clId="{0BA1101D-93BB-474F-8A4D-62367F400F86}" dt="2021-03-17T16:39:32.628" v="8843" actId="571"/>
          <ac:spMkLst>
            <pc:docMk/>
            <pc:sldMk cId="2151041588" sldId="382"/>
            <ac:spMk id="17" creationId="{DCE6B686-A322-8D4A-9C41-5B03E36EF3FD}"/>
          </ac:spMkLst>
        </pc:spChg>
        <pc:spChg chg="add mod">
          <ac:chgData name="Daly Donnacha HSLU I" userId="0f22e960-400a-43ff-baeb-4828c8f5cd3a" providerId="ADAL" clId="{0BA1101D-93BB-474F-8A4D-62367F400F86}" dt="2021-03-17T16:39:36.156" v="8844" actId="571"/>
          <ac:spMkLst>
            <pc:docMk/>
            <pc:sldMk cId="2151041588" sldId="382"/>
            <ac:spMk id="18" creationId="{C6CBE82A-B889-5B40-8E0B-C3D24E75FEEA}"/>
          </ac:spMkLst>
        </pc:spChg>
        <pc:spChg chg="add mod">
          <ac:chgData name="Daly Donnacha HSLU I" userId="0f22e960-400a-43ff-baeb-4828c8f5cd3a" providerId="ADAL" clId="{0BA1101D-93BB-474F-8A4D-62367F400F86}" dt="2021-03-17T16:41:15.013" v="8860" actId="1076"/>
          <ac:spMkLst>
            <pc:docMk/>
            <pc:sldMk cId="2151041588" sldId="382"/>
            <ac:spMk id="31" creationId="{32463463-814B-BB42-9D2C-E47BD7FA0E12}"/>
          </ac:spMkLst>
        </pc:spChg>
        <pc:spChg chg="add mod">
          <ac:chgData name="Daly Donnacha HSLU I" userId="0f22e960-400a-43ff-baeb-4828c8f5cd3a" providerId="ADAL" clId="{0BA1101D-93BB-474F-8A4D-62367F400F86}" dt="2021-03-17T16:41:22.365" v="8863" actId="20577"/>
          <ac:spMkLst>
            <pc:docMk/>
            <pc:sldMk cId="2151041588" sldId="382"/>
            <ac:spMk id="32" creationId="{745A23CD-9418-0E4C-AB80-32AD4DC4A060}"/>
          </ac:spMkLst>
        </pc:spChg>
        <pc:spChg chg="add mod">
          <ac:chgData name="Daly Donnacha HSLU I" userId="0f22e960-400a-43ff-baeb-4828c8f5cd3a" providerId="ADAL" clId="{0BA1101D-93BB-474F-8A4D-62367F400F86}" dt="2021-03-17T16:49:32.828" v="9033" actId="20577"/>
          <ac:spMkLst>
            <pc:docMk/>
            <pc:sldMk cId="2151041588" sldId="382"/>
            <ac:spMk id="33" creationId="{77BAADA4-4C0D-7341-9E0D-3E4AEB520899}"/>
          </ac:spMkLst>
        </pc:spChg>
        <pc:picChg chg="add del mod">
          <ac:chgData name="Daly Donnacha HSLU I" userId="0f22e960-400a-43ff-baeb-4828c8f5cd3a" providerId="ADAL" clId="{0BA1101D-93BB-474F-8A4D-62367F400F86}" dt="2021-03-17T16:22:25.331" v="8565" actId="478"/>
          <ac:picMkLst>
            <pc:docMk/>
            <pc:sldMk cId="2151041588" sldId="382"/>
            <ac:picMk id="5" creationId="{CC4E0E40-2B96-FB4F-BF9D-C861F84E8F5E}"/>
          </ac:picMkLst>
        </pc:picChg>
        <pc:picChg chg="add mod">
          <ac:chgData name="Daly Donnacha HSLU I" userId="0f22e960-400a-43ff-baeb-4828c8f5cd3a" providerId="ADAL" clId="{0BA1101D-93BB-474F-8A4D-62367F400F86}" dt="2021-03-17T17:30:17.810" v="9049" actId="1035"/>
          <ac:picMkLst>
            <pc:docMk/>
            <pc:sldMk cId="2151041588" sldId="382"/>
            <ac:picMk id="6" creationId="{D05A4473-100B-BA49-BA36-8171F9589FA9}"/>
          </ac:picMkLst>
        </pc:picChg>
        <pc:picChg chg="add del mod">
          <ac:chgData name="Daly Donnacha HSLU I" userId="0f22e960-400a-43ff-baeb-4828c8f5cd3a" providerId="ADAL" clId="{0BA1101D-93BB-474F-8A4D-62367F400F86}" dt="2021-03-17T17:29:25.332" v="9037" actId="21"/>
          <ac:picMkLst>
            <pc:docMk/>
            <pc:sldMk cId="2151041588" sldId="382"/>
            <ac:picMk id="34" creationId="{BAF82E28-E669-3143-8C6D-DC42E7679D99}"/>
          </ac:picMkLst>
        </pc:picChg>
        <pc:picChg chg="add del mod">
          <ac:chgData name="Daly Donnacha HSLU I" userId="0f22e960-400a-43ff-baeb-4828c8f5cd3a" providerId="ADAL" clId="{0BA1101D-93BB-474F-8A4D-62367F400F86}" dt="2021-03-17T17:31:38.811" v="9063" actId="21"/>
          <ac:picMkLst>
            <pc:docMk/>
            <pc:sldMk cId="2151041588" sldId="382"/>
            <ac:picMk id="35" creationId="{4B78F67F-0B2B-4B4A-850C-01822E2BAA0D}"/>
          </ac:picMkLst>
        </pc:picChg>
        <pc:cxnChg chg="add mod">
          <ac:chgData name="Daly Donnacha HSLU I" userId="0f22e960-400a-43ff-baeb-4828c8f5cd3a" providerId="ADAL" clId="{0BA1101D-93BB-474F-8A4D-62367F400F86}" dt="2021-03-17T16:40:35.143" v="8852" actId="14100"/>
          <ac:cxnSpMkLst>
            <pc:docMk/>
            <pc:sldMk cId="2151041588" sldId="382"/>
            <ac:cxnSpMk id="19" creationId="{427A5D20-6053-574D-95E7-8AA848DE602F}"/>
          </ac:cxnSpMkLst>
        </pc:cxnChg>
        <pc:cxnChg chg="add del mod">
          <ac:chgData name="Daly Donnacha HSLU I" userId="0f22e960-400a-43ff-baeb-4828c8f5cd3a" providerId="ADAL" clId="{0BA1101D-93BB-474F-8A4D-62367F400F86}" dt="2021-03-17T16:41:00.162" v="8858" actId="478"/>
          <ac:cxnSpMkLst>
            <pc:docMk/>
            <pc:sldMk cId="2151041588" sldId="382"/>
            <ac:cxnSpMk id="26" creationId="{257D4D1D-2D9B-0844-8F4C-2CFA909FA5F1}"/>
          </ac:cxnSpMkLst>
        </pc:cxnChg>
      </pc:sldChg>
      <pc:sldChg chg="addSp delSp modSp add mod">
        <pc:chgData name="Daly Donnacha HSLU I" userId="0f22e960-400a-43ff-baeb-4828c8f5cd3a" providerId="ADAL" clId="{0BA1101D-93BB-474F-8A4D-62367F400F86}" dt="2021-03-17T17:44:05.181" v="9074" actId="14100"/>
        <pc:sldMkLst>
          <pc:docMk/>
          <pc:sldMk cId="1403381249" sldId="383"/>
        </pc:sldMkLst>
        <pc:spChg chg="mod">
          <ac:chgData name="Daly Donnacha HSLU I" userId="0f22e960-400a-43ff-baeb-4828c8f5cd3a" providerId="ADAL" clId="{0BA1101D-93BB-474F-8A4D-62367F400F86}" dt="2021-03-16T15:50:50.410" v="1042" actId="20577"/>
          <ac:spMkLst>
            <pc:docMk/>
            <pc:sldMk cId="1403381249" sldId="383"/>
            <ac:spMk id="2" creationId="{F8EF4275-E5EE-FE45-8E90-6DA51F2FB72B}"/>
          </ac:spMkLst>
        </pc:spChg>
        <pc:spChg chg="add mod">
          <ac:chgData name="Daly Donnacha HSLU I" userId="0f22e960-400a-43ff-baeb-4828c8f5cd3a" providerId="ADAL" clId="{0BA1101D-93BB-474F-8A4D-62367F400F86}" dt="2021-03-17T17:29:44.245" v="9039"/>
          <ac:spMkLst>
            <pc:docMk/>
            <pc:sldMk cId="1403381249" sldId="383"/>
            <ac:spMk id="4" creationId="{DEA9AF89-913E-7F45-8D2B-0F0086B30D0B}"/>
          </ac:spMkLst>
        </pc:spChg>
        <pc:spChg chg="add del mod">
          <ac:chgData name="Daly Donnacha HSLU I" userId="0f22e960-400a-43ff-baeb-4828c8f5cd3a" providerId="ADAL" clId="{0BA1101D-93BB-474F-8A4D-62367F400F86}" dt="2021-03-17T17:44:00.291" v="9073" actId="478"/>
          <ac:spMkLst>
            <pc:docMk/>
            <pc:sldMk cId="1403381249" sldId="383"/>
            <ac:spMk id="6" creationId="{190FA2A5-7F94-CA43-8C0B-7950D8F4F32D}"/>
          </ac:spMkLst>
        </pc:spChg>
        <pc:picChg chg="add del mod">
          <ac:chgData name="Daly Donnacha HSLU I" userId="0f22e960-400a-43ff-baeb-4828c8f5cd3a" providerId="ADAL" clId="{0BA1101D-93BB-474F-8A4D-62367F400F86}" dt="2021-03-17T17:31:41.390" v="9064" actId="478"/>
          <ac:picMkLst>
            <pc:docMk/>
            <pc:sldMk cId="1403381249" sldId="383"/>
            <ac:picMk id="3" creationId="{13C0C47D-EC18-2644-8E1D-D970268F611D}"/>
          </ac:picMkLst>
        </pc:picChg>
        <pc:picChg chg="add mod">
          <ac:chgData name="Daly Donnacha HSLU I" userId="0f22e960-400a-43ff-baeb-4828c8f5cd3a" providerId="ADAL" clId="{0BA1101D-93BB-474F-8A4D-62367F400F86}" dt="2021-03-17T17:31:41.739" v="9065"/>
          <ac:picMkLst>
            <pc:docMk/>
            <pc:sldMk cId="1403381249" sldId="383"/>
            <ac:picMk id="5" creationId="{7A3456D1-F2FA-9445-B1BE-EAE5378FCCA3}"/>
          </ac:picMkLst>
        </pc:picChg>
        <pc:picChg chg="add mod">
          <ac:chgData name="Daly Donnacha HSLU I" userId="0f22e960-400a-43ff-baeb-4828c8f5cd3a" providerId="ADAL" clId="{0BA1101D-93BB-474F-8A4D-62367F400F86}" dt="2021-03-17T17:44:05.181" v="9074" actId="14100"/>
          <ac:picMkLst>
            <pc:docMk/>
            <pc:sldMk cId="1403381249" sldId="383"/>
            <ac:picMk id="7" creationId="{3178E486-21D3-F649-B17B-AD61FD446AC6}"/>
          </ac:picMkLst>
        </pc:picChg>
      </pc:sldChg>
      <pc:sldChg chg="addSp delSp modSp new mod">
        <pc:chgData name="Daly Donnacha HSLU I" userId="0f22e960-400a-43ff-baeb-4828c8f5cd3a" providerId="ADAL" clId="{0BA1101D-93BB-474F-8A4D-62367F400F86}" dt="2021-03-17T18:49:13.911" v="10291" actId="16959"/>
        <pc:sldMkLst>
          <pc:docMk/>
          <pc:sldMk cId="1842517520" sldId="384"/>
        </pc:sldMkLst>
        <pc:spChg chg="mod">
          <ac:chgData name="Daly Donnacha HSLU I" userId="0f22e960-400a-43ff-baeb-4828c8f5cd3a" providerId="ADAL" clId="{0BA1101D-93BB-474F-8A4D-62367F400F86}" dt="2021-03-16T15:53:37.882" v="1065" actId="20577"/>
          <ac:spMkLst>
            <pc:docMk/>
            <pc:sldMk cId="1842517520" sldId="384"/>
            <ac:spMk id="2" creationId="{B69ED92C-88CB-BD4F-8B7E-760B3ABEE5AA}"/>
          </ac:spMkLst>
        </pc:spChg>
        <pc:spChg chg="add mod">
          <ac:chgData name="Daly Donnacha HSLU I" userId="0f22e960-400a-43ff-baeb-4828c8f5cd3a" providerId="ADAL" clId="{0BA1101D-93BB-474F-8A4D-62367F400F86}" dt="2021-03-17T18:12:16.655" v="9662"/>
          <ac:spMkLst>
            <pc:docMk/>
            <pc:sldMk cId="1842517520" sldId="384"/>
            <ac:spMk id="14" creationId="{0F6E9D17-BF4B-BA47-8544-8B2DA6EAE503}"/>
          </ac:spMkLst>
        </pc:spChg>
        <pc:spChg chg="add mod">
          <ac:chgData name="Daly Donnacha HSLU I" userId="0f22e960-400a-43ff-baeb-4828c8f5cd3a" providerId="ADAL" clId="{0BA1101D-93BB-474F-8A4D-62367F400F86}" dt="2021-03-17T18:12:16.655" v="9662"/>
          <ac:spMkLst>
            <pc:docMk/>
            <pc:sldMk cId="1842517520" sldId="384"/>
            <ac:spMk id="16" creationId="{5B0F94C6-6E30-954D-ADC8-FCF9A4C9CEDA}"/>
          </ac:spMkLst>
        </pc:spChg>
        <pc:spChg chg="add mod">
          <ac:chgData name="Daly Donnacha HSLU I" userId="0f22e960-400a-43ff-baeb-4828c8f5cd3a" providerId="ADAL" clId="{0BA1101D-93BB-474F-8A4D-62367F400F86}" dt="2021-03-17T18:12:16.655" v="9662"/>
          <ac:spMkLst>
            <pc:docMk/>
            <pc:sldMk cId="1842517520" sldId="384"/>
            <ac:spMk id="17" creationId="{19839008-E7AF-8B40-A4A8-F7C984D74205}"/>
          </ac:spMkLst>
        </pc:spChg>
        <pc:spChg chg="add mod">
          <ac:chgData name="Daly Donnacha HSLU I" userId="0f22e960-400a-43ff-baeb-4828c8f5cd3a" providerId="ADAL" clId="{0BA1101D-93BB-474F-8A4D-62367F400F86}" dt="2021-03-17T18:12:16.655" v="9662"/>
          <ac:spMkLst>
            <pc:docMk/>
            <pc:sldMk cId="1842517520" sldId="384"/>
            <ac:spMk id="18" creationId="{46B5EDC8-28FE-EC40-98A5-1F277E0E6248}"/>
          </ac:spMkLst>
        </pc:spChg>
        <pc:spChg chg="add mod">
          <ac:chgData name="Daly Donnacha HSLU I" userId="0f22e960-400a-43ff-baeb-4828c8f5cd3a" providerId="ADAL" clId="{0BA1101D-93BB-474F-8A4D-62367F400F86}" dt="2021-03-17T18:12:16.655" v="9662"/>
          <ac:spMkLst>
            <pc:docMk/>
            <pc:sldMk cId="1842517520" sldId="384"/>
            <ac:spMk id="19" creationId="{4D8AEF39-890C-6141-9E3B-7AFACB076B60}"/>
          </ac:spMkLst>
        </pc:spChg>
        <pc:spChg chg="add mod">
          <ac:chgData name="Daly Donnacha HSLU I" userId="0f22e960-400a-43ff-baeb-4828c8f5cd3a" providerId="ADAL" clId="{0BA1101D-93BB-474F-8A4D-62367F400F86}" dt="2021-03-17T18:12:16.655" v="9662"/>
          <ac:spMkLst>
            <pc:docMk/>
            <pc:sldMk cId="1842517520" sldId="384"/>
            <ac:spMk id="20" creationId="{8EB59D65-93E8-EF46-9CC4-86768CEB8AAA}"/>
          </ac:spMkLst>
        </pc:spChg>
        <pc:spChg chg="add mod">
          <ac:chgData name="Daly Donnacha HSLU I" userId="0f22e960-400a-43ff-baeb-4828c8f5cd3a" providerId="ADAL" clId="{0BA1101D-93BB-474F-8A4D-62367F400F86}" dt="2021-03-17T18:12:16.655" v="9662"/>
          <ac:spMkLst>
            <pc:docMk/>
            <pc:sldMk cId="1842517520" sldId="384"/>
            <ac:spMk id="21" creationId="{551B4C58-C96B-8C49-9451-53E36125F475}"/>
          </ac:spMkLst>
        </pc:spChg>
        <pc:spChg chg="add mod">
          <ac:chgData name="Daly Donnacha HSLU I" userId="0f22e960-400a-43ff-baeb-4828c8f5cd3a" providerId="ADAL" clId="{0BA1101D-93BB-474F-8A4D-62367F400F86}" dt="2021-03-17T18:12:16.655" v="9662"/>
          <ac:spMkLst>
            <pc:docMk/>
            <pc:sldMk cId="1842517520" sldId="384"/>
            <ac:spMk id="22" creationId="{0107A5E3-7456-B741-850E-E58BCB966BC8}"/>
          </ac:spMkLst>
        </pc:spChg>
        <pc:spChg chg="add mod">
          <ac:chgData name="Daly Donnacha HSLU I" userId="0f22e960-400a-43ff-baeb-4828c8f5cd3a" providerId="ADAL" clId="{0BA1101D-93BB-474F-8A4D-62367F400F86}" dt="2021-03-17T18:12:16.655" v="9662"/>
          <ac:spMkLst>
            <pc:docMk/>
            <pc:sldMk cId="1842517520" sldId="384"/>
            <ac:spMk id="23" creationId="{65CDE4F7-6083-224C-9B28-BEEDC5F71E18}"/>
          </ac:spMkLst>
        </pc:spChg>
        <pc:spChg chg="add mod">
          <ac:chgData name="Daly Donnacha HSLU I" userId="0f22e960-400a-43ff-baeb-4828c8f5cd3a" providerId="ADAL" clId="{0BA1101D-93BB-474F-8A4D-62367F400F86}" dt="2021-03-17T18:12:16.655" v="9662"/>
          <ac:spMkLst>
            <pc:docMk/>
            <pc:sldMk cId="1842517520" sldId="384"/>
            <ac:spMk id="24" creationId="{DF9112C9-022F-8042-810F-CE7F5B1E0761}"/>
          </ac:spMkLst>
        </pc:spChg>
        <pc:spChg chg="add mod">
          <ac:chgData name="Daly Donnacha HSLU I" userId="0f22e960-400a-43ff-baeb-4828c8f5cd3a" providerId="ADAL" clId="{0BA1101D-93BB-474F-8A4D-62367F400F86}" dt="2021-03-17T18:12:16.655" v="9662"/>
          <ac:spMkLst>
            <pc:docMk/>
            <pc:sldMk cId="1842517520" sldId="384"/>
            <ac:spMk id="26" creationId="{3F9B9E3D-4332-D04C-99D2-C771DDFFBEDF}"/>
          </ac:spMkLst>
        </pc:spChg>
        <pc:spChg chg="add mod">
          <ac:chgData name="Daly Donnacha HSLU I" userId="0f22e960-400a-43ff-baeb-4828c8f5cd3a" providerId="ADAL" clId="{0BA1101D-93BB-474F-8A4D-62367F400F86}" dt="2021-03-17T18:12:16.655" v="9662"/>
          <ac:spMkLst>
            <pc:docMk/>
            <pc:sldMk cId="1842517520" sldId="384"/>
            <ac:spMk id="27" creationId="{E2467EC8-6261-D048-91AA-2DC51AB810CC}"/>
          </ac:spMkLst>
        </pc:spChg>
        <pc:spChg chg="add mod">
          <ac:chgData name="Daly Donnacha HSLU I" userId="0f22e960-400a-43ff-baeb-4828c8f5cd3a" providerId="ADAL" clId="{0BA1101D-93BB-474F-8A4D-62367F400F86}" dt="2021-03-17T18:12:16.655" v="9662"/>
          <ac:spMkLst>
            <pc:docMk/>
            <pc:sldMk cId="1842517520" sldId="384"/>
            <ac:spMk id="28" creationId="{B75168A7-E81F-104A-A06B-3593551FB7C6}"/>
          </ac:spMkLst>
        </pc:spChg>
        <pc:spChg chg="add mod">
          <ac:chgData name="Daly Donnacha HSLU I" userId="0f22e960-400a-43ff-baeb-4828c8f5cd3a" providerId="ADAL" clId="{0BA1101D-93BB-474F-8A4D-62367F400F86}" dt="2021-03-17T18:12:16.655" v="9662"/>
          <ac:spMkLst>
            <pc:docMk/>
            <pc:sldMk cId="1842517520" sldId="384"/>
            <ac:spMk id="29" creationId="{018B79AC-ED10-2F40-82F3-E3A8FFF8DF0C}"/>
          </ac:spMkLst>
        </pc:spChg>
        <pc:spChg chg="add mod">
          <ac:chgData name="Daly Donnacha HSLU I" userId="0f22e960-400a-43ff-baeb-4828c8f5cd3a" providerId="ADAL" clId="{0BA1101D-93BB-474F-8A4D-62367F400F86}" dt="2021-03-17T18:12:16.655" v="9662"/>
          <ac:spMkLst>
            <pc:docMk/>
            <pc:sldMk cId="1842517520" sldId="384"/>
            <ac:spMk id="30" creationId="{3E5B9DBB-6B8B-7044-A61F-146EDFD19C91}"/>
          </ac:spMkLst>
        </pc:spChg>
        <pc:spChg chg="add mod">
          <ac:chgData name="Daly Donnacha HSLU I" userId="0f22e960-400a-43ff-baeb-4828c8f5cd3a" providerId="ADAL" clId="{0BA1101D-93BB-474F-8A4D-62367F400F86}" dt="2021-03-17T18:12:16.655" v="9662"/>
          <ac:spMkLst>
            <pc:docMk/>
            <pc:sldMk cId="1842517520" sldId="384"/>
            <ac:spMk id="31" creationId="{53F33762-7C31-A645-8EA5-F37E4E18139A}"/>
          </ac:spMkLst>
        </pc:spChg>
        <pc:spChg chg="add mod">
          <ac:chgData name="Daly Donnacha HSLU I" userId="0f22e960-400a-43ff-baeb-4828c8f5cd3a" providerId="ADAL" clId="{0BA1101D-93BB-474F-8A4D-62367F400F86}" dt="2021-03-17T18:12:16.655" v="9662"/>
          <ac:spMkLst>
            <pc:docMk/>
            <pc:sldMk cId="1842517520" sldId="384"/>
            <ac:spMk id="32" creationId="{3C77A09C-91D2-FE42-8CBE-91F6D4E90A32}"/>
          </ac:spMkLst>
        </pc:spChg>
        <pc:spChg chg="add mod">
          <ac:chgData name="Daly Donnacha HSLU I" userId="0f22e960-400a-43ff-baeb-4828c8f5cd3a" providerId="ADAL" clId="{0BA1101D-93BB-474F-8A4D-62367F400F86}" dt="2021-03-17T18:16:20.636" v="9817" actId="207"/>
          <ac:spMkLst>
            <pc:docMk/>
            <pc:sldMk cId="1842517520" sldId="384"/>
            <ac:spMk id="33" creationId="{D1B19A98-52F8-F742-80CF-247030CD21F5}"/>
          </ac:spMkLst>
        </pc:spChg>
        <pc:spChg chg="add mod">
          <ac:chgData name="Daly Donnacha HSLU I" userId="0f22e960-400a-43ff-baeb-4828c8f5cd3a" providerId="ADAL" clId="{0BA1101D-93BB-474F-8A4D-62367F400F86}" dt="2021-03-17T18:17:41.107" v="9825" actId="1076"/>
          <ac:spMkLst>
            <pc:docMk/>
            <pc:sldMk cId="1842517520" sldId="384"/>
            <ac:spMk id="34" creationId="{5137F6AA-A9BB-294C-8131-A3FA3085FBC0}"/>
          </ac:spMkLst>
        </pc:spChg>
        <pc:spChg chg="add del mod">
          <ac:chgData name="Daly Donnacha HSLU I" userId="0f22e960-400a-43ff-baeb-4828c8f5cd3a" providerId="ADAL" clId="{0BA1101D-93BB-474F-8A4D-62367F400F86}" dt="2021-03-17T18:17:38.289" v="9824" actId="478"/>
          <ac:spMkLst>
            <pc:docMk/>
            <pc:sldMk cId="1842517520" sldId="384"/>
            <ac:spMk id="36" creationId="{40709276-B3C7-C147-B284-49D564E63EAD}"/>
          </ac:spMkLst>
        </pc:spChg>
        <pc:spChg chg="add mod">
          <ac:chgData name="Daly Donnacha HSLU I" userId="0f22e960-400a-43ff-baeb-4828c8f5cd3a" providerId="ADAL" clId="{0BA1101D-93BB-474F-8A4D-62367F400F86}" dt="2021-03-17T18:18:07.002" v="9829" actId="20577"/>
          <ac:spMkLst>
            <pc:docMk/>
            <pc:sldMk cId="1842517520" sldId="384"/>
            <ac:spMk id="37" creationId="{6D2C6923-E45C-7241-A4A1-5A736EFE1A9E}"/>
          </ac:spMkLst>
        </pc:spChg>
        <pc:spChg chg="add mod">
          <ac:chgData name="Daly Donnacha HSLU I" userId="0f22e960-400a-43ff-baeb-4828c8f5cd3a" providerId="ADAL" clId="{0BA1101D-93BB-474F-8A4D-62367F400F86}" dt="2021-03-17T18:18:10.044" v="9830" actId="20577"/>
          <ac:spMkLst>
            <pc:docMk/>
            <pc:sldMk cId="1842517520" sldId="384"/>
            <ac:spMk id="38" creationId="{4C236450-2F5B-3E41-B935-60130EBA6069}"/>
          </ac:spMkLst>
        </pc:spChg>
        <pc:spChg chg="add mod">
          <ac:chgData name="Daly Donnacha HSLU I" userId="0f22e960-400a-43ff-baeb-4828c8f5cd3a" providerId="ADAL" clId="{0BA1101D-93BB-474F-8A4D-62367F400F86}" dt="2021-03-17T18:20:50.923" v="9862" actId="14100"/>
          <ac:spMkLst>
            <pc:docMk/>
            <pc:sldMk cId="1842517520" sldId="384"/>
            <ac:spMk id="39" creationId="{85664C36-2840-3845-9113-F91ABD71E332}"/>
          </ac:spMkLst>
        </pc:spChg>
        <pc:spChg chg="add mod">
          <ac:chgData name="Daly Donnacha HSLU I" userId="0f22e960-400a-43ff-baeb-4828c8f5cd3a" providerId="ADAL" clId="{0BA1101D-93BB-474F-8A4D-62367F400F86}" dt="2021-03-17T18:20:16.519" v="9858" actId="1076"/>
          <ac:spMkLst>
            <pc:docMk/>
            <pc:sldMk cId="1842517520" sldId="384"/>
            <ac:spMk id="40" creationId="{821DF9B8-D010-314F-BB88-9C386A731AA4}"/>
          </ac:spMkLst>
        </pc:spChg>
        <pc:spChg chg="add mod">
          <ac:chgData name="Daly Donnacha HSLU I" userId="0f22e960-400a-43ff-baeb-4828c8f5cd3a" providerId="ADAL" clId="{0BA1101D-93BB-474F-8A4D-62367F400F86}" dt="2021-03-17T18:49:13.911" v="10291" actId="16959"/>
          <ac:spMkLst>
            <pc:docMk/>
            <pc:sldMk cId="1842517520" sldId="384"/>
            <ac:spMk id="41" creationId="{762862F0-D35E-674A-B5C8-BCEC56A9E5EB}"/>
          </ac:spMkLst>
        </pc:spChg>
        <pc:spChg chg="add del mod">
          <ac:chgData name="Daly Donnacha HSLU I" userId="0f22e960-400a-43ff-baeb-4828c8f5cd3a" providerId="ADAL" clId="{0BA1101D-93BB-474F-8A4D-62367F400F86}" dt="2021-03-17T18:34:46.866" v="10104"/>
          <ac:spMkLst>
            <pc:docMk/>
            <pc:sldMk cId="1842517520" sldId="384"/>
            <ac:spMk id="42" creationId="{59CA6E56-6AA0-B845-9C4A-E89D370864B4}"/>
          </ac:spMkLst>
        </pc:spChg>
        <pc:picChg chg="add mod">
          <ac:chgData name="Daly Donnacha HSLU I" userId="0f22e960-400a-43ff-baeb-4828c8f5cd3a" providerId="ADAL" clId="{0BA1101D-93BB-474F-8A4D-62367F400F86}" dt="2021-03-17T18:17:44.437" v="9826" actId="1076"/>
          <ac:picMkLst>
            <pc:docMk/>
            <pc:sldMk cId="1842517520" sldId="384"/>
            <ac:picMk id="35" creationId="{3BE6549B-9EEA-8344-A188-57E1248EAA8F}"/>
          </ac:picMkLst>
        </pc:picChg>
        <pc:cxnChg chg="add mod">
          <ac:chgData name="Daly Donnacha HSLU I" userId="0f22e960-400a-43ff-baeb-4828c8f5cd3a" providerId="ADAL" clId="{0BA1101D-93BB-474F-8A4D-62367F400F86}" dt="2021-03-17T18:12:16.655" v="9662"/>
          <ac:cxnSpMkLst>
            <pc:docMk/>
            <pc:sldMk cId="1842517520" sldId="384"/>
            <ac:cxnSpMk id="3" creationId="{500A86F9-52DB-3C47-805C-7C0B3F744794}"/>
          </ac:cxnSpMkLst>
        </pc:cxnChg>
        <pc:cxnChg chg="add mod">
          <ac:chgData name="Daly Donnacha HSLU I" userId="0f22e960-400a-43ff-baeb-4828c8f5cd3a" providerId="ADAL" clId="{0BA1101D-93BB-474F-8A4D-62367F400F86}" dt="2021-03-17T18:12:16.655" v="9662"/>
          <ac:cxnSpMkLst>
            <pc:docMk/>
            <pc:sldMk cId="1842517520" sldId="384"/>
            <ac:cxnSpMk id="4" creationId="{AB49718A-6497-9644-842A-514541967004}"/>
          </ac:cxnSpMkLst>
        </pc:cxnChg>
        <pc:cxnChg chg="add mod">
          <ac:chgData name="Daly Donnacha HSLU I" userId="0f22e960-400a-43ff-baeb-4828c8f5cd3a" providerId="ADAL" clId="{0BA1101D-93BB-474F-8A4D-62367F400F86}" dt="2021-03-17T18:12:16.655" v="9662"/>
          <ac:cxnSpMkLst>
            <pc:docMk/>
            <pc:sldMk cId="1842517520" sldId="384"/>
            <ac:cxnSpMk id="5" creationId="{418463B1-9CEE-7D4B-9663-CE2DDB2E2214}"/>
          </ac:cxnSpMkLst>
        </pc:cxnChg>
        <pc:cxnChg chg="add mod">
          <ac:chgData name="Daly Donnacha HSLU I" userId="0f22e960-400a-43ff-baeb-4828c8f5cd3a" providerId="ADAL" clId="{0BA1101D-93BB-474F-8A4D-62367F400F86}" dt="2021-03-17T18:12:16.655" v="9662"/>
          <ac:cxnSpMkLst>
            <pc:docMk/>
            <pc:sldMk cId="1842517520" sldId="384"/>
            <ac:cxnSpMk id="6" creationId="{D9388FDF-E2CB-9F42-84FA-639960F4D786}"/>
          </ac:cxnSpMkLst>
        </pc:cxnChg>
        <pc:cxnChg chg="add mod">
          <ac:chgData name="Daly Donnacha HSLU I" userId="0f22e960-400a-43ff-baeb-4828c8f5cd3a" providerId="ADAL" clId="{0BA1101D-93BB-474F-8A4D-62367F400F86}" dt="2021-03-17T18:12:16.655" v="9662"/>
          <ac:cxnSpMkLst>
            <pc:docMk/>
            <pc:sldMk cId="1842517520" sldId="384"/>
            <ac:cxnSpMk id="7" creationId="{611D1D56-8463-5E43-B6DD-5E822DD97AB9}"/>
          </ac:cxnSpMkLst>
        </pc:cxnChg>
        <pc:cxnChg chg="add mod">
          <ac:chgData name="Daly Donnacha HSLU I" userId="0f22e960-400a-43ff-baeb-4828c8f5cd3a" providerId="ADAL" clId="{0BA1101D-93BB-474F-8A4D-62367F400F86}" dt="2021-03-17T18:12:16.655" v="9662"/>
          <ac:cxnSpMkLst>
            <pc:docMk/>
            <pc:sldMk cId="1842517520" sldId="384"/>
            <ac:cxnSpMk id="8" creationId="{1D2F9B81-BD4C-1E46-91E3-9FB09FC26C2D}"/>
          </ac:cxnSpMkLst>
        </pc:cxnChg>
        <pc:cxnChg chg="add mod">
          <ac:chgData name="Daly Donnacha HSLU I" userId="0f22e960-400a-43ff-baeb-4828c8f5cd3a" providerId="ADAL" clId="{0BA1101D-93BB-474F-8A4D-62367F400F86}" dt="2021-03-17T18:12:16.655" v="9662"/>
          <ac:cxnSpMkLst>
            <pc:docMk/>
            <pc:sldMk cId="1842517520" sldId="384"/>
            <ac:cxnSpMk id="9" creationId="{B1BFC6B4-1F56-6D4D-B3FC-4699B89BFAEC}"/>
          </ac:cxnSpMkLst>
        </pc:cxnChg>
        <pc:cxnChg chg="add mod">
          <ac:chgData name="Daly Donnacha HSLU I" userId="0f22e960-400a-43ff-baeb-4828c8f5cd3a" providerId="ADAL" clId="{0BA1101D-93BB-474F-8A4D-62367F400F86}" dt="2021-03-17T18:12:16.655" v="9662"/>
          <ac:cxnSpMkLst>
            <pc:docMk/>
            <pc:sldMk cId="1842517520" sldId="384"/>
            <ac:cxnSpMk id="10" creationId="{15962308-43A5-854A-BB7F-F35FED0924BF}"/>
          </ac:cxnSpMkLst>
        </pc:cxnChg>
        <pc:cxnChg chg="add mod">
          <ac:chgData name="Daly Donnacha HSLU I" userId="0f22e960-400a-43ff-baeb-4828c8f5cd3a" providerId="ADAL" clId="{0BA1101D-93BB-474F-8A4D-62367F400F86}" dt="2021-03-17T18:12:16.655" v="9662"/>
          <ac:cxnSpMkLst>
            <pc:docMk/>
            <pc:sldMk cId="1842517520" sldId="384"/>
            <ac:cxnSpMk id="11" creationId="{8886DF72-D0C7-CD42-AAD4-1B4CF51065EC}"/>
          </ac:cxnSpMkLst>
        </pc:cxnChg>
        <pc:cxnChg chg="add mod">
          <ac:chgData name="Daly Donnacha HSLU I" userId="0f22e960-400a-43ff-baeb-4828c8f5cd3a" providerId="ADAL" clId="{0BA1101D-93BB-474F-8A4D-62367F400F86}" dt="2021-03-17T18:12:16.655" v="9662"/>
          <ac:cxnSpMkLst>
            <pc:docMk/>
            <pc:sldMk cId="1842517520" sldId="384"/>
            <ac:cxnSpMk id="12" creationId="{441BD387-E00B-644C-B3D6-C6C631444D36}"/>
          </ac:cxnSpMkLst>
        </pc:cxnChg>
        <pc:cxnChg chg="add mod">
          <ac:chgData name="Daly Donnacha HSLU I" userId="0f22e960-400a-43ff-baeb-4828c8f5cd3a" providerId="ADAL" clId="{0BA1101D-93BB-474F-8A4D-62367F400F86}" dt="2021-03-17T18:12:16.655" v="9662"/>
          <ac:cxnSpMkLst>
            <pc:docMk/>
            <pc:sldMk cId="1842517520" sldId="384"/>
            <ac:cxnSpMk id="13" creationId="{5D7873C9-DF1C-9745-BBC7-6071867321C1}"/>
          </ac:cxnSpMkLst>
        </pc:cxnChg>
        <pc:cxnChg chg="add mod">
          <ac:chgData name="Daly Donnacha HSLU I" userId="0f22e960-400a-43ff-baeb-4828c8f5cd3a" providerId="ADAL" clId="{0BA1101D-93BB-474F-8A4D-62367F400F86}" dt="2021-03-17T18:12:16.655" v="9662"/>
          <ac:cxnSpMkLst>
            <pc:docMk/>
            <pc:sldMk cId="1842517520" sldId="384"/>
            <ac:cxnSpMk id="15" creationId="{F4A4FE5B-F8F9-9C4E-A764-3656920D5B9B}"/>
          </ac:cxnSpMkLst>
        </pc:cxnChg>
        <pc:cxnChg chg="add mod">
          <ac:chgData name="Daly Donnacha HSLU I" userId="0f22e960-400a-43ff-baeb-4828c8f5cd3a" providerId="ADAL" clId="{0BA1101D-93BB-474F-8A4D-62367F400F86}" dt="2021-03-17T18:12:16.655" v="9662"/>
          <ac:cxnSpMkLst>
            <pc:docMk/>
            <pc:sldMk cId="1842517520" sldId="384"/>
            <ac:cxnSpMk id="25" creationId="{C81172D3-F1D1-F849-9594-245E5426186B}"/>
          </ac:cxnSpMkLst>
        </pc:cxnChg>
      </pc:sldChg>
      <pc:sldChg chg="addSp delSp modSp new mod ord">
        <pc:chgData name="Daly Donnacha HSLU I" userId="0f22e960-400a-43ff-baeb-4828c8f5cd3a" providerId="ADAL" clId="{0BA1101D-93BB-474F-8A4D-62367F400F86}" dt="2021-03-17T18:15:02.186" v="9733" actId="16959"/>
        <pc:sldMkLst>
          <pc:docMk/>
          <pc:sldMk cId="1115001263" sldId="385"/>
        </pc:sldMkLst>
        <pc:spChg chg="mod">
          <ac:chgData name="Daly Donnacha HSLU I" userId="0f22e960-400a-43ff-baeb-4828c8f5cd3a" providerId="ADAL" clId="{0BA1101D-93BB-474F-8A4D-62367F400F86}" dt="2021-03-17T18:11:53.861" v="9661" actId="6549"/>
          <ac:spMkLst>
            <pc:docMk/>
            <pc:sldMk cId="1115001263" sldId="385"/>
            <ac:spMk id="2" creationId="{95E83E0B-1B79-694B-A5EC-F36868977C7E}"/>
          </ac:spMkLst>
        </pc:spChg>
        <pc:spChg chg="add mod">
          <ac:chgData name="Daly Donnacha HSLU I" userId="0f22e960-400a-43ff-baeb-4828c8f5cd3a" providerId="ADAL" clId="{0BA1101D-93BB-474F-8A4D-62367F400F86}" dt="2021-03-17T18:01:47.061" v="9548" actId="1038"/>
          <ac:spMkLst>
            <pc:docMk/>
            <pc:sldMk cId="1115001263" sldId="385"/>
            <ac:spMk id="14" creationId="{0FB199F7-49C3-D544-A495-831BC7A3B0FD}"/>
          </ac:spMkLst>
        </pc:spChg>
        <pc:spChg chg="add mod">
          <ac:chgData name="Daly Donnacha HSLU I" userId="0f22e960-400a-43ff-baeb-4828c8f5cd3a" providerId="ADAL" clId="{0BA1101D-93BB-474F-8A4D-62367F400F86}" dt="2021-03-17T18:01:47.061" v="9548" actId="1038"/>
          <ac:spMkLst>
            <pc:docMk/>
            <pc:sldMk cId="1115001263" sldId="385"/>
            <ac:spMk id="16" creationId="{3AE3A1EA-6072-374E-BA0C-74E1F6AAECDF}"/>
          </ac:spMkLst>
        </pc:spChg>
        <pc:spChg chg="add mod">
          <ac:chgData name="Daly Donnacha HSLU I" userId="0f22e960-400a-43ff-baeb-4828c8f5cd3a" providerId="ADAL" clId="{0BA1101D-93BB-474F-8A4D-62367F400F86}" dt="2021-03-17T18:01:47.061" v="9548" actId="1038"/>
          <ac:spMkLst>
            <pc:docMk/>
            <pc:sldMk cId="1115001263" sldId="385"/>
            <ac:spMk id="17" creationId="{3918FA67-D8FA-B149-9A31-334B9ED302CE}"/>
          </ac:spMkLst>
        </pc:spChg>
        <pc:spChg chg="add mod">
          <ac:chgData name="Daly Donnacha HSLU I" userId="0f22e960-400a-43ff-baeb-4828c8f5cd3a" providerId="ADAL" clId="{0BA1101D-93BB-474F-8A4D-62367F400F86}" dt="2021-03-17T18:01:47.061" v="9548" actId="1038"/>
          <ac:spMkLst>
            <pc:docMk/>
            <pc:sldMk cId="1115001263" sldId="385"/>
            <ac:spMk id="18" creationId="{E71A1727-A8B2-284D-A173-FFA5C0E651DE}"/>
          </ac:spMkLst>
        </pc:spChg>
        <pc:spChg chg="add mod">
          <ac:chgData name="Daly Donnacha HSLU I" userId="0f22e960-400a-43ff-baeb-4828c8f5cd3a" providerId="ADAL" clId="{0BA1101D-93BB-474F-8A4D-62367F400F86}" dt="2021-03-17T18:01:47.061" v="9548" actId="1038"/>
          <ac:spMkLst>
            <pc:docMk/>
            <pc:sldMk cId="1115001263" sldId="385"/>
            <ac:spMk id="19" creationId="{F7FA31D9-A835-6E4D-BB35-26FD2752AFE0}"/>
          </ac:spMkLst>
        </pc:spChg>
        <pc:spChg chg="add mod">
          <ac:chgData name="Daly Donnacha HSLU I" userId="0f22e960-400a-43ff-baeb-4828c8f5cd3a" providerId="ADAL" clId="{0BA1101D-93BB-474F-8A4D-62367F400F86}" dt="2021-03-17T18:01:47.061" v="9548" actId="1038"/>
          <ac:spMkLst>
            <pc:docMk/>
            <pc:sldMk cId="1115001263" sldId="385"/>
            <ac:spMk id="20" creationId="{F9ED6A09-76C8-8345-A693-1A6D5925152F}"/>
          </ac:spMkLst>
        </pc:spChg>
        <pc:spChg chg="add mod">
          <ac:chgData name="Daly Donnacha HSLU I" userId="0f22e960-400a-43ff-baeb-4828c8f5cd3a" providerId="ADAL" clId="{0BA1101D-93BB-474F-8A4D-62367F400F86}" dt="2021-03-17T18:01:47.061" v="9548" actId="1038"/>
          <ac:spMkLst>
            <pc:docMk/>
            <pc:sldMk cId="1115001263" sldId="385"/>
            <ac:spMk id="21" creationId="{736FB262-940C-F34A-BB97-2391266595AD}"/>
          </ac:spMkLst>
        </pc:spChg>
        <pc:spChg chg="add mod">
          <ac:chgData name="Daly Donnacha HSLU I" userId="0f22e960-400a-43ff-baeb-4828c8f5cd3a" providerId="ADAL" clId="{0BA1101D-93BB-474F-8A4D-62367F400F86}" dt="2021-03-17T18:01:47.061" v="9548" actId="1038"/>
          <ac:spMkLst>
            <pc:docMk/>
            <pc:sldMk cId="1115001263" sldId="385"/>
            <ac:spMk id="22" creationId="{3CED6CAB-7493-1D4B-A174-EACDD6ED1C11}"/>
          </ac:spMkLst>
        </pc:spChg>
        <pc:spChg chg="add mod">
          <ac:chgData name="Daly Donnacha HSLU I" userId="0f22e960-400a-43ff-baeb-4828c8f5cd3a" providerId="ADAL" clId="{0BA1101D-93BB-474F-8A4D-62367F400F86}" dt="2021-03-17T18:01:47.061" v="9548" actId="1038"/>
          <ac:spMkLst>
            <pc:docMk/>
            <pc:sldMk cId="1115001263" sldId="385"/>
            <ac:spMk id="23" creationId="{518345EA-CEC3-2F42-8B95-C3BB7D3F1D55}"/>
          </ac:spMkLst>
        </pc:spChg>
        <pc:spChg chg="add mod">
          <ac:chgData name="Daly Donnacha HSLU I" userId="0f22e960-400a-43ff-baeb-4828c8f5cd3a" providerId="ADAL" clId="{0BA1101D-93BB-474F-8A4D-62367F400F86}" dt="2021-03-17T18:01:47.061" v="9548" actId="1038"/>
          <ac:spMkLst>
            <pc:docMk/>
            <pc:sldMk cId="1115001263" sldId="385"/>
            <ac:spMk id="24" creationId="{726FD1DF-23FC-024C-A9CD-0771515D9E46}"/>
          </ac:spMkLst>
        </pc:spChg>
        <pc:spChg chg="add mod">
          <ac:chgData name="Daly Donnacha HSLU I" userId="0f22e960-400a-43ff-baeb-4828c8f5cd3a" providerId="ADAL" clId="{0BA1101D-93BB-474F-8A4D-62367F400F86}" dt="2021-03-17T18:05:53.082" v="9582" actId="1076"/>
          <ac:spMkLst>
            <pc:docMk/>
            <pc:sldMk cId="1115001263" sldId="385"/>
            <ac:spMk id="26" creationId="{EB770598-7242-554A-9D8D-C9CF73B06847}"/>
          </ac:spMkLst>
        </pc:spChg>
        <pc:spChg chg="add mod">
          <ac:chgData name="Daly Donnacha HSLU I" userId="0f22e960-400a-43ff-baeb-4828c8f5cd3a" providerId="ADAL" clId="{0BA1101D-93BB-474F-8A4D-62367F400F86}" dt="2021-03-17T18:01:47.061" v="9548" actId="1038"/>
          <ac:spMkLst>
            <pc:docMk/>
            <pc:sldMk cId="1115001263" sldId="385"/>
            <ac:spMk id="27" creationId="{CCE0CDD7-FEE0-404C-82AA-81C29118C08F}"/>
          </ac:spMkLst>
        </pc:spChg>
        <pc:spChg chg="add mod">
          <ac:chgData name="Daly Donnacha HSLU I" userId="0f22e960-400a-43ff-baeb-4828c8f5cd3a" providerId="ADAL" clId="{0BA1101D-93BB-474F-8A4D-62367F400F86}" dt="2021-03-17T18:01:47.061" v="9548" actId="1038"/>
          <ac:spMkLst>
            <pc:docMk/>
            <pc:sldMk cId="1115001263" sldId="385"/>
            <ac:spMk id="28" creationId="{E89962F6-0569-7A41-AA36-E258C53B94A9}"/>
          </ac:spMkLst>
        </pc:spChg>
        <pc:spChg chg="add mod">
          <ac:chgData name="Daly Donnacha HSLU I" userId="0f22e960-400a-43ff-baeb-4828c8f5cd3a" providerId="ADAL" clId="{0BA1101D-93BB-474F-8A4D-62367F400F86}" dt="2021-03-17T18:01:47.061" v="9548" actId="1038"/>
          <ac:spMkLst>
            <pc:docMk/>
            <pc:sldMk cId="1115001263" sldId="385"/>
            <ac:spMk id="29" creationId="{61556FA5-B1C7-7B48-997A-2A2AC9E97F9F}"/>
          </ac:spMkLst>
        </pc:spChg>
        <pc:spChg chg="add mod">
          <ac:chgData name="Daly Donnacha HSLU I" userId="0f22e960-400a-43ff-baeb-4828c8f5cd3a" providerId="ADAL" clId="{0BA1101D-93BB-474F-8A4D-62367F400F86}" dt="2021-03-17T18:01:47.061" v="9548" actId="1038"/>
          <ac:spMkLst>
            <pc:docMk/>
            <pc:sldMk cId="1115001263" sldId="385"/>
            <ac:spMk id="30" creationId="{49FD70AB-777A-7A44-A47E-17C29A066C5C}"/>
          </ac:spMkLst>
        </pc:spChg>
        <pc:spChg chg="add mod">
          <ac:chgData name="Daly Donnacha HSLU I" userId="0f22e960-400a-43ff-baeb-4828c8f5cd3a" providerId="ADAL" clId="{0BA1101D-93BB-474F-8A4D-62367F400F86}" dt="2021-03-17T18:01:47.061" v="9548" actId="1038"/>
          <ac:spMkLst>
            <pc:docMk/>
            <pc:sldMk cId="1115001263" sldId="385"/>
            <ac:spMk id="31" creationId="{A3722B6C-39E6-AD41-9661-B8D206193049}"/>
          </ac:spMkLst>
        </pc:spChg>
        <pc:spChg chg="add mod">
          <ac:chgData name="Daly Donnacha HSLU I" userId="0f22e960-400a-43ff-baeb-4828c8f5cd3a" providerId="ADAL" clId="{0BA1101D-93BB-474F-8A4D-62367F400F86}" dt="2021-03-17T18:01:47.061" v="9548" actId="1038"/>
          <ac:spMkLst>
            <pc:docMk/>
            <pc:sldMk cId="1115001263" sldId="385"/>
            <ac:spMk id="32" creationId="{04D5AE22-ECB0-3544-AC37-EE24B22C2249}"/>
          </ac:spMkLst>
        </pc:spChg>
        <pc:spChg chg="add mod">
          <ac:chgData name="Daly Donnacha HSLU I" userId="0f22e960-400a-43ff-baeb-4828c8f5cd3a" providerId="ADAL" clId="{0BA1101D-93BB-474F-8A4D-62367F400F86}" dt="2021-03-17T18:06:27.854" v="9594" actId="1035"/>
          <ac:spMkLst>
            <pc:docMk/>
            <pc:sldMk cId="1115001263" sldId="385"/>
            <ac:spMk id="33" creationId="{B2312E98-2384-8246-9199-D41A78B07679}"/>
          </ac:spMkLst>
        </pc:spChg>
        <pc:spChg chg="add mod">
          <ac:chgData name="Daly Donnacha HSLU I" userId="0f22e960-400a-43ff-baeb-4828c8f5cd3a" providerId="ADAL" clId="{0BA1101D-93BB-474F-8A4D-62367F400F86}" dt="2021-03-17T18:05:34.805" v="9579" actId="1076"/>
          <ac:spMkLst>
            <pc:docMk/>
            <pc:sldMk cId="1115001263" sldId="385"/>
            <ac:spMk id="34" creationId="{04018D0F-7E25-4646-9DE0-1BE87F7B8725}"/>
          </ac:spMkLst>
        </pc:spChg>
        <pc:spChg chg="add mod">
          <ac:chgData name="Daly Donnacha HSLU I" userId="0f22e960-400a-43ff-baeb-4828c8f5cd3a" providerId="ADAL" clId="{0BA1101D-93BB-474F-8A4D-62367F400F86}" dt="2021-03-17T18:07:45.470" v="9612" actId="14100"/>
          <ac:spMkLst>
            <pc:docMk/>
            <pc:sldMk cId="1115001263" sldId="385"/>
            <ac:spMk id="35" creationId="{B659B00F-44B1-194E-B236-ACA1C64CE114}"/>
          </ac:spMkLst>
        </pc:spChg>
        <pc:spChg chg="add mod">
          <ac:chgData name="Daly Donnacha HSLU I" userId="0f22e960-400a-43ff-baeb-4828c8f5cd3a" providerId="ADAL" clId="{0BA1101D-93BB-474F-8A4D-62367F400F86}" dt="2021-03-17T18:07:48.814" v="9613" actId="1076"/>
          <ac:spMkLst>
            <pc:docMk/>
            <pc:sldMk cId="1115001263" sldId="385"/>
            <ac:spMk id="36" creationId="{E6C11A40-3474-D148-B43B-DBEFF7DB9E1C}"/>
          </ac:spMkLst>
        </pc:spChg>
        <pc:spChg chg="add mod">
          <ac:chgData name="Daly Donnacha HSLU I" userId="0f22e960-400a-43ff-baeb-4828c8f5cd3a" providerId="ADAL" clId="{0BA1101D-93BB-474F-8A4D-62367F400F86}" dt="2021-03-17T18:07:56.350" v="9614" actId="1076"/>
          <ac:spMkLst>
            <pc:docMk/>
            <pc:sldMk cId="1115001263" sldId="385"/>
            <ac:spMk id="37" creationId="{28D2EAD5-1039-D547-A09F-A4131BE1BD5C}"/>
          </ac:spMkLst>
        </pc:spChg>
        <pc:spChg chg="add mod">
          <ac:chgData name="Daly Donnacha HSLU I" userId="0f22e960-400a-43ff-baeb-4828c8f5cd3a" providerId="ADAL" clId="{0BA1101D-93BB-474F-8A4D-62367F400F86}" dt="2021-03-17T18:14:21.259" v="9726" actId="16959"/>
          <ac:spMkLst>
            <pc:docMk/>
            <pc:sldMk cId="1115001263" sldId="385"/>
            <ac:spMk id="38" creationId="{31A9AF3D-B33F-154E-976A-B8B173FF870E}"/>
          </ac:spMkLst>
        </pc:spChg>
        <pc:spChg chg="add mod">
          <ac:chgData name="Daly Donnacha HSLU I" userId="0f22e960-400a-43ff-baeb-4828c8f5cd3a" providerId="ADAL" clId="{0BA1101D-93BB-474F-8A4D-62367F400F86}" dt="2021-03-17T18:14:26.916" v="9727" actId="16959"/>
          <ac:spMkLst>
            <pc:docMk/>
            <pc:sldMk cId="1115001263" sldId="385"/>
            <ac:spMk id="39" creationId="{1E4792F4-ECD4-FD40-A19C-0089AB562D0D}"/>
          </ac:spMkLst>
        </pc:spChg>
        <pc:spChg chg="add mod">
          <ac:chgData name="Daly Donnacha HSLU I" userId="0f22e960-400a-43ff-baeb-4828c8f5cd3a" providerId="ADAL" clId="{0BA1101D-93BB-474F-8A4D-62367F400F86}" dt="2021-03-17T18:14:31.245" v="9728" actId="16959"/>
          <ac:spMkLst>
            <pc:docMk/>
            <pc:sldMk cId="1115001263" sldId="385"/>
            <ac:spMk id="40" creationId="{9B8F4678-9293-8D41-BD48-2319923699CF}"/>
          </ac:spMkLst>
        </pc:spChg>
        <pc:spChg chg="add del mod">
          <ac:chgData name="Daly Donnacha HSLU I" userId="0f22e960-400a-43ff-baeb-4828c8f5cd3a" providerId="ADAL" clId="{0BA1101D-93BB-474F-8A4D-62367F400F86}" dt="2021-03-17T18:04:46.590" v="9576" actId="478"/>
          <ac:spMkLst>
            <pc:docMk/>
            <pc:sldMk cId="1115001263" sldId="385"/>
            <ac:spMk id="41" creationId="{7493AC74-82BF-E14F-9DDB-EB2E954EBF11}"/>
          </ac:spMkLst>
        </pc:spChg>
        <pc:spChg chg="add mod">
          <ac:chgData name="Daly Donnacha HSLU I" userId="0f22e960-400a-43ff-baeb-4828c8f5cd3a" providerId="ADAL" clId="{0BA1101D-93BB-474F-8A4D-62367F400F86}" dt="2021-03-17T18:14:48.699" v="9730" actId="16959"/>
          <ac:spMkLst>
            <pc:docMk/>
            <pc:sldMk cId="1115001263" sldId="385"/>
            <ac:spMk id="44" creationId="{88AEFC0C-F9EC-FD43-83EF-499A5677FA56}"/>
          </ac:spMkLst>
        </pc:spChg>
        <pc:spChg chg="add mod">
          <ac:chgData name="Daly Donnacha HSLU I" userId="0f22e960-400a-43ff-baeb-4828c8f5cd3a" providerId="ADAL" clId="{0BA1101D-93BB-474F-8A4D-62367F400F86}" dt="2021-03-17T18:15:02.186" v="9733" actId="16959"/>
          <ac:spMkLst>
            <pc:docMk/>
            <pc:sldMk cId="1115001263" sldId="385"/>
            <ac:spMk id="45" creationId="{3950CD29-A0D4-9841-81F6-83282550B39A}"/>
          </ac:spMkLst>
        </pc:spChg>
        <pc:spChg chg="add del">
          <ac:chgData name="Daly Donnacha HSLU I" userId="0f22e960-400a-43ff-baeb-4828c8f5cd3a" providerId="ADAL" clId="{0BA1101D-93BB-474F-8A4D-62367F400F86}" dt="2021-03-17T18:08:54.253" v="9627" actId="478"/>
          <ac:spMkLst>
            <pc:docMk/>
            <pc:sldMk cId="1115001263" sldId="385"/>
            <ac:spMk id="47" creationId="{56BF7841-1EF2-9B48-BE5D-5275E9EB9DF8}"/>
          </ac:spMkLst>
        </pc:spChg>
        <pc:spChg chg="add del mod">
          <ac:chgData name="Daly Donnacha HSLU I" userId="0f22e960-400a-43ff-baeb-4828c8f5cd3a" providerId="ADAL" clId="{0BA1101D-93BB-474F-8A4D-62367F400F86}" dt="2021-03-17T18:09:13.643" v="9630" actId="478"/>
          <ac:spMkLst>
            <pc:docMk/>
            <pc:sldMk cId="1115001263" sldId="385"/>
            <ac:spMk id="48" creationId="{50130250-32CB-A041-989E-82FF31392FCD}"/>
          </ac:spMkLst>
        </pc:spChg>
        <pc:spChg chg="add del">
          <ac:chgData name="Daly Donnacha HSLU I" userId="0f22e960-400a-43ff-baeb-4828c8f5cd3a" providerId="ADAL" clId="{0BA1101D-93BB-474F-8A4D-62367F400F86}" dt="2021-03-17T18:09:29.907" v="9632" actId="478"/>
          <ac:spMkLst>
            <pc:docMk/>
            <pc:sldMk cId="1115001263" sldId="385"/>
            <ac:spMk id="49" creationId="{84B36FCF-D36E-8F4D-BBF9-F98015F057A4}"/>
          </ac:spMkLst>
        </pc:spChg>
        <pc:spChg chg="add mod">
          <ac:chgData name="Daly Donnacha HSLU I" userId="0f22e960-400a-43ff-baeb-4828c8f5cd3a" providerId="ADAL" clId="{0BA1101D-93BB-474F-8A4D-62367F400F86}" dt="2021-03-17T18:09:59.720" v="9635" actId="1076"/>
          <ac:spMkLst>
            <pc:docMk/>
            <pc:sldMk cId="1115001263" sldId="385"/>
            <ac:spMk id="50" creationId="{EEAF0DF4-EAD1-8440-AFDF-5E1DD7DEA028}"/>
          </ac:spMkLst>
        </pc:spChg>
        <pc:spChg chg="add mod">
          <ac:chgData name="Daly Donnacha HSLU I" userId="0f22e960-400a-43ff-baeb-4828c8f5cd3a" providerId="ADAL" clId="{0BA1101D-93BB-474F-8A4D-62367F400F86}" dt="2021-03-17T18:11:01.128" v="9660" actId="3064"/>
          <ac:spMkLst>
            <pc:docMk/>
            <pc:sldMk cId="1115001263" sldId="385"/>
            <ac:spMk id="51" creationId="{A180DD9F-A78D-984E-AE77-2C5105ABA8BA}"/>
          </ac:spMkLst>
        </pc:spChg>
        <pc:cxnChg chg="add mod">
          <ac:chgData name="Daly Donnacha HSLU I" userId="0f22e960-400a-43ff-baeb-4828c8f5cd3a" providerId="ADAL" clId="{0BA1101D-93BB-474F-8A4D-62367F400F86}" dt="2021-03-17T18:01:47.061" v="9548" actId="1038"/>
          <ac:cxnSpMkLst>
            <pc:docMk/>
            <pc:sldMk cId="1115001263" sldId="385"/>
            <ac:cxnSpMk id="3" creationId="{A9A6475B-E96E-3E43-BF2C-FB42D156918F}"/>
          </ac:cxnSpMkLst>
        </pc:cxnChg>
        <pc:cxnChg chg="add mod">
          <ac:chgData name="Daly Donnacha HSLU I" userId="0f22e960-400a-43ff-baeb-4828c8f5cd3a" providerId="ADAL" clId="{0BA1101D-93BB-474F-8A4D-62367F400F86}" dt="2021-03-17T18:01:47.061" v="9548" actId="1038"/>
          <ac:cxnSpMkLst>
            <pc:docMk/>
            <pc:sldMk cId="1115001263" sldId="385"/>
            <ac:cxnSpMk id="4" creationId="{CAF09982-F439-BB46-881E-E4D3725076E9}"/>
          </ac:cxnSpMkLst>
        </pc:cxnChg>
        <pc:cxnChg chg="add mod">
          <ac:chgData name="Daly Donnacha HSLU I" userId="0f22e960-400a-43ff-baeb-4828c8f5cd3a" providerId="ADAL" clId="{0BA1101D-93BB-474F-8A4D-62367F400F86}" dt="2021-03-17T18:01:47.061" v="9548" actId="1038"/>
          <ac:cxnSpMkLst>
            <pc:docMk/>
            <pc:sldMk cId="1115001263" sldId="385"/>
            <ac:cxnSpMk id="5" creationId="{E5772892-C23B-3542-B857-151D79BEB48F}"/>
          </ac:cxnSpMkLst>
        </pc:cxnChg>
        <pc:cxnChg chg="add mod">
          <ac:chgData name="Daly Donnacha HSLU I" userId="0f22e960-400a-43ff-baeb-4828c8f5cd3a" providerId="ADAL" clId="{0BA1101D-93BB-474F-8A4D-62367F400F86}" dt="2021-03-17T18:01:47.061" v="9548" actId="1038"/>
          <ac:cxnSpMkLst>
            <pc:docMk/>
            <pc:sldMk cId="1115001263" sldId="385"/>
            <ac:cxnSpMk id="6" creationId="{4A22FEFD-6A32-964A-B797-93164A460890}"/>
          </ac:cxnSpMkLst>
        </pc:cxnChg>
        <pc:cxnChg chg="add mod">
          <ac:chgData name="Daly Donnacha HSLU I" userId="0f22e960-400a-43ff-baeb-4828c8f5cd3a" providerId="ADAL" clId="{0BA1101D-93BB-474F-8A4D-62367F400F86}" dt="2021-03-17T18:01:47.061" v="9548" actId="1038"/>
          <ac:cxnSpMkLst>
            <pc:docMk/>
            <pc:sldMk cId="1115001263" sldId="385"/>
            <ac:cxnSpMk id="7" creationId="{40F07EB6-03FF-4C4A-9D06-C6058752C389}"/>
          </ac:cxnSpMkLst>
        </pc:cxnChg>
        <pc:cxnChg chg="add mod">
          <ac:chgData name="Daly Donnacha HSLU I" userId="0f22e960-400a-43ff-baeb-4828c8f5cd3a" providerId="ADAL" clId="{0BA1101D-93BB-474F-8A4D-62367F400F86}" dt="2021-03-17T18:01:47.061" v="9548" actId="1038"/>
          <ac:cxnSpMkLst>
            <pc:docMk/>
            <pc:sldMk cId="1115001263" sldId="385"/>
            <ac:cxnSpMk id="8" creationId="{79CDF9D0-B200-B244-BFEF-4F3D5FB5D4FD}"/>
          </ac:cxnSpMkLst>
        </pc:cxnChg>
        <pc:cxnChg chg="add mod">
          <ac:chgData name="Daly Donnacha HSLU I" userId="0f22e960-400a-43ff-baeb-4828c8f5cd3a" providerId="ADAL" clId="{0BA1101D-93BB-474F-8A4D-62367F400F86}" dt="2021-03-17T18:01:47.061" v="9548" actId="1038"/>
          <ac:cxnSpMkLst>
            <pc:docMk/>
            <pc:sldMk cId="1115001263" sldId="385"/>
            <ac:cxnSpMk id="9" creationId="{95F87815-2395-1A4B-8C96-7EE47061D156}"/>
          </ac:cxnSpMkLst>
        </pc:cxnChg>
        <pc:cxnChg chg="add mod">
          <ac:chgData name="Daly Donnacha HSLU I" userId="0f22e960-400a-43ff-baeb-4828c8f5cd3a" providerId="ADAL" clId="{0BA1101D-93BB-474F-8A4D-62367F400F86}" dt="2021-03-17T18:01:47.061" v="9548" actId="1038"/>
          <ac:cxnSpMkLst>
            <pc:docMk/>
            <pc:sldMk cId="1115001263" sldId="385"/>
            <ac:cxnSpMk id="10" creationId="{AAA62218-50A3-3F43-9A75-D142FE79EF5A}"/>
          </ac:cxnSpMkLst>
        </pc:cxnChg>
        <pc:cxnChg chg="add mod">
          <ac:chgData name="Daly Donnacha HSLU I" userId="0f22e960-400a-43ff-baeb-4828c8f5cd3a" providerId="ADAL" clId="{0BA1101D-93BB-474F-8A4D-62367F400F86}" dt="2021-03-17T18:01:47.061" v="9548" actId="1038"/>
          <ac:cxnSpMkLst>
            <pc:docMk/>
            <pc:sldMk cId="1115001263" sldId="385"/>
            <ac:cxnSpMk id="11" creationId="{B105B4F8-DF53-9741-B25D-4647E5D45D1B}"/>
          </ac:cxnSpMkLst>
        </pc:cxnChg>
        <pc:cxnChg chg="add mod">
          <ac:chgData name="Daly Donnacha HSLU I" userId="0f22e960-400a-43ff-baeb-4828c8f5cd3a" providerId="ADAL" clId="{0BA1101D-93BB-474F-8A4D-62367F400F86}" dt="2021-03-17T18:05:47.982" v="9581" actId="14100"/>
          <ac:cxnSpMkLst>
            <pc:docMk/>
            <pc:sldMk cId="1115001263" sldId="385"/>
            <ac:cxnSpMk id="12" creationId="{CF380E91-CA6E-724B-857D-FF46625E0651}"/>
          </ac:cxnSpMkLst>
        </pc:cxnChg>
        <pc:cxnChg chg="add mod">
          <ac:chgData name="Daly Donnacha HSLU I" userId="0f22e960-400a-43ff-baeb-4828c8f5cd3a" providerId="ADAL" clId="{0BA1101D-93BB-474F-8A4D-62367F400F86}" dt="2021-03-17T18:05:42.610" v="9580" actId="1076"/>
          <ac:cxnSpMkLst>
            <pc:docMk/>
            <pc:sldMk cId="1115001263" sldId="385"/>
            <ac:cxnSpMk id="13" creationId="{9ED42617-2164-684E-9FBE-EF4842624754}"/>
          </ac:cxnSpMkLst>
        </pc:cxnChg>
        <pc:cxnChg chg="add mod">
          <ac:chgData name="Daly Donnacha HSLU I" userId="0f22e960-400a-43ff-baeb-4828c8f5cd3a" providerId="ADAL" clId="{0BA1101D-93BB-474F-8A4D-62367F400F86}" dt="2021-03-17T18:01:47.061" v="9548" actId="1038"/>
          <ac:cxnSpMkLst>
            <pc:docMk/>
            <pc:sldMk cId="1115001263" sldId="385"/>
            <ac:cxnSpMk id="15" creationId="{15086304-C1D5-1C46-84A0-1AD2A9FC1316}"/>
          </ac:cxnSpMkLst>
        </pc:cxnChg>
        <pc:cxnChg chg="add mod">
          <ac:chgData name="Daly Donnacha HSLU I" userId="0f22e960-400a-43ff-baeb-4828c8f5cd3a" providerId="ADAL" clId="{0BA1101D-93BB-474F-8A4D-62367F400F86}" dt="2021-03-17T18:01:47.061" v="9548" actId="1038"/>
          <ac:cxnSpMkLst>
            <pc:docMk/>
            <pc:sldMk cId="1115001263" sldId="385"/>
            <ac:cxnSpMk id="25" creationId="{B74E9140-F176-2E4D-B92C-358C19CA47D1}"/>
          </ac:cxnSpMkLst>
        </pc:cxnChg>
        <pc:cxnChg chg="add del mod">
          <ac:chgData name="Daly Donnacha HSLU I" userId="0f22e960-400a-43ff-baeb-4828c8f5cd3a" providerId="ADAL" clId="{0BA1101D-93BB-474F-8A4D-62367F400F86}" dt="2021-03-17T18:04:51.984" v="9577" actId="478"/>
          <ac:cxnSpMkLst>
            <pc:docMk/>
            <pc:sldMk cId="1115001263" sldId="385"/>
            <ac:cxnSpMk id="42" creationId="{CB3D205C-205E-3242-A8F1-B458B1D8ABAC}"/>
          </ac:cxnSpMkLst>
        </pc:cxnChg>
        <pc:cxnChg chg="add del mod">
          <ac:chgData name="Daly Donnacha HSLU I" userId="0f22e960-400a-43ff-baeb-4828c8f5cd3a" providerId="ADAL" clId="{0BA1101D-93BB-474F-8A4D-62367F400F86}" dt="2021-03-17T18:04:54.590" v="9578" actId="478"/>
          <ac:cxnSpMkLst>
            <pc:docMk/>
            <pc:sldMk cId="1115001263" sldId="385"/>
            <ac:cxnSpMk id="43" creationId="{0EACD37E-2DFD-464C-8CE0-43493F334EBB}"/>
          </ac:cxnSpMkLst>
        </pc:cxnChg>
      </pc:sldChg>
      <pc:sldChg chg="addSp delSp modSp new mod">
        <pc:chgData name="Daly Donnacha HSLU I" userId="0f22e960-400a-43ff-baeb-4828c8f5cd3a" providerId="ADAL" clId="{0BA1101D-93BB-474F-8A4D-62367F400F86}" dt="2021-03-17T20:47:45.774" v="12230" actId="14100"/>
        <pc:sldMkLst>
          <pc:docMk/>
          <pc:sldMk cId="301574650" sldId="386"/>
        </pc:sldMkLst>
        <pc:spChg chg="mod">
          <ac:chgData name="Daly Donnacha HSLU I" userId="0f22e960-400a-43ff-baeb-4828c8f5cd3a" providerId="ADAL" clId="{0BA1101D-93BB-474F-8A4D-62367F400F86}" dt="2021-03-16T15:54:40.763" v="1125" actId="20577"/>
          <ac:spMkLst>
            <pc:docMk/>
            <pc:sldMk cId="301574650" sldId="386"/>
            <ac:spMk id="2" creationId="{4912031F-D569-504C-9F52-C1DAEFFBA0F8}"/>
          </ac:spMkLst>
        </pc:spChg>
        <pc:spChg chg="add del mod">
          <ac:chgData name="Daly Donnacha HSLU I" userId="0f22e960-400a-43ff-baeb-4828c8f5cd3a" providerId="ADAL" clId="{0BA1101D-93BB-474F-8A4D-62367F400F86}" dt="2021-03-17T19:54:06.283" v="11139" actId="478"/>
          <ac:spMkLst>
            <pc:docMk/>
            <pc:sldMk cId="301574650" sldId="386"/>
            <ac:spMk id="3" creationId="{1A4A498B-85FD-FD4E-850A-DFC11D1F812A}"/>
          </ac:spMkLst>
        </pc:spChg>
        <pc:spChg chg="add mod">
          <ac:chgData name="Daly Donnacha HSLU I" userId="0f22e960-400a-43ff-baeb-4828c8f5cd3a" providerId="ADAL" clId="{0BA1101D-93BB-474F-8A4D-62367F400F86}" dt="2021-03-17T20:17:41.425" v="11881" actId="14100"/>
          <ac:spMkLst>
            <pc:docMk/>
            <pc:sldMk cId="301574650" sldId="386"/>
            <ac:spMk id="4" creationId="{5C7A0124-2D43-4A43-A340-BA80D4C73E23}"/>
          </ac:spMkLst>
        </pc:spChg>
        <pc:spChg chg="add del mod">
          <ac:chgData name="Daly Donnacha HSLU I" userId="0f22e960-400a-43ff-baeb-4828c8f5cd3a" providerId="ADAL" clId="{0BA1101D-93BB-474F-8A4D-62367F400F86}" dt="2021-03-17T19:54:06.283" v="11139" actId="478"/>
          <ac:spMkLst>
            <pc:docMk/>
            <pc:sldMk cId="301574650" sldId="386"/>
            <ac:spMk id="5" creationId="{1D18F30F-8960-3F4B-981D-68CDFCD7818B}"/>
          </ac:spMkLst>
        </pc:spChg>
        <pc:spChg chg="add mod">
          <ac:chgData name="Daly Donnacha HSLU I" userId="0f22e960-400a-43ff-baeb-4828c8f5cd3a" providerId="ADAL" clId="{0BA1101D-93BB-474F-8A4D-62367F400F86}" dt="2021-03-17T20:47:45.774" v="12230" actId="14100"/>
          <ac:spMkLst>
            <pc:docMk/>
            <pc:sldMk cId="301574650" sldId="386"/>
            <ac:spMk id="6" creationId="{325DF969-144B-8A40-88F3-3431B0564FDE}"/>
          </ac:spMkLst>
        </pc:spChg>
        <pc:spChg chg="add mod">
          <ac:chgData name="Daly Donnacha HSLU I" userId="0f22e960-400a-43ff-baeb-4828c8f5cd3a" providerId="ADAL" clId="{0BA1101D-93BB-474F-8A4D-62367F400F86}" dt="2021-03-17T20:18:43.368" v="11901" actId="1076"/>
          <ac:spMkLst>
            <pc:docMk/>
            <pc:sldMk cId="301574650" sldId="386"/>
            <ac:spMk id="7" creationId="{6EDD51A3-4762-5840-9F76-196A3B20F1B3}"/>
          </ac:spMkLst>
        </pc:spChg>
        <pc:spChg chg="add mod">
          <ac:chgData name="Daly Donnacha HSLU I" userId="0f22e960-400a-43ff-baeb-4828c8f5cd3a" providerId="ADAL" clId="{0BA1101D-93BB-474F-8A4D-62367F400F86}" dt="2021-03-17T20:46:29.664" v="12210" actId="1076"/>
          <ac:spMkLst>
            <pc:docMk/>
            <pc:sldMk cId="301574650" sldId="386"/>
            <ac:spMk id="11" creationId="{1EFBC402-5116-5749-B03D-F12DCEB11569}"/>
          </ac:spMkLst>
        </pc:spChg>
        <pc:picChg chg="add del mod">
          <ac:chgData name="Daly Donnacha HSLU I" userId="0f22e960-400a-43ff-baeb-4828c8f5cd3a" providerId="ADAL" clId="{0BA1101D-93BB-474F-8A4D-62367F400F86}" dt="2021-03-17T20:08:40.143" v="11844" actId="478"/>
          <ac:picMkLst>
            <pc:docMk/>
            <pc:sldMk cId="301574650" sldId="386"/>
            <ac:picMk id="1026" creationId="{B242A8C5-E789-CB48-9182-9DD160528D6F}"/>
          </ac:picMkLst>
        </pc:picChg>
        <pc:picChg chg="add del mod">
          <ac:chgData name="Daly Donnacha HSLU I" userId="0f22e960-400a-43ff-baeb-4828c8f5cd3a" providerId="ADAL" clId="{0BA1101D-93BB-474F-8A4D-62367F400F86}" dt="2021-03-17T20:11:08.886" v="11848" actId="478"/>
          <ac:picMkLst>
            <pc:docMk/>
            <pc:sldMk cId="301574650" sldId="386"/>
            <ac:picMk id="1028" creationId="{310EAC14-5BFC-5646-B9BE-B4D4CE2EC8DA}"/>
          </ac:picMkLst>
        </pc:picChg>
        <pc:picChg chg="add del mod">
          <ac:chgData name="Daly Donnacha HSLU I" userId="0f22e960-400a-43ff-baeb-4828c8f5cd3a" providerId="ADAL" clId="{0BA1101D-93BB-474F-8A4D-62367F400F86}" dt="2021-03-17T20:14:57.453" v="11864" actId="478"/>
          <ac:picMkLst>
            <pc:docMk/>
            <pc:sldMk cId="301574650" sldId="386"/>
            <ac:picMk id="1030" creationId="{2CB0D13E-6EFD-0D47-AA6B-A549DD8F3DEE}"/>
          </ac:picMkLst>
        </pc:picChg>
        <pc:picChg chg="add mod">
          <ac:chgData name="Daly Donnacha HSLU I" userId="0f22e960-400a-43ff-baeb-4828c8f5cd3a" providerId="ADAL" clId="{0BA1101D-93BB-474F-8A4D-62367F400F86}" dt="2021-03-17T20:47:16.142" v="12217" actId="14100"/>
          <ac:picMkLst>
            <pc:docMk/>
            <pc:sldMk cId="301574650" sldId="386"/>
            <ac:picMk id="1032" creationId="{CE3B4A70-B248-B84D-AD96-298DA3EF73CC}"/>
          </ac:picMkLst>
        </pc:picChg>
      </pc:sldChg>
      <pc:sldChg chg="addSp delSp modSp new mod ord">
        <pc:chgData name="Daly Donnacha HSLU I" userId="0f22e960-400a-43ff-baeb-4828c8f5cd3a" providerId="ADAL" clId="{0BA1101D-93BB-474F-8A4D-62367F400F86}" dt="2021-03-17T21:45:27.197" v="12918" actId="14100"/>
        <pc:sldMkLst>
          <pc:docMk/>
          <pc:sldMk cId="486545065" sldId="387"/>
        </pc:sldMkLst>
        <pc:spChg chg="mod">
          <ac:chgData name="Daly Donnacha HSLU I" userId="0f22e960-400a-43ff-baeb-4828c8f5cd3a" providerId="ADAL" clId="{0BA1101D-93BB-474F-8A4D-62367F400F86}" dt="2021-03-16T15:55:13.537" v="1153" actId="20577"/>
          <ac:spMkLst>
            <pc:docMk/>
            <pc:sldMk cId="486545065" sldId="387"/>
            <ac:spMk id="2" creationId="{349EA04E-B8F9-9747-9CC0-7388C6C70860}"/>
          </ac:spMkLst>
        </pc:spChg>
        <pc:spChg chg="add mod">
          <ac:chgData name="Daly Donnacha HSLU I" userId="0f22e960-400a-43ff-baeb-4828c8f5cd3a" providerId="ADAL" clId="{0BA1101D-93BB-474F-8A4D-62367F400F86}" dt="2021-03-17T21:39:04.587" v="12892" actId="207"/>
          <ac:spMkLst>
            <pc:docMk/>
            <pc:sldMk cId="486545065" sldId="387"/>
            <ac:spMk id="3" creationId="{23ACCEAB-B902-4944-83AD-5913AB390D06}"/>
          </ac:spMkLst>
        </pc:spChg>
        <pc:spChg chg="add del mod">
          <ac:chgData name="Daly Donnacha HSLU I" userId="0f22e960-400a-43ff-baeb-4828c8f5cd3a" providerId="ADAL" clId="{0BA1101D-93BB-474F-8A4D-62367F400F86}" dt="2021-03-17T20:47:58.810" v="12231" actId="478"/>
          <ac:spMkLst>
            <pc:docMk/>
            <pc:sldMk cId="486545065" sldId="387"/>
            <ac:spMk id="4" creationId="{00D23CD3-4309-9E4B-B4A1-374B90966112}"/>
          </ac:spMkLst>
        </pc:spChg>
        <pc:spChg chg="add del mod">
          <ac:chgData name="Daly Donnacha HSLU I" userId="0f22e960-400a-43ff-baeb-4828c8f5cd3a" providerId="ADAL" clId="{0BA1101D-93BB-474F-8A4D-62367F400F86}" dt="2021-03-17T20:47:58.810" v="12231" actId="478"/>
          <ac:spMkLst>
            <pc:docMk/>
            <pc:sldMk cId="486545065" sldId="387"/>
            <ac:spMk id="5" creationId="{47451CCE-F831-E64D-870F-A314A5C07397}"/>
          </ac:spMkLst>
        </pc:spChg>
        <pc:spChg chg="add del mod">
          <ac:chgData name="Daly Donnacha HSLU I" userId="0f22e960-400a-43ff-baeb-4828c8f5cd3a" providerId="ADAL" clId="{0BA1101D-93BB-474F-8A4D-62367F400F86}" dt="2021-03-17T20:48:11.750" v="12233" actId="478"/>
          <ac:spMkLst>
            <pc:docMk/>
            <pc:sldMk cId="486545065" sldId="387"/>
            <ac:spMk id="6" creationId="{E7F666E8-DC26-874F-B9BE-78A463C9F07A}"/>
          </ac:spMkLst>
        </pc:spChg>
        <pc:spChg chg="add del mod">
          <ac:chgData name="Daly Donnacha HSLU I" userId="0f22e960-400a-43ff-baeb-4828c8f5cd3a" providerId="ADAL" clId="{0BA1101D-93BB-474F-8A4D-62367F400F86}" dt="2021-03-17T20:47:58.810" v="12231" actId="478"/>
          <ac:spMkLst>
            <pc:docMk/>
            <pc:sldMk cId="486545065" sldId="387"/>
            <ac:spMk id="7" creationId="{749224B2-CB67-DA40-BE8D-88E9EE869FD5}"/>
          </ac:spMkLst>
        </pc:spChg>
        <pc:spChg chg="add mod">
          <ac:chgData name="Daly Donnacha HSLU I" userId="0f22e960-400a-43ff-baeb-4828c8f5cd3a" providerId="ADAL" clId="{0BA1101D-93BB-474F-8A4D-62367F400F86}" dt="2021-03-17T20:25:40.225" v="12182" actId="14100"/>
          <ac:spMkLst>
            <pc:docMk/>
            <pc:sldMk cId="486545065" sldId="387"/>
            <ac:spMk id="8" creationId="{4E273DE2-4BC8-6642-A540-EF0DA0E63BAB}"/>
          </ac:spMkLst>
        </pc:spChg>
        <pc:spChg chg="add del mod">
          <ac:chgData name="Daly Donnacha HSLU I" userId="0f22e960-400a-43ff-baeb-4828c8f5cd3a" providerId="ADAL" clId="{0BA1101D-93BB-474F-8A4D-62367F400F86}" dt="2021-03-17T20:53:18.970" v="12237" actId="478"/>
          <ac:spMkLst>
            <pc:docMk/>
            <pc:sldMk cId="486545065" sldId="387"/>
            <ac:spMk id="9" creationId="{024C37BD-7DB7-3241-AA7C-1DEBEA24992B}"/>
          </ac:spMkLst>
        </pc:spChg>
        <pc:spChg chg="add del mod">
          <ac:chgData name="Daly Donnacha HSLU I" userId="0f22e960-400a-43ff-baeb-4828c8f5cd3a" providerId="ADAL" clId="{0BA1101D-93BB-474F-8A4D-62367F400F86}" dt="2021-03-17T20:53:18.970" v="12237" actId="478"/>
          <ac:spMkLst>
            <pc:docMk/>
            <pc:sldMk cId="486545065" sldId="387"/>
            <ac:spMk id="10" creationId="{87D067CF-D099-0745-8FD1-4E084155A6FE}"/>
          </ac:spMkLst>
        </pc:spChg>
        <pc:spChg chg="add mod">
          <ac:chgData name="Daly Donnacha HSLU I" userId="0f22e960-400a-43ff-baeb-4828c8f5cd3a" providerId="ADAL" clId="{0BA1101D-93BB-474F-8A4D-62367F400F86}" dt="2021-03-17T21:20:05.158" v="12571" actId="1076"/>
          <ac:spMkLst>
            <pc:docMk/>
            <pc:sldMk cId="486545065" sldId="387"/>
            <ac:spMk id="11" creationId="{3FC080C7-BE35-6740-A399-E5FA2B14E4E4}"/>
          </ac:spMkLst>
        </pc:spChg>
        <pc:spChg chg="add mod">
          <ac:chgData name="Daly Donnacha HSLU I" userId="0f22e960-400a-43ff-baeb-4828c8f5cd3a" providerId="ADAL" clId="{0BA1101D-93BB-474F-8A4D-62367F400F86}" dt="2021-03-17T21:18:25.923" v="12565" actId="20577"/>
          <ac:spMkLst>
            <pc:docMk/>
            <pc:sldMk cId="486545065" sldId="387"/>
            <ac:spMk id="12" creationId="{13E0AC74-4796-A642-8784-96102EF3AA8C}"/>
          </ac:spMkLst>
        </pc:spChg>
        <pc:spChg chg="add mod">
          <ac:chgData name="Daly Donnacha HSLU I" userId="0f22e960-400a-43ff-baeb-4828c8f5cd3a" providerId="ADAL" clId="{0BA1101D-93BB-474F-8A4D-62367F400F86}" dt="2021-03-17T21:20:13.934" v="12572" actId="1076"/>
          <ac:spMkLst>
            <pc:docMk/>
            <pc:sldMk cId="486545065" sldId="387"/>
            <ac:spMk id="24" creationId="{860EEB6D-E26B-354C-995A-31FA8DA2A27D}"/>
          </ac:spMkLst>
        </pc:spChg>
        <pc:spChg chg="add mod">
          <ac:chgData name="Daly Donnacha HSLU I" userId="0f22e960-400a-43ff-baeb-4828c8f5cd3a" providerId="ADAL" clId="{0BA1101D-93BB-474F-8A4D-62367F400F86}" dt="2021-03-17T21:20:13.934" v="12572" actId="1076"/>
          <ac:spMkLst>
            <pc:docMk/>
            <pc:sldMk cId="486545065" sldId="387"/>
            <ac:spMk id="26" creationId="{B6DDC931-4700-2C48-A6A3-60099829B290}"/>
          </ac:spMkLst>
        </pc:spChg>
        <pc:spChg chg="add mod">
          <ac:chgData name="Daly Donnacha HSLU I" userId="0f22e960-400a-43ff-baeb-4828c8f5cd3a" providerId="ADAL" clId="{0BA1101D-93BB-474F-8A4D-62367F400F86}" dt="2021-03-17T21:20:13.934" v="12572" actId="1076"/>
          <ac:spMkLst>
            <pc:docMk/>
            <pc:sldMk cId="486545065" sldId="387"/>
            <ac:spMk id="27" creationId="{D8015DED-736C-1F49-B3CF-76AD275D73F3}"/>
          </ac:spMkLst>
        </pc:spChg>
        <pc:spChg chg="add mod">
          <ac:chgData name="Daly Donnacha HSLU I" userId="0f22e960-400a-43ff-baeb-4828c8f5cd3a" providerId="ADAL" clId="{0BA1101D-93BB-474F-8A4D-62367F400F86}" dt="2021-03-17T21:20:13.934" v="12572" actId="1076"/>
          <ac:spMkLst>
            <pc:docMk/>
            <pc:sldMk cId="486545065" sldId="387"/>
            <ac:spMk id="28" creationId="{70300DFB-E787-A647-83EA-CFE487AEA104}"/>
          </ac:spMkLst>
        </pc:spChg>
        <pc:spChg chg="add mod">
          <ac:chgData name="Daly Donnacha HSLU I" userId="0f22e960-400a-43ff-baeb-4828c8f5cd3a" providerId="ADAL" clId="{0BA1101D-93BB-474F-8A4D-62367F400F86}" dt="2021-03-17T21:20:13.934" v="12572" actId="1076"/>
          <ac:spMkLst>
            <pc:docMk/>
            <pc:sldMk cId="486545065" sldId="387"/>
            <ac:spMk id="29" creationId="{7A5D5F28-7FA4-5F4A-AD11-5EB972394696}"/>
          </ac:spMkLst>
        </pc:spChg>
        <pc:spChg chg="add mod">
          <ac:chgData name="Daly Donnacha HSLU I" userId="0f22e960-400a-43ff-baeb-4828c8f5cd3a" providerId="ADAL" clId="{0BA1101D-93BB-474F-8A4D-62367F400F86}" dt="2021-03-17T21:20:13.934" v="12572" actId="1076"/>
          <ac:spMkLst>
            <pc:docMk/>
            <pc:sldMk cId="486545065" sldId="387"/>
            <ac:spMk id="30" creationId="{8436469E-5D55-9E43-87AC-CC2523956ED5}"/>
          </ac:spMkLst>
        </pc:spChg>
        <pc:spChg chg="add del mod">
          <ac:chgData name="Daly Donnacha HSLU I" userId="0f22e960-400a-43ff-baeb-4828c8f5cd3a" providerId="ADAL" clId="{0BA1101D-93BB-474F-8A4D-62367F400F86}" dt="2021-03-17T20:58:21.874" v="12356" actId="478"/>
          <ac:spMkLst>
            <pc:docMk/>
            <pc:sldMk cId="486545065" sldId="387"/>
            <ac:spMk id="31" creationId="{62BD05B4-4051-E349-8C19-0C93B82CAC21}"/>
          </ac:spMkLst>
        </pc:spChg>
        <pc:spChg chg="add mod">
          <ac:chgData name="Daly Donnacha HSLU I" userId="0f22e960-400a-43ff-baeb-4828c8f5cd3a" providerId="ADAL" clId="{0BA1101D-93BB-474F-8A4D-62367F400F86}" dt="2021-03-17T21:20:13.934" v="12572" actId="1076"/>
          <ac:spMkLst>
            <pc:docMk/>
            <pc:sldMk cId="486545065" sldId="387"/>
            <ac:spMk id="32" creationId="{4809751A-7661-A747-9EE3-169C25F979EE}"/>
          </ac:spMkLst>
        </pc:spChg>
        <pc:spChg chg="add mod">
          <ac:chgData name="Daly Donnacha HSLU I" userId="0f22e960-400a-43ff-baeb-4828c8f5cd3a" providerId="ADAL" clId="{0BA1101D-93BB-474F-8A4D-62367F400F86}" dt="2021-03-17T21:20:13.934" v="12572" actId="1076"/>
          <ac:spMkLst>
            <pc:docMk/>
            <pc:sldMk cId="486545065" sldId="387"/>
            <ac:spMk id="33" creationId="{1DC26E33-21B1-A344-98B3-C41808B07451}"/>
          </ac:spMkLst>
        </pc:spChg>
        <pc:spChg chg="add mod">
          <ac:chgData name="Daly Donnacha HSLU I" userId="0f22e960-400a-43ff-baeb-4828c8f5cd3a" providerId="ADAL" clId="{0BA1101D-93BB-474F-8A4D-62367F400F86}" dt="2021-03-17T21:20:13.934" v="12572" actId="1076"/>
          <ac:spMkLst>
            <pc:docMk/>
            <pc:sldMk cId="486545065" sldId="387"/>
            <ac:spMk id="34" creationId="{9F385914-B80F-FC40-841B-6E557030F8B3}"/>
          </ac:spMkLst>
        </pc:spChg>
        <pc:spChg chg="add mod">
          <ac:chgData name="Daly Donnacha HSLU I" userId="0f22e960-400a-43ff-baeb-4828c8f5cd3a" providerId="ADAL" clId="{0BA1101D-93BB-474F-8A4D-62367F400F86}" dt="2021-03-17T21:20:13.934" v="12572" actId="1076"/>
          <ac:spMkLst>
            <pc:docMk/>
            <pc:sldMk cId="486545065" sldId="387"/>
            <ac:spMk id="36" creationId="{F11BDDAD-3981-D544-B8B9-C92126FA6DE6}"/>
          </ac:spMkLst>
        </pc:spChg>
        <pc:spChg chg="add mod">
          <ac:chgData name="Daly Donnacha HSLU I" userId="0f22e960-400a-43ff-baeb-4828c8f5cd3a" providerId="ADAL" clId="{0BA1101D-93BB-474F-8A4D-62367F400F86}" dt="2021-03-17T21:20:13.934" v="12572" actId="1076"/>
          <ac:spMkLst>
            <pc:docMk/>
            <pc:sldMk cId="486545065" sldId="387"/>
            <ac:spMk id="37" creationId="{F7CCC267-71E7-DB48-8348-889BFAD2B1EF}"/>
          </ac:spMkLst>
        </pc:spChg>
        <pc:spChg chg="add mod">
          <ac:chgData name="Daly Donnacha HSLU I" userId="0f22e960-400a-43ff-baeb-4828c8f5cd3a" providerId="ADAL" clId="{0BA1101D-93BB-474F-8A4D-62367F400F86}" dt="2021-03-17T21:24:07.096" v="12639" actId="20577"/>
          <ac:spMkLst>
            <pc:docMk/>
            <pc:sldMk cId="486545065" sldId="387"/>
            <ac:spMk id="38" creationId="{50E131DF-2E48-4F4B-9987-C3D266CC3030}"/>
          </ac:spMkLst>
        </pc:spChg>
        <pc:spChg chg="add mod">
          <ac:chgData name="Daly Donnacha HSLU I" userId="0f22e960-400a-43ff-baeb-4828c8f5cd3a" providerId="ADAL" clId="{0BA1101D-93BB-474F-8A4D-62367F400F86}" dt="2021-03-17T21:20:13.934" v="12572" actId="1076"/>
          <ac:spMkLst>
            <pc:docMk/>
            <pc:sldMk cId="486545065" sldId="387"/>
            <ac:spMk id="39" creationId="{4248B4F9-2D79-374C-896C-372871E440C4}"/>
          </ac:spMkLst>
        </pc:spChg>
        <pc:spChg chg="add mod">
          <ac:chgData name="Daly Donnacha HSLU I" userId="0f22e960-400a-43ff-baeb-4828c8f5cd3a" providerId="ADAL" clId="{0BA1101D-93BB-474F-8A4D-62367F400F86}" dt="2021-03-17T21:20:13.934" v="12572" actId="1076"/>
          <ac:spMkLst>
            <pc:docMk/>
            <pc:sldMk cId="486545065" sldId="387"/>
            <ac:spMk id="40" creationId="{911E2FD7-D3BF-B94D-806C-99CAEE60CB9F}"/>
          </ac:spMkLst>
        </pc:spChg>
        <pc:spChg chg="add mod">
          <ac:chgData name="Daly Donnacha HSLU I" userId="0f22e960-400a-43ff-baeb-4828c8f5cd3a" providerId="ADAL" clId="{0BA1101D-93BB-474F-8A4D-62367F400F86}" dt="2021-03-17T21:20:13.934" v="12572" actId="1076"/>
          <ac:spMkLst>
            <pc:docMk/>
            <pc:sldMk cId="486545065" sldId="387"/>
            <ac:spMk id="41" creationId="{34B7D210-8A36-4A4B-96A6-2AEB82D05097}"/>
          </ac:spMkLst>
        </pc:spChg>
        <pc:spChg chg="add mod">
          <ac:chgData name="Daly Donnacha HSLU I" userId="0f22e960-400a-43ff-baeb-4828c8f5cd3a" providerId="ADAL" clId="{0BA1101D-93BB-474F-8A4D-62367F400F86}" dt="2021-03-17T21:20:13.934" v="12572" actId="1076"/>
          <ac:spMkLst>
            <pc:docMk/>
            <pc:sldMk cId="486545065" sldId="387"/>
            <ac:spMk id="42" creationId="{D5EB9782-4C85-E54F-BB19-11334F9D2DAE}"/>
          </ac:spMkLst>
        </pc:spChg>
        <pc:spChg chg="add mod">
          <ac:chgData name="Daly Donnacha HSLU I" userId="0f22e960-400a-43ff-baeb-4828c8f5cd3a" providerId="ADAL" clId="{0BA1101D-93BB-474F-8A4D-62367F400F86}" dt="2021-03-17T21:20:13.934" v="12572" actId="1076"/>
          <ac:spMkLst>
            <pc:docMk/>
            <pc:sldMk cId="486545065" sldId="387"/>
            <ac:spMk id="43" creationId="{8D7DBD3D-DD73-9449-89BC-385C1EC54828}"/>
          </ac:spMkLst>
        </pc:spChg>
        <pc:spChg chg="add mod">
          <ac:chgData name="Daly Donnacha HSLU I" userId="0f22e960-400a-43ff-baeb-4828c8f5cd3a" providerId="ADAL" clId="{0BA1101D-93BB-474F-8A4D-62367F400F86}" dt="2021-03-17T21:20:13.934" v="12572" actId="1076"/>
          <ac:spMkLst>
            <pc:docMk/>
            <pc:sldMk cId="486545065" sldId="387"/>
            <ac:spMk id="49" creationId="{0AD2C80C-5760-E846-944C-87C9DB794784}"/>
          </ac:spMkLst>
        </pc:spChg>
        <pc:spChg chg="add mod">
          <ac:chgData name="Daly Donnacha HSLU I" userId="0f22e960-400a-43ff-baeb-4828c8f5cd3a" providerId="ADAL" clId="{0BA1101D-93BB-474F-8A4D-62367F400F86}" dt="2021-03-17T21:18:22.794" v="12564" actId="20577"/>
          <ac:spMkLst>
            <pc:docMk/>
            <pc:sldMk cId="486545065" sldId="387"/>
            <ac:spMk id="50" creationId="{7549C60C-B338-9245-8ADB-8EA0362AE5B0}"/>
          </ac:spMkLst>
        </pc:spChg>
        <pc:spChg chg="add mod">
          <ac:chgData name="Daly Donnacha HSLU I" userId="0f22e960-400a-43ff-baeb-4828c8f5cd3a" providerId="ADAL" clId="{0BA1101D-93BB-474F-8A4D-62367F400F86}" dt="2021-03-17T21:16:32.456" v="12560"/>
          <ac:spMkLst>
            <pc:docMk/>
            <pc:sldMk cId="486545065" sldId="387"/>
            <ac:spMk id="51" creationId="{46314C98-505A-294B-AC6C-33C70C76F67A}"/>
          </ac:spMkLst>
        </pc:spChg>
        <pc:spChg chg="add del mod">
          <ac:chgData name="Daly Donnacha HSLU I" userId="0f22e960-400a-43ff-baeb-4828c8f5cd3a" providerId="ADAL" clId="{0BA1101D-93BB-474F-8A4D-62367F400F86}" dt="2021-03-17T21:14:22.952" v="12532" actId="478"/>
          <ac:spMkLst>
            <pc:docMk/>
            <pc:sldMk cId="486545065" sldId="387"/>
            <ac:spMk id="52" creationId="{D1B2B848-B669-2C4D-A620-B09465687455}"/>
          </ac:spMkLst>
        </pc:spChg>
        <pc:spChg chg="add del mod">
          <ac:chgData name="Daly Donnacha HSLU I" userId="0f22e960-400a-43ff-baeb-4828c8f5cd3a" providerId="ADAL" clId="{0BA1101D-93BB-474F-8A4D-62367F400F86}" dt="2021-03-17T21:14:33.703" v="12534" actId="478"/>
          <ac:spMkLst>
            <pc:docMk/>
            <pc:sldMk cId="486545065" sldId="387"/>
            <ac:spMk id="53" creationId="{D5E5D36E-93FE-DA4F-AC73-576A35E7E218}"/>
          </ac:spMkLst>
        </pc:spChg>
        <pc:spChg chg="add del mod">
          <ac:chgData name="Daly Donnacha HSLU I" userId="0f22e960-400a-43ff-baeb-4828c8f5cd3a" providerId="ADAL" clId="{0BA1101D-93BB-474F-8A4D-62367F400F86}" dt="2021-03-17T21:14:59.842" v="12541" actId="478"/>
          <ac:spMkLst>
            <pc:docMk/>
            <pc:sldMk cId="486545065" sldId="387"/>
            <ac:spMk id="54" creationId="{6CA304D1-66B2-4B47-96BD-6D5D1C98FAEE}"/>
          </ac:spMkLst>
        </pc:spChg>
        <pc:spChg chg="add del mod">
          <ac:chgData name="Daly Donnacha HSLU I" userId="0f22e960-400a-43ff-baeb-4828c8f5cd3a" providerId="ADAL" clId="{0BA1101D-93BB-474F-8A4D-62367F400F86}" dt="2021-03-17T21:14:57.871" v="12540" actId="478"/>
          <ac:spMkLst>
            <pc:docMk/>
            <pc:sldMk cId="486545065" sldId="387"/>
            <ac:spMk id="55" creationId="{B164C02B-380B-B942-8C01-995B945CECA9}"/>
          </ac:spMkLst>
        </pc:spChg>
        <pc:spChg chg="add del mod">
          <ac:chgData name="Daly Donnacha HSLU I" userId="0f22e960-400a-43ff-baeb-4828c8f5cd3a" providerId="ADAL" clId="{0BA1101D-93BB-474F-8A4D-62367F400F86}" dt="2021-03-17T21:15:22.322" v="12550" actId="478"/>
          <ac:spMkLst>
            <pc:docMk/>
            <pc:sldMk cId="486545065" sldId="387"/>
            <ac:spMk id="56" creationId="{A685F3AB-2DE1-D143-85F8-F27AAA21C3CA}"/>
          </ac:spMkLst>
        </pc:spChg>
        <pc:spChg chg="add del mod">
          <ac:chgData name="Daly Donnacha HSLU I" userId="0f22e960-400a-43ff-baeb-4828c8f5cd3a" providerId="ADAL" clId="{0BA1101D-93BB-474F-8A4D-62367F400F86}" dt="2021-03-17T21:15:05.180" v="12543" actId="478"/>
          <ac:spMkLst>
            <pc:docMk/>
            <pc:sldMk cId="486545065" sldId="387"/>
            <ac:spMk id="57" creationId="{4AADC6D6-E8FA-154B-81CF-1A31DE07C51B}"/>
          </ac:spMkLst>
        </pc:spChg>
        <pc:spChg chg="add del mod">
          <ac:chgData name="Daly Donnacha HSLU I" userId="0f22e960-400a-43ff-baeb-4828c8f5cd3a" providerId="ADAL" clId="{0BA1101D-93BB-474F-8A4D-62367F400F86}" dt="2021-03-17T21:15:10.537" v="12545" actId="478"/>
          <ac:spMkLst>
            <pc:docMk/>
            <pc:sldMk cId="486545065" sldId="387"/>
            <ac:spMk id="58" creationId="{67C3058E-BD22-604B-8992-B0E255C69736}"/>
          </ac:spMkLst>
        </pc:spChg>
        <pc:spChg chg="add del mod">
          <ac:chgData name="Daly Donnacha HSLU I" userId="0f22e960-400a-43ff-baeb-4828c8f5cd3a" providerId="ADAL" clId="{0BA1101D-93BB-474F-8A4D-62367F400F86}" dt="2021-03-17T21:15:20.887" v="12549" actId="478"/>
          <ac:spMkLst>
            <pc:docMk/>
            <pc:sldMk cId="486545065" sldId="387"/>
            <ac:spMk id="59" creationId="{1C3CE7EB-41FA-3A40-BE6F-898F9C1F2A53}"/>
          </ac:spMkLst>
        </pc:spChg>
        <pc:spChg chg="add del mod">
          <ac:chgData name="Daly Donnacha HSLU I" userId="0f22e960-400a-43ff-baeb-4828c8f5cd3a" providerId="ADAL" clId="{0BA1101D-93BB-474F-8A4D-62367F400F86}" dt="2021-03-17T21:15:19.430" v="12548" actId="478"/>
          <ac:spMkLst>
            <pc:docMk/>
            <pc:sldMk cId="486545065" sldId="387"/>
            <ac:spMk id="60" creationId="{51D023A8-B642-5747-9B25-FFD1EA48CC28}"/>
          </ac:spMkLst>
        </pc:spChg>
        <pc:spChg chg="add mod">
          <ac:chgData name="Daly Donnacha HSLU I" userId="0f22e960-400a-43ff-baeb-4828c8f5cd3a" providerId="ADAL" clId="{0BA1101D-93BB-474F-8A4D-62367F400F86}" dt="2021-03-17T21:19:53.045" v="12570" actId="20577"/>
          <ac:spMkLst>
            <pc:docMk/>
            <pc:sldMk cId="486545065" sldId="387"/>
            <ac:spMk id="61" creationId="{134F94C8-FD5D-1949-89E0-38E0CEFE54F5}"/>
          </ac:spMkLst>
        </pc:spChg>
        <pc:spChg chg="add del mod">
          <ac:chgData name="Daly Donnacha HSLU I" userId="0f22e960-400a-43ff-baeb-4828c8f5cd3a" providerId="ADAL" clId="{0BA1101D-93BB-474F-8A4D-62367F400F86}" dt="2021-03-17T21:26:13.506" v="12654" actId="478"/>
          <ac:spMkLst>
            <pc:docMk/>
            <pc:sldMk cId="486545065" sldId="387"/>
            <ac:spMk id="62" creationId="{FEE3AB72-BA35-7C41-9A87-906C151D388C}"/>
          </ac:spMkLst>
        </pc:spChg>
        <pc:spChg chg="add del mod">
          <ac:chgData name="Daly Donnacha HSLU I" userId="0f22e960-400a-43ff-baeb-4828c8f5cd3a" providerId="ADAL" clId="{0BA1101D-93BB-474F-8A4D-62367F400F86}" dt="2021-03-17T21:22:50.558" v="12626" actId="478"/>
          <ac:spMkLst>
            <pc:docMk/>
            <pc:sldMk cId="486545065" sldId="387"/>
            <ac:spMk id="63" creationId="{37AFE4E9-3933-2949-9ABD-8B4449584274}"/>
          </ac:spMkLst>
        </pc:spChg>
        <pc:spChg chg="add del">
          <ac:chgData name="Daly Donnacha HSLU I" userId="0f22e960-400a-43ff-baeb-4828c8f5cd3a" providerId="ADAL" clId="{0BA1101D-93BB-474F-8A4D-62367F400F86}" dt="2021-03-17T21:22:33.754" v="12623" actId="478"/>
          <ac:spMkLst>
            <pc:docMk/>
            <pc:sldMk cId="486545065" sldId="387"/>
            <ac:spMk id="64" creationId="{B3CC7452-0BF3-6847-9ECD-5FE59F76AEF9}"/>
          </ac:spMkLst>
        </pc:spChg>
        <pc:spChg chg="add mod">
          <ac:chgData name="Daly Donnacha HSLU I" userId="0f22e960-400a-43ff-baeb-4828c8f5cd3a" providerId="ADAL" clId="{0BA1101D-93BB-474F-8A4D-62367F400F86}" dt="2021-03-17T21:22:48.225" v="12625" actId="108"/>
          <ac:spMkLst>
            <pc:docMk/>
            <pc:sldMk cId="486545065" sldId="387"/>
            <ac:spMk id="65" creationId="{E506F39D-7AC8-8E43-B85B-1AC336D59622}"/>
          </ac:spMkLst>
        </pc:spChg>
        <pc:spChg chg="add mod">
          <ac:chgData name="Daly Donnacha HSLU I" userId="0f22e960-400a-43ff-baeb-4828c8f5cd3a" providerId="ADAL" clId="{0BA1101D-93BB-474F-8A4D-62367F400F86}" dt="2021-03-17T21:26:38.724" v="12660" actId="1076"/>
          <ac:spMkLst>
            <pc:docMk/>
            <pc:sldMk cId="486545065" sldId="387"/>
            <ac:spMk id="66" creationId="{78E8871A-6399-7A4E-8C49-A15940018AEF}"/>
          </ac:spMkLst>
        </pc:spChg>
        <pc:spChg chg="add mod">
          <ac:chgData name="Daly Donnacha HSLU I" userId="0f22e960-400a-43ff-baeb-4828c8f5cd3a" providerId="ADAL" clId="{0BA1101D-93BB-474F-8A4D-62367F400F86}" dt="2021-03-17T21:45:27.197" v="12918" actId="14100"/>
          <ac:spMkLst>
            <pc:docMk/>
            <pc:sldMk cId="486545065" sldId="387"/>
            <ac:spMk id="67" creationId="{41397C88-3BDC-844F-BCD4-3D3E23E99389}"/>
          </ac:spMkLst>
        </pc:spChg>
        <pc:cxnChg chg="add mod">
          <ac:chgData name="Daly Donnacha HSLU I" userId="0f22e960-400a-43ff-baeb-4828c8f5cd3a" providerId="ADAL" clId="{0BA1101D-93BB-474F-8A4D-62367F400F86}" dt="2021-03-17T21:20:13.934" v="12572" actId="1076"/>
          <ac:cxnSpMkLst>
            <pc:docMk/>
            <pc:sldMk cId="486545065" sldId="387"/>
            <ac:cxnSpMk id="13" creationId="{52F9AE33-77E3-484F-B9CB-E89A90B35E4C}"/>
          </ac:cxnSpMkLst>
        </pc:cxnChg>
        <pc:cxnChg chg="add mod">
          <ac:chgData name="Daly Donnacha HSLU I" userId="0f22e960-400a-43ff-baeb-4828c8f5cd3a" providerId="ADAL" clId="{0BA1101D-93BB-474F-8A4D-62367F400F86}" dt="2021-03-17T21:20:13.934" v="12572" actId="1076"/>
          <ac:cxnSpMkLst>
            <pc:docMk/>
            <pc:sldMk cId="486545065" sldId="387"/>
            <ac:cxnSpMk id="14" creationId="{DA427F8B-F553-0B4F-BC87-3776B28A1A57}"/>
          </ac:cxnSpMkLst>
        </pc:cxnChg>
        <pc:cxnChg chg="add mod">
          <ac:chgData name="Daly Donnacha HSLU I" userId="0f22e960-400a-43ff-baeb-4828c8f5cd3a" providerId="ADAL" clId="{0BA1101D-93BB-474F-8A4D-62367F400F86}" dt="2021-03-17T21:20:13.934" v="12572" actId="1076"/>
          <ac:cxnSpMkLst>
            <pc:docMk/>
            <pc:sldMk cId="486545065" sldId="387"/>
            <ac:cxnSpMk id="15" creationId="{07034DE7-6A4B-1A48-B3F2-6CC100EEE87B}"/>
          </ac:cxnSpMkLst>
        </pc:cxnChg>
        <pc:cxnChg chg="add mod">
          <ac:chgData name="Daly Donnacha HSLU I" userId="0f22e960-400a-43ff-baeb-4828c8f5cd3a" providerId="ADAL" clId="{0BA1101D-93BB-474F-8A4D-62367F400F86}" dt="2021-03-17T21:20:13.934" v="12572" actId="1076"/>
          <ac:cxnSpMkLst>
            <pc:docMk/>
            <pc:sldMk cId="486545065" sldId="387"/>
            <ac:cxnSpMk id="16" creationId="{89909562-A49E-5A4E-8C79-9CB9E6C0D748}"/>
          </ac:cxnSpMkLst>
        </pc:cxnChg>
        <pc:cxnChg chg="add mod">
          <ac:chgData name="Daly Donnacha HSLU I" userId="0f22e960-400a-43ff-baeb-4828c8f5cd3a" providerId="ADAL" clId="{0BA1101D-93BB-474F-8A4D-62367F400F86}" dt="2021-03-17T21:20:13.934" v="12572" actId="1076"/>
          <ac:cxnSpMkLst>
            <pc:docMk/>
            <pc:sldMk cId="486545065" sldId="387"/>
            <ac:cxnSpMk id="17" creationId="{F6B25B37-D870-2F4C-84F9-BD6B6EAAEC5E}"/>
          </ac:cxnSpMkLst>
        </pc:cxnChg>
        <pc:cxnChg chg="add del mod">
          <ac:chgData name="Daly Donnacha HSLU I" userId="0f22e960-400a-43ff-baeb-4828c8f5cd3a" providerId="ADAL" clId="{0BA1101D-93BB-474F-8A4D-62367F400F86}" dt="2021-03-17T20:58:24.886" v="12357" actId="478"/>
          <ac:cxnSpMkLst>
            <pc:docMk/>
            <pc:sldMk cId="486545065" sldId="387"/>
            <ac:cxnSpMk id="18" creationId="{0A972483-F10F-7A49-ABAA-BE00486B0101}"/>
          </ac:cxnSpMkLst>
        </pc:cxnChg>
        <pc:cxnChg chg="add mod">
          <ac:chgData name="Daly Donnacha HSLU I" userId="0f22e960-400a-43ff-baeb-4828c8f5cd3a" providerId="ADAL" clId="{0BA1101D-93BB-474F-8A4D-62367F400F86}" dt="2021-03-17T21:20:13.934" v="12572" actId="1076"/>
          <ac:cxnSpMkLst>
            <pc:docMk/>
            <pc:sldMk cId="486545065" sldId="387"/>
            <ac:cxnSpMk id="19" creationId="{99D6A84F-7CE2-F647-BE7C-787BBA5942E6}"/>
          </ac:cxnSpMkLst>
        </pc:cxnChg>
        <pc:cxnChg chg="add mod">
          <ac:chgData name="Daly Donnacha HSLU I" userId="0f22e960-400a-43ff-baeb-4828c8f5cd3a" providerId="ADAL" clId="{0BA1101D-93BB-474F-8A4D-62367F400F86}" dt="2021-03-17T21:20:13.934" v="12572" actId="1076"/>
          <ac:cxnSpMkLst>
            <pc:docMk/>
            <pc:sldMk cId="486545065" sldId="387"/>
            <ac:cxnSpMk id="20" creationId="{225188EE-3B45-804A-B317-260F9B528685}"/>
          </ac:cxnSpMkLst>
        </pc:cxnChg>
        <pc:cxnChg chg="add mod">
          <ac:chgData name="Daly Donnacha HSLU I" userId="0f22e960-400a-43ff-baeb-4828c8f5cd3a" providerId="ADAL" clId="{0BA1101D-93BB-474F-8A4D-62367F400F86}" dt="2021-03-17T21:20:13.934" v="12572" actId="1076"/>
          <ac:cxnSpMkLst>
            <pc:docMk/>
            <pc:sldMk cId="486545065" sldId="387"/>
            <ac:cxnSpMk id="21" creationId="{CF0DB2FD-2671-8941-A284-E4C281294CB0}"/>
          </ac:cxnSpMkLst>
        </pc:cxnChg>
        <pc:cxnChg chg="add mod">
          <ac:chgData name="Daly Donnacha HSLU I" userId="0f22e960-400a-43ff-baeb-4828c8f5cd3a" providerId="ADAL" clId="{0BA1101D-93BB-474F-8A4D-62367F400F86}" dt="2021-03-17T21:20:13.934" v="12572" actId="1076"/>
          <ac:cxnSpMkLst>
            <pc:docMk/>
            <pc:sldMk cId="486545065" sldId="387"/>
            <ac:cxnSpMk id="22" creationId="{90A7419B-5B51-724F-A436-53FD96EC956F}"/>
          </ac:cxnSpMkLst>
        </pc:cxnChg>
        <pc:cxnChg chg="add mod">
          <ac:chgData name="Daly Donnacha HSLU I" userId="0f22e960-400a-43ff-baeb-4828c8f5cd3a" providerId="ADAL" clId="{0BA1101D-93BB-474F-8A4D-62367F400F86}" dt="2021-03-17T21:20:13.934" v="12572" actId="1076"/>
          <ac:cxnSpMkLst>
            <pc:docMk/>
            <pc:sldMk cId="486545065" sldId="387"/>
            <ac:cxnSpMk id="23" creationId="{02AA807A-950D-E042-A577-CD1FF8B571B9}"/>
          </ac:cxnSpMkLst>
        </pc:cxnChg>
        <pc:cxnChg chg="add mod">
          <ac:chgData name="Daly Donnacha HSLU I" userId="0f22e960-400a-43ff-baeb-4828c8f5cd3a" providerId="ADAL" clId="{0BA1101D-93BB-474F-8A4D-62367F400F86}" dt="2021-03-17T21:20:13.934" v="12572" actId="1076"/>
          <ac:cxnSpMkLst>
            <pc:docMk/>
            <pc:sldMk cId="486545065" sldId="387"/>
            <ac:cxnSpMk id="25" creationId="{02206BDD-A3E3-CA4B-86C1-09C470F6357D}"/>
          </ac:cxnSpMkLst>
        </pc:cxnChg>
        <pc:cxnChg chg="add mod">
          <ac:chgData name="Daly Donnacha HSLU I" userId="0f22e960-400a-43ff-baeb-4828c8f5cd3a" providerId="ADAL" clId="{0BA1101D-93BB-474F-8A4D-62367F400F86}" dt="2021-03-17T21:20:13.934" v="12572" actId="1076"/>
          <ac:cxnSpMkLst>
            <pc:docMk/>
            <pc:sldMk cId="486545065" sldId="387"/>
            <ac:cxnSpMk id="35" creationId="{C0FCC5D5-C3E4-AE46-96AE-C503E862A080}"/>
          </ac:cxnSpMkLst>
        </pc:cxnChg>
        <pc:cxnChg chg="add mod">
          <ac:chgData name="Daly Donnacha HSLU I" userId="0f22e960-400a-43ff-baeb-4828c8f5cd3a" providerId="ADAL" clId="{0BA1101D-93BB-474F-8A4D-62367F400F86}" dt="2021-03-17T21:20:13.934" v="12572" actId="1076"/>
          <ac:cxnSpMkLst>
            <pc:docMk/>
            <pc:sldMk cId="486545065" sldId="387"/>
            <ac:cxnSpMk id="44" creationId="{E28A3110-8819-074F-A52C-5815BC80ED23}"/>
          </ac:cxnSpMkLst>
        </pc:cxnChg>
        <pc:cxnChg chg="add mod">
          <ac:chgData name="Daly Donnacha HSLU I" userId="0f22e960-400a-43ff-baeb-4828c8f5cd3a" providerId="ADAL" clId="{0BA1101D-93BB-474F-8A4D-62367F400F86}" dt="2021-03-17T21:20:13.934" v="12572" actId="1076"/>
          <ac:cxnSpMkLst>
            <pc:docMk/>
            <pc:sldMk cId="486545065" sldId="387"/>
            <ac:cxnSpMk id="46" creationId="{6ECA93AB-D326-3849-85FC-D38D82DDDB17}"/>
          </ac:cxnSpMkLst>
        </pc:cxnChg>
      </pc:sldChg>
      <pc:sldChg chg="modSp add del mod">
        <pc:chgData name="Daly Donnacha HSLU I" userId="0f22e960-400a-43ff-baeb-4828c8f5cd3a" providerId="ADAL" clId="{0BA1101D-93BB-474F-8A4D-62367F400F86}" dt="2021-03-16T15:57:23.333" v="1203" actId="2696"/>
        <pc:sldMkLst>
          <pc:docMk/>
          <pc:sldMk cId="1766040119" sldId="388"/>
        </pc:sldMkLst>
        <pc:spChg chg="mod">
          <ac:chgData name="Daly Donnacha HSLU I" userId="0f22e960-400a-43ff-baeb-4828c8f5cd3a" providerId="ADAL" clId="{0BA1101D-93BB-474F-8A4D-62367F400F86}" dt="2021-03-16T15:55:45.612" v="1170" actId="20577"/>
          <ac:spMkLst>
            <pc:docMk/>
            <pc:sldMk cId="1766040119" sldId="388"/>
            <ac:spMk id="2" creationId="{349EA04E-B8F9-9747-9CC0-7388C6C70860}"/>
          </ac:spMkLst>
        </pc:spChg>
      </pc:sldChg>
      <pc:sldChg chg="modSp new del mod">
        <pc:chgData name="Daly Donnacha HSLU I" userId="0f22e960-400a-43ff-baeb-4828c8f5cd3a" providerId="ADAL" clId="{0BA1101D-93BB-474F-8A4D-62367F400F86}" dt="2021-03-17T22:03:56.357" v="13476" actId="2696"/>
        <pc:sldMkLst>
          <pc:docMk/>
          <pc:sldMk cId="202475066" sldId="389"/>
        </pc:sldMkLst>
        <pc:spChg chg="mod">
          <ac:chgData name="Daly Donnacha HSLU I" userId="0f22e960-400a-43ff-baeb-4828c8f5cd3a" providerId="ADAL" clId="{0BA1101D-93BB-474F-8A4D-62367F400F86}" dt="2021-03-16T15:56:54.521" v="1201" actId="20577"/>
          <ac:spMkLst>
            <pc:docMk/>
            <pc:sldMk cId="202475066" sldId="389"/>
            <ac:spMk id="2" creationId="{13BD5691-EF1B-9E47-86D8-5EFC26695719}"/>
          </ac:spMkLst>
        </pc:spChg>
      </pc:sldChg>
      <pc:sldChg chg="addSp delSp modSp new mod">
        <pc:chgData name="Daly Donnacha HSLU I" userId="0f22e960-400a-43ff-baeb-4828c8f5cd3a" providerId="ADAL" clId="{0BA1101D-93BB-474F-8A4D-62367F400F86}" dt="2021-03-17T22:26:44.075" v="14002" actId="948"/>
        <pc:sldMkLst>
          <pc:docMk/>
          <pc:sldMk cId="2420927101" sldId="390"/>
        </pc:sldMkLst>
        <pc:spChg chg="mod">
          <ac:chgData name="Daly Donnacha HSLU I" userId="0f22e960-400a-43ff-baeb-4828c8f5cd3a" providerId="ADAL" clId="{0BA1101D-93BB-474F-8A4D-62367F400F86}" dt="2021-03-17T22:14:35.423" v="13566" actId="403"/>
          <ac:spMkLst>
            <pc:docMk/>
            <pc:sldMk cId="2420927101" sldId="390"/>
            <ac:spMk id="2" creationId="{7D29D3DB-7FF1-CA42-920B-52F12A95DE6E}"/>
          </ac:spMkLst>
        </pc:spChg>
        <pc:spChg chg="add del mod">
          <ac:chgData name="Daly Donnacha HSLU I" userId="0f22e960-400a-43ff-baeb-4828c8f5cd3a" providerId="ADAL" clId="{0BA1101D-93BB-474F-8A4D-62367F400F86}" dt="2021-03-17T22:09:15.741" v="13521" actId="21"/>
          <ac:spMkLst>
            <pc:docMk/>
            <pc:sldMk cId="2420927101" sldId="390"/>
            <ac:spMk id="3" creationId="{FE3F1B06-7149-E646-8F84-6E31D2E0CC3C}"/>
          </ac:spMkLst>
        </pc:spChg>
        <pc:spChg chg="add mod">
          <ac:chgData name="Daly Donnacha HSLU I" userId="0f22e960-400a-43ff-baeb-4828c8f5cd3a" providerId="ADAL" clId="{0BA1101D-93BB-474F-8A4D-62367F400F86}" dt="2021-03-17T22:13:55.267" v="13547" actId="14100"/>
          <ac:spMkLst>
            <pc:docMk/>
            <pc:sldMk cId="2420927101" sldId="390"/>
            <ac:spMk id="4" creationId="{DF13DBFF-2EF3-674B-8BDB-F5DB310B26DB}"/>
          </ac:spMkLst>
        </pc:spChg>
        <pc:spChg chg="add mod">
          <ac:chgData name="Daly Donnacha HSLU I" userId="0f22e960-400a-43ff-baeb-4828c8f5cd3a" providerId="ADAL" clId="{0BA1101D-93BB-474F-8A4D-62367F400F86}" dt="2021-03-17T22:14:46.347" v="13567" actId="207"/>
          <ac:spMkLst>
            <pc:docMk/>
            <pc:sldMk cId="2420927101" sldId="390"/>
            <ac:spMk id="5" creationId="{4EEE0167-99FD-1E4A-9835-AD4DFC8CA97A}"/>
          </ac:spMkLst>
        </pc:spChg>
        <pc:spChg chg="add mod">
          <ac:chgData name="Daly Donnacha HSLU I" userId="0f22e960-400a-43ff-baeb-4828c8f5cd3a" providerId="ADAL" clId="{0BA1101D-93BB-474F-8A4D-62367F400F86}" dt="2021-03-17T22:15:16.711" v="13579" actId="20577"/>
          <ac:spMkLst>
            <pc:docMk/>
            <pc:sldMk cId="2420927101" sldId="390"/>
            <ac:spMk id="6" creationId="{4CB2B933-D96D-684C-98DE-4B13A8DBAF2D}"/>
          </ac:spMkLst>
        </pc:spChg>
        <pc:spChg chg="add mod">
          <ac:chgData name="Daly Donnacha HSLU I" userId="0f22e960-400a-43ff-baeb-4828c8f5cd3a" providerId="ADAL" clId="{0BA1101D-93BB-474F-8A4D-62367F400F86}" dt="2021-03-17T22:15:06.649" v="13569"/>
          <ac:spMkLst>
            <pc:docMk/>
            <pc:sldMk cId="2420927101" sldId="390"/>
            <ac:spMk id="7" creationId="{F9A9A03A-0A63-BC46-A04F-29F1AFA1C388}"/>
          </ac:spMkLst>
        </pc:spChg>
        <pc:spChg chg="add mod">
          <ac:chgData name="Daly Donnacha HSLU I" userId="0f22e960-400a-43ff-baeb-4828c8f5cd3a" providerId="ADAL" clId="{0BA1101D-93BB-474F-8A4D-62367F400F86}" dt="2021-03-17T22:26:44.075" v="14002" actId="948"/>
          <ac:spMkLst>
            <pc:docMk/>
            <pc:sldMk cId="2420927101" sldId="390"/>
            <ac:spMk id="8" creationId="{874BD02A-2CCB-2547-8AC4-4FA99468CE81}"/>
          </ac:spMkLst>
        </pc:spChg>
        <pc:spChg chg="add mod">
          <ac:chgData name="Daly Donnacha HSLU I" userId="0f22e960-400a-43ff-baeb-4828c8f5cd3a" providerId="ADAL" clId="{0BA1101D-93BB-474F-8A4D-62367F400F86}" dt="2021-03-17T22:20:36.065" v="13898" actId="1037"/>
          <ac:spMkLst>
            <pc:docMk/>
            <pc:sldMk cId="2420927101" sldId="390"/>
            <ac:spMk id="11" creationId="{D081AF2B-CC4A-8946-AB6B-3B9B7EE4551E}"/>
          </ac:spMkLst>
        </pc:spChg>
        <pc:spChg chg="add mod">
          <ac:chgData name="Daly Donnacha HSLU I" userId="0f22e960-400a-43ff-baeb-4828c8f5cd3a" providerId="ADAL" clId="{0BA1101D-93BB-474F-8A4D-62367F400F86}" dt="2021-03-17T22:20:36.065" v="13898" actId="1037"/>
          <ac:spMkLst>
            <pc:docMk/>
            <pc:sldMk cId="2420927101" sldId="390"/>
            <ac:spMk id="12" creationId="{0CF7C84A-3CC5-8446-9F4C-759EDE0D2F6B}"/>
          </ac:spMkLst>
        </pc:spChg>
        <pc:spChg chg="add mod">
          <ac:chgData name="Daly Donnacha HSLU I" userId="0f22e960-400a-43ff-baeb-4828c8f5cd3a" providerId="ADAL" clId="{0BA1101D-93BB-474F-8A4D-62367F400F86}" dt="2021-03-17T22:20:36.065" v="13898" actId="1037"/>
          <ac:spMkLst>
            <pc:docMk/>
            <pc:sldMk cId="2420927101" sldId="390"/>
            <ac:spMk id="13" creationId="{CD5822A8-8B41-8049-8121-C2466CDFA7B4}"/>
          </ac:spMkLst>
        </pc:spChg>
        <pc:spChg chg="add del mod">
          <ac:chgData name="Daly Donnacha HSLU I" userId="0f22e960-400a-43ff-baeb-4828c8f5cd3a" providerId="ADAL" clId="{0BA1101D-93BB-474F-8A4D-62367F400F86}" dt="2021-03-17T22:20:15.366" v="13883" actId="478"/>
          <ac:spMkLst>
            <pc:docMk/>
            <pc:sldMk cId="2420927101" sldId="390"/>
            <ac:spMk id="14" creationId="{5D5B5F1C-3893-C044-9AA2-773CA6C7381D}"/>
          </ac:spMkLst>
        </pc:spChg>
        <pc:spChg chg="add del mod">
          <ac:chgData name="Daly Donnacha HSLU I" userId="0f22e960-400a-43ff-baeb-4828c8f5cd3a" providerId="ADAL" clId="{0BA1101D-93BB-474F-8A4D-62367F400F86}" dt="2021-03-17T22:20:13.678" v="13882" actId="478"/>
          <ac:spMkLst>
            <pc:docMk/>
            <pc:sldMk cId="2420927101" sldId="390"/>
            <ac:spMk id="15" creationId="{16BEFF45-8B7B-2844-BF3D-0E27832DB2BD}"/>
          </ac:spMkLst>
        </pc:spChg>
        <pc:spChg chg="add mod">
          <ac:chgData name="Daly Donnacha HSLU I" userId="0f22e960-400a-43ff-baeb-4828c8f5cd3a" providerId="ADAL" clId="{0BA1101D-93BB-474F-8A4D-62367F400F86}" dt="2021-03-17T22:20:45.002" v="13900" actId="1076"/>
          <ac:spMkLst>
            <pc:docMk/>
            <pc:sldMk cId="2420927101" sldId="390"/>
            <ac:spMk id="19" creationId="{C8DA4B04-B6A2-A544-95FF-F24612499ED7}"/>
          </ac:spMkLst>
        </pc:spChg>
        <pc:spChg chg="add mod">
          <ac:chgData name="Daly Donnacha HSLU I" userId="0f22e960-400a-43ff-baeb-4828c8f5cd3a" providerId="ADAL" clId="{0BA1101D-93BB-474F-8A4D-62367F400F86}" dt="2021-03-17T22:20:45.002" v="13900" actId="1076"/>
          <ac:spMkLst>
            <pc:docMk/>
            <pc:sldMk cId="2420927101" sldId="390"/>
            <ac:spMk id="20" creationId="{CE97764A-A90E-D340-98D0-D1186F206402}"/>
          </ac:spMkLst>
        </pc:spChg>
        <pc:spChg chg="add mod">
          <ac:chgData name="Daly Donnacha HSLU I" userId="0f22e960-400a-43ff-baeb-4828c8f5cd3a" providerId="ADAL" clId="{0BA1101D-93BB-474F-8A4D-62367F400F86}" dt="2021-03-17T22:20:45.002" v="13900" actId="1076"/>
          <ac:spMkLst>
            <pc:docMk/>
            <pc:sldMk cId="2420927101" sldId="390"/>
            <ac:spMk id="21" creationId="{48358171-128C-504C-A825-DBB74EFB3B16}"/>
          </ac:spMkLst>
        </pc:spChg>
        <pc:spChg chg="add mod">
          <ac:chgData name="Daly Donnacha HSLU I" userId="0f22e960-400a-43ff-baeb-4828c8f5cd3a" providerId="ADAL" clId="{0BA1101D-93BB-474F-8A4D-62367F400F86}" dt="2021-03-17T22:25:25.143" v="13975" actId="403"/>
          <ac:spMkLst>
            <pc:docMk/>
            <pc:sldMk cId="2420927101" sldId="390"/>
            <ac:spMk id="65" creationId="{702B32EF-6F25-8D4F-B0BE-968EBADF627C}"/>
          </ac:spMkLst>
        </pc:spChg>
        <pc:spChg chg="add mod">
          <ac:chgData name="Daly Donnacha HSLU I" userId="0f22e960-400a-43ff-baeb-4828c8f5cd3a" providerId="ADAL" clId="{0BA1101D-93BB-474F-8A4D-62367F400F86}" dt="2021-03-17T22:25:37.619" v="13982" actId="20577"/>
          <ac:spMkLst>
            <pc:docMk/>
            <pc:sldMk cId="2420927101" sldId="390"/>
            <ac:spMk id="66" creationId="{3EBF21C6-2CCF-CE4F-B46C-9B370865724B}"/>
          </ac:spMkLst>
        </pc:spChg>
        <pc:cxnChg chg="add mod">
          <ac:chgData name="Daly Donnacha HSLU I" userId="0f22e960-400a-43ff-baeb-4828c8f5cd3a" providerId="ADAL" clId="{0BA1101D-93BB-474F-8A4D-62367F400F86}" dt="2021-03-17T22:20:36.065" v="13898" actId="1037"/>
          <ac:cxnSpMkLst>
            <pc:docMk/>
            <pc:sldMk cId="2420927101" sldId="390"/>
            <ac:cxnSpMk id="9" creationId="{F7267B5B-27ED-3A40-A53E-594CED66C124}"/>
          </ac:cxnSpMkLst>
        </pc:cxnChg>
        <pc:cxnChg chg="add mod">
          <ac:chgData name="Daly Donnacha HSLU I" userId="0f22e960-400a-43ff-baeb-4828c8f5cd3a" providerId="ADAL" clId="{0BA1101D-93BB-474F-8A4D-62367F400F86}" dt="2021-03-17T22:20:36.065" v="13898" actId="1037"/>
          <ac:cxnSpMkLst>
            <pc:docMk/>
            <pc:sldMk cId="2420927101" sldId="390"/>
            <ac:cxnSpMk id="10" creationId="{3A5778A7-B84B-2344-BC62-BCF2C5FDEF87}"/>
          </ac:cxnSpMkLst>
        </pc:cxnChg>
        <pc:cxnChg chg="add mod">
          <ac:chgData name="Daly Donnacha HSLU I" userId="0f22e960-400a-43ff-baeb-4828c8f5cd3a" providerId="ADAL" clId="{0BA1101D-93BB-474F-8A4D-62367F400F86}" dt="2021-03-17T22:20:45.002" v="13900" actId="1076"/>
          <ac:cxnSpMkLst>
            <pc:docMk/>
            <pc:sldMk cId="2420927101" sldId="390"/>
            <ac:cxnSpMk id="17" creationId="{AA7882F1-6F83-0346-951F-75F6583951F0}"/>
          </ac:cxnSpMkLst>
        </pc:cxnChg>
        <pc:cxnChg chg="add mod">
          <ac:chgData name="Daly Donnacha HSLU I" userId="0f22e960-400a-43ff-baeb-4828c8f5cd3a" providerId="ADAL" clId="{0BA1101D-93BB-474F-8A4D-62367F400F86}" dt="2021-03-17T22:20:45.002" v="13900" actId="1076"/>
          <ac:cxnSpMkLst>
            <pc:docMk/>
            <pc:sldMk cId="2420927101" sldId="390"/>
            <ac:cxnSpMk id="18" creationId="{26ECA9E2-92E9-2D4C-9E4D-D64D18330383}"/>
          </ac:cxnSpMkLst>
        </pc:cxnChg>
        <pc:cxnChg chg="add mod">
          <ac:chgData name="Daly Donnacha HSLU I" userId="0f22e960-400a-43ff-baeb-4828c8f5cd3a" providerId="ADAL" clId="{0BA1101D-93BB-474F-8A4D-62367F400F86}" dt="2021-03-17T22:22:15.011" v="13914" actId="1076"/>
          <ac:cxnSpMkLst>
            <pc:docMk/>
            <pc:sldMk cId="2420927101" sldId="390"/>
            <ac:cxnSpMk id="22" creationId="{58090393-8D58-144D-8D55-C493C2CF63E2}"/>
          </ac:cxnSpMkLst>
        </pc:cxnChg>
        <pc:cxnChg chg="add mod">
          <ac:chgData name="Daly Donnacha HSLU I" userId="0f22e960-400a-43ff-baeb-4828c8f5cd3a" providerId="ADAL" clId="{0BA1101D-93BB-474F-8A4D-62367F400F86}" dt="2021-03-17T22:22:09.358" v="13913" actId="1036"/>
          <ac:cxnSpMkLst>
            <pc:docMk/>
            <pc:sldMk cId="2420927101" sldId="390"/>
            <ac:cxnSpMk id="26" creationId="{936DFECF-91E0-4743-826D-E69FBBBE7984}"/>
          </ac:cxnSpMkLst>
        </pc:cxnChg>
        <pc:cxnChg chg="add mod">
          <ac:chgData name="Daly Donnacha HSLU I" userId="0f22e960-400a-43ff-baeb-4828c8f5cd3a" providerId="ADAL" clId="{0BA1101D-93BB-474F-8A4D-62367F400F86}" dt="2021-03-17T22:22:09.358" v="13913" actId="1036"/>
          <ac:cxnSpMkLst>
            <pc:docMk/>
            <pc:sldMk cId="2420927101" sldId="390"/>
            <ac:cxnSpMk id="29" creationId="{01D86799-438D-DC4B-AD56-2DB71575359B}"/>
          </ac:cxnSpMkLst>
        </pc:cxnChg>
        <pc:cxnChg chg="add mod">
          <ac:chgData name="Daly Donnacha HSLU I" userId="0f22e960-400a-43ff-baeb-4828c8f5cd3a" providerId="ADAL" clId="{0BA1101D-93BB-474F-8A4D-62367F400F86}" dt="2021-03-17T22:22:30.484" v="13918" actId="14100"/>
          <ac:cxnSpMkLst>
            <pc:docMk/>
            <pc:sldMk cId="2420927101" sldId="390"/>
            <ac:cxnSpMk id="32" creationId="{361999DA-E813-9548-8DB2-C2F768A0822D}"/>
          </ac:cxnSpMkLst>
        </pc:cxnChg>
        <pc:cxnChg chg="add mod">
          <ac:chgData name="Daly Donnacha HSLU I" userId="0f22e960-400a-43ff-baeb-4828c8f5cd3a" providerId="ADAL" clId="{0BA1101D-93BB-474F-8A4D-62367F400F86}" dt="2021-03-17T22:22:39.277" v="13921" actId="14100"/>
          <ac:cxnSpMkLst>
            <pc:docMk/>
            <pc:sldMk cId="2420927101" sldId="390"/>
            <ac:cxnSpMk id="35" creationId="{7F428D2B-7E4E-AC49-87C2-5F05CEA33A9D}"/>
          </ac:cxnSpMkLst>
        </pc:cxnChg>
        <pc:cxnChg chg="add mod">
          <ac:chgData name="Daly Donnacha HSLU I" userId="0f22e960-400a-43ff-baeb-4828c8f5cd3a" providerId="ADAL" clId="{0BA1101D-93BB-474F-8A4D-62367F400F86}" dt="2021-03-17T22:22:51.843" v="13924" actId="14100"/>
          <ac:cxnSpMkLst>
            <pc:docMk/>
            <pc:sldMk cId="2420927101" sldId="390"/>
            <ac:cxnSpMk id="38" creationId="{FDCCE1E9-6823-8746-844D-6A234F3D77E1}"/>
          </ac:cxnSpMkLst>
        </pc:cxnChg>
        <pc:cxnChg chg="add mod">
          <ac:chgData name="Daly Donnacha HSLU I" userId="0f22e960-400a-43ff-baeb-4828c8f5cd3a" providerId="ADAL" clId="{0BA1101D-93BB-474F-8A4D-62367F400F86}" dt="2021-03-17T22:23:00.143" v="13927" actId="14100"/>
          <ac:cxnSpMkLst>
            <pc:docMk/>
            <pc:sldMk cId="2420927101" sldId="390"/>
            <ac:cxnSpMk id="41" creationId="{E67AE529-E1B2-924A-8590-98F11486F117}"/>
          </ac:cxnSpMkLst>
        </pc:cxnChg>
        <pc:cxnChg chg="add mod">
          <ac:chgData name="Daly Donnacha HSLU I" userId="0f22e960-400a-43ff-baeb-4828c8f5cd3a" providerId="ADAL" clId="{0BA1101D-93BB-474F-8A4D-62367F400F86}" dt="2021-03-17T22:23:18.988" v="13930" actId="14100"/>
          <ac:cxnSpMkLst>
            <pc:docMk/>
            <pc:sldMk cId="2420927101" sldId="390"/>
            <ac:cxnSpMk id="44" creationId="{2311CA25-45F7-DB42-8671-97001150D5E2}"/>
          </ac:cxnSpMkLst>
        </pc:cxnChg>
        <pc:cxnChg chg="add mod">
          <ac:chgData name="Daly Donnacha HSLU I" userId="0f22e960-400a-43ff-baeb-4828c8f5cd3a" providerId="ADAL" clId="{0BA1101D-93BB-474F-8A4D-62367F400F86}" dt="2021-03-17T22:23:28.468" v="13933" actId="14100"/>
          <ac:cxnSpMkLst>
            <pc:docMk/>
            <pc:sldMk cId="2420927101" sldId="390"/>
            <ac:cxnSpMk id="46" creationId="{87BCAF68-397C-0C49-8FA8-B933DFCF639C}"/>
          </ac:cxnSpMkLst>
        </pc:cxnChg>
        <pc:cxnChg chg="add mod">
          <ac:chgData name="Daly Donnacha HSLU I" userId="0f22e960-400a-43ff-baeb-4828c8f5cd3a" providerId="ADAL" clId="{0BA1101D-93BB-474F-8A4D-62367F400F86}" dt="2021-03-17T22:23:40.778" v="13936" actId="14100"/>
          <ac:cxnSpMkLst>
            <pc:docMk/>
            <pc:sldMk cId="2420927101" sldId="390"/>
            <ac:cxnSpMk id="49" creationId="{546E2BD4-70B7-0049-A427-ABE3454F4BBF}"/>
          </ac:cxnSpMkLst>
        </pc:cxnChg>
        <pc:cxnChg chg="add mod">
          <ac:chgData name="Daly Donnacha HSLU I" userId="0f22e960-400a-43ff-baeb-4828c8f5cd3a" providerId="ADAL" clId="{0BA1101D-93BB-474F-8A4D-62367F400F86}" dt="2021-03-17T22:24:01.196" v="13941" actId="14100"/>
          <ac:cxnSpMkLst>
            <pc:docMk/>
            <pc:sldMk cId="2420927101" sldId="390"/>
            <ac:cxnSpMk id="52" creationId="{6C89BC0A-6C47-5D46-A08D-63754E98468C}"/>
          </ac:cxnSpMkLst>
        </pc:cxnChg>
        <pc:cxnChg chg="add mod">
          <ac:chgData name="Daly Donnacha HSLU I" userId="0f22e960-400a-43ff-baeb-4828c8f5cd3a" providerId="ADAL" clId="{0BA1101D-93BB-474F-8A4D-62367F400F86}" dt="2021-03-17T22:24:15.872" v="13944" actId="14100"/>
          <ac:cxnSpMkLst>
            <pc:docMk/>
            <pc:sldMk cId="2420927101" sldId="390"/>
            <ac:cxnSpMk id="56" creationId="{5FFFB7A5-61AF-764E-8662-1326A5245F39}"/>
          </ac:cxnSpMkLst>
        </pc:cxnChg>
        <pc:cxnChg chg="add mod">
          <ac:chgData name="Daly Donnacha HSLU I" userId="0f22e960-400a-43ff-baeb-4828c8f5cd3a" providerId="ADAL" clId="{0BA1101D-93BB-474F-8A4D-62367F400F86}" dt="2021-03-17T22:24:23.252" v="13947" actId="14100"/>
          <ac:cxnSpMkLst>
            <pc:docMk/>
            <pc:sldMk cId="2420927101" sldId="390"/>
            <ac:cxnSpMk id="59" creationId="{ED2CA9CE-3D13-C84C-BF33-95A8A5282634}"/>
          </ac:cxnSpMkLst>
        </pc:cxnChg>
        <pc:cxnChg chg="add mod">
          <ac:chgData name="Daly Donnacha HSLU I" userId="0f22e960-400a-43ff-baeb-4828c8f5cd3a" providerId="ADAL" clId="{0BA1101D-93BB-474F-8A4D-62367F400F86}" dt="2021-03-17T22:24:50.373" v="13952"/>
          <ac:cxnSpMkLst>
            <pc:docMk/>
            <pc:sldMk cId="2420927101" sldId="390"/>
            <ac:cxnSpMk id="62" creationId="{B0A0FB72-327F-4946-AAB7-CAC1E7361BAF}"/>
          </ac:cxnSpMkLst>
        </pc:cxnChg>
      </pc:sldChg>
      <pc:sldChg chg="addSp modSp new mod ord">
        <pc:chgData name="Daly Donnacha HSLU I" userId="0f22e960-400a-43ff-baeb-4828c8f5cd3a" providerId="ADAL" clId="{0BA1101D-93BB-474F-8A4D-62367F400F86}" dt="2021-03-17T22:09:51.972" v="13531" actId="207"/>
        <pc:sldMkLst>
          <pc:docMk/>
          <pc:sldMk cId="392249382" sldId="391"/>
        </pc:sldMkLst>
        <pc:spChg chg="mod">
          <ac:chgData name="Daly Donnacha HSLU I" userId="0f22e960-400a-43ff-baeb-4828c8f5cd3a" providerId="ADAL" clId="{0BA1101D-93BB-474F-8A4D-62367F400F86}" dt="2021-03-16T15:58:36.090" v="1261" actId="20577"/>
          <ac:spMkLst>
            <pc:docMk/>
            <pc:sldMk cId="392249382" sldId="391"/>
            <ac:spMk id="2" creationId="{D346BDDC-5C2E-4740-A396-B47F54C251FE}"/>
          </ac:spMkLst>
        </pc:spChg>
        <pc:spChg chg="add mod">
          <ac:chgData name="Daly Donnacha HSLU I" userId="0f22e960-400a-43ff-baeb-4828c8f5cd3a" providerId="ADAL" clId="{0BA1101D-93BB-474F-8A4D-62367F400F86}" dt="2021-03-17T21:56:39.495" v="13038" actId="1038"/>
          <ac:spMkLst>
            <pc:docMk/>
            <pc:sldMk cId="392249382" sldId="391"/>
            <ac:spMk id="3" creationId="{6E869880-A93A-F749-BDE3-B308725A8AE1}"/>
          </ac:spMkLst>
        </pc:spChg>
        <pc:spChg chg="add mod">
          <ac:chgData name="Daly Donnacha HSLU I" userId="0f22e960-400a-43ff-baeb-4828c8f5cd3a" providerId="ADAL" clId="{0BA1101D-93BB-474F-8A4D-62367F400F86}" dt="2021-03-17T21:56:39.495" v="13038" actId="1038"/>
          <ac:spMkLst>
            <pc:docMk/>
            <pc:sldMk cId="392249382" sldId="391"/>
            <ac:spMk id="6" creationId="{1C94A494-1F06-544F-802E-B82C49496EC9}"/>
          </ac:spMkLst>
        </pc:spChg>
        <pc:spChg chg="add mod">
          <ac:chgData name="Daly Donnacha HSLU I" userId="0f22e960-400a-43ff-baeb-4828c8f5cd3a" providerId="ADAL" clId="{0BA1101D-93BB-474F-8A4D-62367F400F86}" dt="2021-03-17T21:56:39.495" v="13038" actId="1038"/>
          <ac:spMkLst>
            <pc:docMk/>
            <pc:sldMk cId="392249382" sldId="391"/>
            <ac:spMk id="7" creationId="{272BB046-CAA9-B949-AD9F-022105D3F9BA}"/>
          </ac:spMkLst>
        </pc:spChg>
        <pc:spChg chg="add mod">
          <ac:chgData name="Daly Donnacha HSLU I" userId="0f22e960-400a-43ff-baeb-4828c8f5cd3a" providerId="ADAL" clId="{0BA1101D-93BB-474F-8A4D-62367F400F86}" dt="2021-03-17T21:56:39.495" v="13038" actId="1038"/>
          <ac:spMkLst>
            <pc:docMk/>
            <pc:sldMk cId="392249382" sldId="391"/>
            <ac:spMk id="8" creationId="{C9C11891-1856-8646-ABF0-FE5CC06F14A4}"/>
          </ac:spMkLst>
        </pc:spChg>
        <pc:spChg chg="add mod">
          <ac:chgData name="Daly Donnacha HSLU I" userId="0f22e960-400a-43ff-baeb-4828c8f5cd3a" providerId="ADAL" clId="{0BA1101D-93BB-474F-8A4D-62367F400F86}" dt="2021-03-17T22:09:26.693" v="13526" actId="1076"/>
          <ac:spMkLst>
            <pc:docMk/>
            <pc:sldMk cId="392249382" sldId="391"/>
            <ac:spMk id="10" creationId="{9505E531-72A7-4D49-87B7-FD3697C44AEF}"/>
          </ac:spMkLst>
        </pc:spChg>
        <pc:graphicFrameChg chg="add mod modGraphic">
          <ac:chgData name="Daly Donnacha HSLU I" userId="0f22e960-400a-43ff-baeb-4828c8f5cd3a" providerId="ADAL" clId="{0BA1101D-93BB-474F-8A4D-62367F400F86}" dt="2021-03-17T22:09:51.972" v="13531" actId="207"/>
          <ac:graphicFrameMkLst>
            <pc:docMk/>
            <pc:sldMk cId="392249382" sldId="391"/>
            <ac:graphicFrameMk id="9" creationId="{EDDDE66E-0038-0049-81DD-77C73F0C1C0B}"/>
          </ac:graphicFrameMkLst>
        </pc:graphicFrameChg>
        <pc:picChg chg="add mod">
          <ac:chgData name="Daly Donnacha HSLU I" userId="0f22e960-400a-43ff-baeb-4828c8f5cd3a" providerId="ADAL" clId="{0BA1101D-93BB-474F-8A4D-62367F400F86}" dt="2021-03-17T21:56:39.495" v="13038" actId="1038"/>
          <ac:picMkLst>
            <pc:docMk/>
            <pc:sldMk cId="392249382" sldId="391"/>
            <ac:picMk id="3074" creationId="{0E92A5F1-DA4C-1344-81F5-4198941CFA2F}"/>
          </ac:picMkLst>
        </pc:picChg>
        <pc:picChg chg="add mod">
          <ac:chgData name="Daly Donnacha HSLU I" userId="0f22e960-400a-43ff-baeb-4828c8f5cd3a" providerId="ADAL" clId="{0BA1101D-93BB-474F-8A4D-62367F400F86}" dt="2021-03-17T21:56:39.495" v="13038" actId="1038"/>
          <ac:picMkLst>
            <pc:docMk/>
            <pc:sldMk cId="392249382" sldId="391"/>
            <ac:picMk id="3076" creationId="{C3D87A78-EFB5-1048-874B-E4BD2F5F69C5}"/>
          </ac:picMkLst>
        </pc:picChg>
      </pc:sldChg>
      <pc:sldChg chg="addSp modSp new mod ord">
        <pc:chgData name="Daly Donnacha HSLU I" userId="0f22e960-400a-43ff-baeb-4828c8f5cd3a" providerId="ADAL" clId="{0BA1101D-93BB-474F-8A4D-62367F400F86}" dt="2021-03-18T14:15:53.967" v="18012" actId="6549"/>
        <pc:sldMkLst>
          <pc:docMk/>
          <pc:sldMk cId="451630724" sldId="392"/>
        </pc:sldMkLst>
        <pc:spChg chg="mod">
          <ac:chgData name="Daly Donnacha HSLU I" userId="0f22e960-400a-43ff-baeb-4828c8f5cd3a" providerId="ADAL" clId="{0BA1101D-93BB-474F-8A4D-62367F400F86}" dt="2021-03-16T15:59:46.193" v="1302" actId="20577"/>
          <ac:spMkLst>
            <pc:docMk/>
            <pc:sldMk cId="451630724" sldId="392"/>
            <ac:spMk id="2" creationId="{82F0B257-4687-EE49-85BE-2DAF84C89359}"/>
          </ac:spMkLst>
        </pc:spChg>
        <pc:spChg chg="add mod">
          <ac:chgData name="Daly Donnacha HSLU I" userId="0f22e960-400a-43ff-baeb-4828c8f5cd3a" providerId="ADAL" clId="{0BA1101D-93BB-474F-8A4D-62367F400F86}" dt="2021-03-18T10:21:08.177" v="17959" actId="1076"/>
          <ac:spMkLst>
            <pc:docMk/>
            <pc:sldMk cId="451630724" sldId="392"/>
            <ac:spMk id="4" creationId="{AFC2F97B-C887-7844-9897-05550AE479DE}"/>
          </ac:spMkLst>
        </pc:spChg>
        <pc:spChg chg="add mod">
          <ac:chgData name="Daly Donnacha HSLU I" userId="0f22e960-400a-43ff-baeb-4828c8f5cd3a" providerId="ADAL" clId="{0BA1101D-93BB-474F-8A4D-62367F400F86}" dt="2021-03-18T10:21:08.177" v="17959" actId="1076"/>
          <ac:spMkLst>
            <pc:docMk/>
            <pc:sldMk cId="451630724" sldId="392"/>
            <ac:spMk id="5" creationId="{C01C5122-2945-3945-9F30-C87C658D4273}"/>
          </ac:spMkLst>
        </pc:spChg>
        <pc:spChg chg="add mod">
          <ac:chgData name="Daly Donnacha HSLU I" userId="0f22e960-400a-43ff-baeb-4828c8f5cd3a" providerId="ADAL" clId="{0BA1101D-93BB-474F-8A4D-62367F400F86}" dt="2021-03-18T14:15:53.967" v="18012" actId="6549"/>
          <ac:spMkLst>
            <pc:docMk/>
            <pc:sldMk cId="451630724" sldId="392"/>
            <ac:spMk id="6" creationId="{1702EA56-6398-C64B-B8B5-0579C7DD7C1B}"/>
          </ac:spMkLst>
        </pc:spChg>
        <pc:picChg chg="add mod">
          <ac:chgData name="Daly Donnacha HSLU I" userId="0f22e960-400a-43ff-baeb-4828c8f5cd3a" providerId="ADAL" clId="{0BA1101D-93BB-474F-8A4D-62367F400F86}" dt="2021-03-18T10:20:55.314" v="17958" actId="1076"/>
          <ac:picMkLst>
            <pc:docMk/>
            <pc:sldMk cId="451630724" sldId="392"/>
            <ac:picMk id="3" creationId="{B93ECB53-EF6E-DA43-A6B4-401ECCEC0686}"/>
          </ac:picMkLst>
        </pc:picChg>
      </pc:sldChg>
      <pc:sldChg chg="modSp add del mod">
        <pc:chgData name="Daly Donnacha HSLU I" userId="0f22e960-400a-43ff-baeb-4828c8f5cd3a" providerId="ADAL" clId="{0BA1101D-93BB-474F-8A4D-62367F400F86}" dt="2021-03-16T16:03:43.578" v="1479" actId="2696"/>
        <pc:sldMkLst>
          <pc:docMk/>
          <pc:sldMk cId="2732435699" sldId="393"/>
        </pc:sldMkLst>
        <pc:spChg chg="mod">
          <ac:chgData name="Daly Donnacha HSLU I" userId="0f22e960-400a-43ff-baeb-4828c8f5cd3a" providerId="ADAL" clId="{0BA1101D-93BB-474F-8A4D-62367F400F86}" dt="2021-03-16T16:00:15.708" v="1327" actId="20577"/>
          <ac:spMkLst>
            <pc:docMk/>
            <pc:sldMk cId="2732435699" sldId="393"/>
            <ac:spMk id="2" creationId="{82F0B257-4687-EE49-85BE-2DAF84C89359}"/>
          </ac:spMkLst>
        </pc:spChg>
      </pc:sldChg>
      <pc:sldChg chg="addSp delSp modSp add mod">
        <pc:chgData name="Daly Donnacha HSLU I" userId="0f22e960-400a-43ff-baeb-4828c8f5cd3a" providerId="ADAL" clId="{0BA1101D-93BB-474F-8A4D-62367F400F86}" dt="2021-03-18T09:27:02.502" v="15762" actId="113"/>
        <pc:sldMkLst>
          <pc:docMk/>
          <pc:sldMk cId="2265539479" sldId="394"/>
        </pc:sldMkLst>
        <pc:spChg chg="mod">
          <ac:chgData name="Daly Donnacha HSLU I" userId="0f22e960-400a-43ff-baeb-4828c8f5cd3a" providerId="ADAL" clId="{0BA1101D-93BB-474F-8A4D-62367F400F86}" dt="2021-03-16T16:02:34.807" v="1426" actId="20577"/>
          <ac:spMkLst>
            <pc:docMk/>
            <pc:sldMk cId="2265539479" sldId="394"/>
            <ac:spMk id="2" creationId="{82F0B257-4687-EE49-85BE-2DAF84C89359}"/>
          </ac:spMkLst>
        </pc:spChg>
        <pc:spChg chg="add mod">
          <ac:chgData name="Daly Donnacha HSLU I" userId="0f22e960-400a-43ff-baeb-4828c8f5cd3a" providerId="ADAL" clId="{0BA1101D-93BB-474F-8A4D-62367F400F86}" dt="2021-03-18T09:12:29.491" v="14802" actId="1037"/>
          <ac:spMkLst>
            <pc:docMk/>
            <pc:sldMk cId="2265539479" sldId="394"/>
            <ac:spMk id="5" creationId="{002F5A20-F4DC-A44F-8089-5176313509C8}"/>
          </ac:spMkLst>
        </pc:spChg>
        <pc:spChg chg="add mod">
          <ac:chgData name="Daly Donnacha HSLU I" userId="0f22e960-400a-43ff-baeb-4828c8f5cd3a" providerId="ADAL" clId="{0BA1101D-93BB-474F-8A4D-62367F400F86}" dt="2021-03-18T09:12:14.145" v="14790" actId="6549"/>
          <ac:spMkLst>
            <pc:docMk/>
            <pc:sldMk cId="2265539479" sldId="394"/>
            <ac:spMk id="6" creationId="{A0D854E5-DDB2-0E46-808A-7419EB0545FB}"/>
          </ac:spMkLst>
        </pc:spChg>
        <pc:spChg chg="add mod">
          <ac:chgData name="Daly Donnacha HSLU I" userId="0f22e960-400a-43ff-baeb-4828c8f5cd3a" providerId="ADAL" clId="{0BA1101D-93BB-474F-8A4D-62367F400F86}" dt="2021-03-18T09:12:03.040" v="14787"/>
          <ac:spMkLst>
            <pc:docMk/>
            <pc:sldMk cId="2265539479" sldId="394"/>
            <ac:spMk id="7" creationId="{FC55AD6A-884F-D241-ADEE-C6FA48C92BE6}"/>
          </ac:spMkLst>
        </pc:spChg>
        <pc:spChg chg="add mod">
          <ac:chgData name="Daly Donnacha HSLU I" userId="0f22e960-400a-43ff-baeb-4828c8f5cd3a" providerId="ADAL" clId="{0BA1101D-93BB-474F-8A4D-62367F400F86}" dt="2021-03-18T09:12:03.040" v="14787"/>
          <ac:spMkLst>
            <pc:docMk/>
            <pc:sldMk cId="2265539479" sldId="394"/>
            <ac:spMk id="8" creationId="{33395090-1AB7-F742-B641-051EABDC458E}"/>
          </ac:spMkLst>
        </pc:spChg>
        <pc:spChg chg="add mod">
          <ac:chgData name="Daly Donnacha HSLU I" userId="0f22e960-400a-43ff-baeb-4828c8f5cd3a" providerId="ADAL" clId="{0BA1101D-93BB-474F-8A4D-62367F400F86}" dt="2021-03-18T09:12:03.040" v="14787"/>
          <ac:spMkLst>
            <pc:docMk/>
            <pc:sldMk cId="2265539479" sldId="394"/>
            <ac:spMk id="9" creationId="{75E72B5D-B343-444D-AEFE-A60B91077BB6}"/>
          </ac:spMkLst>
        </pc:spChg>
        <pc:spChg chg="add mod">
          <ac:chgData name="Daly Donnacha HSLU I" userId="0f22e960-400a-43ff-baeb-4828c8f5cd3a" providerId="ADAL" clId="{0BA1101D-93BB-474F-8A4D-62367F400F86}" dt="2021-03-18T09:12:03.040" v="14787"/>
          <ac:spMkLst>
            <pc:docMk/>
            <pc:sldMk cId="2265539479" sldId="394"/>
            <ac:spMk id="10" creationId="{7982C240-FC7B-104F-91C1-8F3777B18CD7}"/>
          </ac:spMkLst>
        </pc:spChg>
        <pc:spChg chg="add mod">
          <ac:chgData name="Daly Donnacha HSLU I" userId="0f22e960-400a-43ff-baeb-4828c8f5cd3a" providerId="ADAL" clId="{0BA1101D-93BB-474F-8A4D-62367F400F86}" dt="2021-03-18T09:12:03.040" v="14787"/>
          <ac:spMkLst>
            <pc:docMk/>
            <pc:sldMk cId="2265539479" sldId="394"/>
            <ac:spMk id="11" creationId="{E1985062-2DB9-B342-ADCD-97EC6D9EC572}"/>
          </ac:spMkLst>
        </pc:spChg>
        <pc:spChg chg="add mod">
          <ac:chgData name="Daly Donnacha HSLU I" userId="0f22e960-400a-43ff-baeb-4828c8f5cd3a" providerId="ADAL" clId="{0BA1101D-93BB-474F-8A4D-62367F400F86}" dt="2021-03-18T09:12:03.040" v="14787"/>
          <ac:spMkLst>
            <pc:docMk/>
            <pc:sldMk cId="2265539479" sldId="394"/>
            <ac:spMk id="12" creationId="{8EA5DA1D-C99F-424D-A19D-A95C9316FABA}"/>
          </ac:spMkLst>
        </pc:spChg>
        <pc:spChg chg="add mod">
          <ac:chgData name="Daly Donnacha HSLU I" userId="0f22e960-400a-43ff-baeb-4828c8f5cd3a" providerId="ADAL" clId="{0BA1101D-93BB-474F-8A4D-62367F400F86}" dt="2021-03-18T09:12:03.040" v="14787"/>
          <ac:spMkLst>
            <pc:docMk/>
            <pc:sldMk cId="2265539479" sldId="394"/>
            <ac:spMk id="13" creationId="{7584D717-ADC8-764D-A5C3-F2DC37DACF58}"/>
          </ac:spMkLst>
        </pc:spChg>
        <pc:spChg chg="add mod">
          <ac:chgData name="Daly Donnacha HSLU I" userId="0f22e960-400a-43ff-baeb-4828c8f5cd3a" providerId="ADAL" clId="{0BA1101D-93BB-474F-8A4D-62367F400F86}" dt="2021-03-18T09:12:03.040" v="14787"/>
          <ac:spMkLst>
            <pc:docMk/>
            <pc:sldMk cId="2265539479" sldId="394"/>
            <ac:spMk id="14" creationId="{D8AB7B45-C040-0847-987D-4A0BFFB6CF7C}"/>
          </ac:spMkLst>
        </pc:spChg>
        <pc:spChg chg="add mod">
          <ac:chgData name="Daly Donnacha HSLU I" userId="0f22e960-400a-43ff-baeb-4828c8f5cd3a" providerId="ADAL" clId="{0BA1101D-93BB-474F-8A4D-62367F400F86}" dt="2021-03-18T09:12:03.040" v="14787"/>
          <ac:spMkLst>
            <pc:docMk/>
            <pc:sldMk cId="2265539479" sldId="394"/>
            <ac:spMk id="15" creationId="{A6509098-0B4B-8C4E-A9E9-548BC7EF13C8}"/>
          </ac:spMkLst>
        </pc:spChg>
        <pc:spChg chg="add mod">
          <ac:chgData name="Daly Donnacha HSLU I" userId="0f22e960-400a-43ff-baeb-4828c8f5cd3a" providerId="ADAL" clId="{0BA1101D-93BB-474F-8A4D-62367F400F86}" dt="2021-03-18T09:12:03.040" v="14787"/>
          <ac:spMkLst>
            <pc:docMk/>
            <pc:sldMk cId="2265539479" sldId="394"/>
            <ac:spMk id="16" creationId="{EF1AE566-D52D-9148-A841-DD5067482B9C}"/>
          </ac:spMkLst>
        </pc:spChg>
        <pc:spChg chg="add mod">
          <ac:chgData name="Daly Donnacha HSLU I" userId="0f22e960-400a-43ff-baeb-4828c8f5cd3a" providerId="ADAL" clId="{0BA1101D-93BB-474F-8A4D-62367F400F86}" dt="2021-03-18T09:12:03.040" v="14787"/>
          <ac:spMkLst>
            <pc:docMk/>
            <pc:sldMk cId="2265539479" sldId="394"/>
            <ac:spMk id="17" creationId="{6B6FC7EA-4A29-ED43-A2B3-7D0EEF898428}"/>
          </ac:spMkLst>
        </pc:spChg>
        <pc:spChg chg="add mod">
          <ac:chgData name="Daly Donnacha HSLU I" userId="0f22e960-400a-43ff-baeb-4828c8f5cd3a" providerId="ADAL" clId="{0BA1101D-93BB-474F-8A4D-62367F400F86}" dt="2021-03-18T09:12:03.040" v="14787"/>
          <ac:spMkLst>
            <pc:docMk/>
            <pc:sldMk cId="2265539479" sldId="394"/>
            <ac:spMk id="18" creationId="{7436ECD7-8A99-5147-8FA7-234E5ECF3B16}"/>
          </ac:spMkLst>
        </pc:spChg>
        <pc:spChg chg="add mod">
          <ac:chgData name="Daly Donnacha HSLU I" userId="0f22e960-400a-43ff-baeb-4828c8f5cd3a" providerId="ADAL" clId="{0BA1101D-93BB-474F-8A4D-62367F400F86}" dt="2021-03-18T09:12:03.040" v="14787"/>
          <ac:spMkLst>
            <pc:docMk/>
            <pc:sldMk cId="2265539479" sldId="394"/>
            <ac:spMk id="19" creationId="{22C15200-03CE-4649-BB35-3715A67FEA81}"/>
          </ac:spMkLst>
        </pc:spChg>
        <pc:spChg chg="add mod">
          <ac:chgData name="Daly Donnacha HSLU I" userId="0f22e960-400a-43ff-baeb-4828c8f5cd3a" providerId="ADAL" clId="{0BA1101D-93BB-474F-8A4D-62367F400F86}" dt="2021-03-18T09:12:03.040" v="14787"/>
          <ac:spMkLst>
            <pc:docMk/>
            <pc:sldMk cId="2265539479" sldId="394"/>
            <ac:spMk id="20" creationId="{55A90A03-FB48-774B-A140-C1AF1474B6CF}"/>
          </ac:spMkLst>
        </pc:spChg>
        <pc:spChg chg="add mod">
          <ac:chgData name="Daly Donnacha HSLU I" userId="0f22e960-400a-43ff-baeb-4828c8f5cd3a" providerId="ADAL" clId="{0BA1101D-93BB-474F-8A4D-62367F400F86}" dt="2021-03-18T09:12:03.040" v="14787"/>
          <ac:spMkLst>
            <pc:docMk/>
            <pc:sldMk cId="2265539479" sldId="394"/>
            <ac:spMk id="21" creationId="{8578EF59-CFD2-B641-9C37-AB9599EE1ECB}"/>
          </ac:spMkLst>
        </pc:spChg>
        <pc:spChg chg="add mod">
          <ac:chgData name="Daly Donnacha HSLU I" userId="0f22e960-400a-43ff-baeb-4828c8f5cd3a" providerId="ADAL" clId="{0BA1101D-93BB-474F-8A4D-62367F400F86}" dt="2021-03-18T09:12:03.040" v="14787"/>
          <ac:spMkLst>
            <pc:docMk/>
            <pc:sldMk cId="2265539479" sldId="394"/>
            <ac:spMk id="22" creationId="{8F189A5F-43C3-3A4F-A17A-6390D1DD9B88}"/>
          </ac:spMkLst>
        </pc:spChg>
        <pc:spChg chg="add mod">
          <ac:chgData name="Daly Donnacha HSLU I" userId="0f22e960-400a-43ff-baeb-4828c8f5cd3a" providerId="ADAL" clId="{0BA1101D-93BB-474F-8A4D-62367F400F86}" dt="2021-03-18T09:12:03.040" v="14787"/>
          <ac:spMkLst>
            <pc:docMk/>
            <pc:sldMk cId="2265539479" sldId="394"/>
            <ac:spMk id="23" creationId="{1FE24D52-9AA5-1A4E-A0B1-0ADD4F2240DC}"/>
          </ac:spMkLst>
        </pc:spChg>
        <pc:spChg chg="add mod">
          <ac:chgData name="Daly Donnacha HSLU I" userId="0f22e960-400a-43ff-baeb-4828c8f5cd3a" providerId="ADAL" clId="{0BA1101D-93BB-474F-8A4D-62367F400F86}" dt="2021-03-18T09:12:03.040" v="14787"/>
          <ac:spMkLst>
            <pc:docMk/>
            <pc:sldMk cId="2265539479" sldId="394"/>
            <ac:spMk id="24" creationId="{73E28942-52E3-5D42-A013-4BFFCADB8E42}"/>
          </ac:spMkLst>
        </pc:spChg>
        <pc:spChg chg="add mod">
          <ac:chgData name="Daly Donnacha HSLU I" userId="0f22e960-400a-43ff-baeb-4828c8f5cd3a" providerId="ADAL" clId="{0BA1101D-93BB-474F-8A4D-62367F400F86}" dt="2021-03-18T09:12:03.040" v="14787"/>
          <ac:spMkLst>
            <pc:docMk/>
            <pc:sldMk cId="2265539479" sldId="394"/>
            <ac:spMk id="25" creationId="{08F0723E-2AEA-2F4E-882C-68D69CBAD6D7}"/>
          </ac:spMkLst>
        </pc:spChg>
        <pc:spChg chg="add mod">
          <ac:chgData name="Daly Donnacha HSLU I" userId="0f22e960-400a-43ff-baeb-4828c8f5cd3a" providerId="ADAL" clId="{0BA1101D-93BB-474F-8A4D-62367F400F86}" dt="2021-03-18T09:12:03.040" v="14787"/>
          <ac:spMkLst>
            <pc:docMk/>
            <pc:sldMk cId="2265539479" sldId="394"/>
            <ac:spMk id="26" creationId="{97A05C5B-21CA-EB4D-8307-A5A701AD0599}"/>
          </ac:spMkLst>
        </pc:spChg>
        <pc:spChg chg="add mod">
          <ac:chgData name="Daly Donnacha HSLU I" userId="0f22e960-400a-43ff-baeb-4828c8f5cd3a" providerId="ADAL" clId="{0BA1101D-93BB-474F-8A4D-62367F400F86}" dt="2021-03-18T09:12:03.040" v="14787"/>
          <ac:spMkLst>
            <pc:docMk/>
            <pc:sldMk cId="2265539479" sldId="394"/>
            <ac:spMk id="27" creationId="{D86A4023-B397-1C4B-A35E-B47E7374F084}"/>
          </ac:spMkLst>
        </pc:spChg>
        <pc:spChg chg="add mod">
          <ac:chgData name="Daly Donnacha HSLU I" userId="0f22e960-400a-43ff-baeb-4828c8f5cd3a" providerId="ADAL" clId="{0BA1101D-93BB-474F-8A4D-62367F400F86}" dt="2021-03-18T09:12:03.040" v="14787"/>
          <ac:spMkLst>
            <pc:docMk/>
            <pc:sldMk cId="2265539479" sldId="394"/>
            <ac:spMk id="28" creationId="{8E9896D3-53A0-754A-B084-8CA5121FB8C9}"/>
          </ac:spMkLst>
        </pc:spChg>
        <pc:spChg chg="add mod">
          <ac:chgData name="Daly Donnacha HSLU I" userId="0f22e960-400a-43ff-baeb-4828c8f5cd3a" providerId="ADAL" clId="{0BA1101D-93BB-474F-8A4D-62367F400F86}" dt="2021-03-18T09:12:03.040" v="14787"/>
          <ac:spMkLst>
            <pc:docMk/>
            <pc:sldMk cId="2265539479" sldId="394"/>
            <ac:spMk id="29" creationId="{1B590CFF-FA75-4647-8C8C-7716CB07CD07}"/>
          </ac:spMkLst>
        </pc:spChg>
        <pc:spChg chg="add mod">
          <ac:chgData name="Daly Donnacha HSLU I" userId="0f22e960-400a-43ff-baeb-4828c8f5cd3a" providerId="ADAL" clId="{0BA1101D-93BB-474F-8A4D-62367F400F86}" dt="2021-03-18T09:12:03.040" v="14787"/>
          <ac:spMkLst>
            <pc:docMk/>
            <pc:sldMk cId="2265539479" sldId="394"/>
            <ac:spMk id="30" creationId="{56D72727-65C5-5148-9B02-07E7B2D2E9D3}"/>
          </ac:spMkLst>
        </pc:spChg>
        <pc:spChg chg="add mod">
          <ac:chgData name="Daly Donnacha HSLU I" userId="0f22e960-400a-43ff-baeb-4828c8f5cd3a" providerId="ADAL" clId="{0BA1101D-93BB-474F-8A4D-62367F400F86}" dt="2021-03-18T09:12:03.040" v="14787"/>
          <ac:spMkLst>
            <pc:docMk/>
            <pc:sldMk cId="2265539479" sldId="394"/>
            <ac:spMk id="31" creationId="{0C9D1573-F446-854E-8EE4-BDA6A29022BA}"/>
          </ac:spMkLst>
        </pc:spChg>
        <pc:spChg chg="add mod">
          <ac:chgData name="Daly Donnacha HSLU I" userId="0f22e960-400a-43ff-baeb-4828c8f5cd3a" providerId="ADAL" clId="{0BA1101D-93BB-474F-8A4D-62367F400F86}" dt="2021-03-18T09:12:03.040" v="14787"/>
          <ac:spMkLst>
            <pc:docMk/>
            <pc:sldMk cId="2265539479" sldId="394"/>
            <ac:spMk id="33" creationId="{A4E66090-6A31-7E40-A8AF-8C6598203DFA}"/>
          </ac:spMkLst>
        </pc:spChg>
        <pc:spChg chg="add del mod">
          <ac:chgData name="Daly Donnacha HSLU I" userId="0f22e960-400a-43ff-baeb-4828c8f5cd3a" providerId="ADAL" clId="{0BA1101D-93BB-474F-8A4D-62367F400F86}" dt="2021-03-18T09:12:35.906" v="14805" actId="478"/>
          <ac:spMkLst>
            <pc:docMk/>
            <pc:sldMk cId="2265539479" sldId="394"/>
            <ac:spMk id="34" creationId="{77F3E9E1-F471-BD43-8D34-954219D1F5C3}"/>
          </ac:spMkLst>
        </pc:spChg>
        <pc:spChg chg="add del mod">
          <ac:chgData name="Daly Donnacha HSLU I" userId="0f22e960-400a-43ff-baeb-4828c8f5cd3a" providerId="ADAL" clId="{0BA1101D-93BB-474F-8A4D-62367F400F86}" dt="2021-03-18T09:12:49.248" v="14812" actId="478"/>
          <ac:spMkLst>
            <pc:docMk/>
            <pc:sldMk cId="2265539479" sldId="394"/>
            <ac:spMk id="35" creationId="{F38AB8A6-6891-4142-99A0-2BF4463B0155}"/>
          </ac:spMkLst>
        </pc:spChg>
        <pc:spChg chg="add del mod">
          <ac:chgData name="Daly Donnacha HSLU I" userId="0f22e960-400a-43ff-baeb-4828c8f5cd3a" providerId="ADAL" clId="{0BA1101D-93BB-474F-8A4D-62367F400F86}" dt="2021-03-18T09:12:34.573" v="14804" actId="478"/>
          <ac:spMkLst>
            <pc:docMk/>
            <pc:sldMk cId="2265539479" sldId="394"/>
            <ac:spMk id="38" creationId="{3A35CD5E-9498-6548-9759-9BAE9F4C2F00}"/>
          </ac:spMkLst>
        </pc:spChg>
        <pc:spChg chg="add del mod">
          <ac:chgData name="Daly Donnacha HSLU I" userId="0f22e960-400a-43ff-baeb-4828c8f5cd3a" providerId="ADAL" clId="{0BA1101D-93BB-474F-8A4D-62367F400F86}" dt="2021-03-18T09:12:49.248" v="14812" actId="478"/>
          <ac:spMkLst>
            <pc:docMk/>
            <pc:sldMk cId="2265539479" sldId="394"/>
            <ac:spMk id="39" creationId="{5A3E8F89-C332-D646-AED9-6D955FDC17BA}"/>
          </ac:spMkLst>
        </pc:spChg>
        <pc:spChg chg="add mod">
          <ac:chgData name="Daly Donnacha HSLU I" userId="0f22e960-400a-43ff-baeb-4828c8f5cd3a" providerId="ADAL" clId="{0BA1101D-93BB-474F-8A4D-62367F400F86}" dt="2021-03-18T09:12:03.040" v="14787"/>
          <ac:spMkLst>
            <pc:docMk/>
            <pc:sldMk cId="2265539479" sldId="394"/>
            <ac:spMk id="43" creationId="{67944DE6-263C-5848-A53D-8072F1E8D179}"/>
          </ac:spMkLst>
        </pc:spChg>
        <pc:spChg chg="add mod">
          <ac:chgData name="Daly Donnacha HSLU I" userId="0f22e960-400a-43ff-baeb-4828c8f5cd3a" providerId="ADAL" clId="{0BA1101D-93BB-474F-8A4D-62367F400F86}" dt="2021-03-18T09:12:03.040" v="14787"/>
          <ac:spMkLst>
            <pc:docMk/>
            <pc:sldMk cId="2265539479" sldId="394"/>
            <ac:spMk id="46" creationId="{13498817-2D64-6942-A8D5-5A1590581D6F}"/>
          </ac:spMkLst>
        </pc:spChg>
        <pc:spChg chg="add mod">
          <ac:chgData name="Daly Donnacha HSLU I" userId="0f22e960-400a-43ff-baeb-4828c8f5cd3a" providerId="ADAL" clId="{0BA1101D-93BB-474F-8A4D-62367F400F86}" dt="2021-03-18T09:12:03.040" v="14787"/>
          <ac:spMkLst>
            <pc:docMk/>
            <pc:sldMk cId="2265539479" sldId="394"/>
            <ac:spMk id="49" creationId="{AAAA8443-07EC-F74A-A859-90272E34709E}"/>
          </ac:spMkLst>
        </pc:spChg>
        <pc:spChg chg="add mod">
          <ac:chgData name="Daly Donnacha HSLU I" userId="0f22e960-400a-43ff-baeb-4828c8f5cd3a" providerId="ADAL" clId="{0BA1101D-93BB-474F-8A4D-62367F400F86}" dt="2021-03-18T09:27:02.502" v="15762" actId="113"/>
          <ac:spMkLst>
            <pc:docMk/>
            <pc:sldMk cId="2265539479" sldId="394"/>
            <ac:spMk id="50" creationId="{55277CFA-A12C-5549-816B-4B7FFDA2CB0E}"/>
          </ac:spMkLst>
        </pc:spChg>
        <pc:spChg chg="add mod">
          <ac:chgData name="Daly Donnacha HSLU I" userId="0f22e960-400a-43ff-baeb-4828c8f5cd3a" providerId="ADAL" clId="{0BA1101D-93BB-474F-8A4D-62367F400F86}" dt="2021-03-18T09:20:29.101" v="15358" actId="1076"/>
          <ac:spMkLst>
            <pc:docMk/>
            <pc:sldMk cId="2265539479" sldId="394"/>
            <ac:spMk id="51" creationId="{122BF89B-5B4A-5644-978F-39DF088175F0}"/>
          </ac:spMkLst>
        </pc:spChg>
        <pc:picChg chg="add mod">
          <ac:chgData name="Daly Donnacha HSLU I" userId="0f22e960-400a-43ff-baeb-4828c8f5cd3a" providerId="ADAL" clId="{0BA1101D-93BB-474F-8A4D-62367F400F86}" dt="2021-03-18T09:20:26.623" v="15357" actId="1076"/>
          <ac:picMkLst>
            <pc:docMk/>
            <pc:sldMk cId="2265539479" sldId="394"/>
            <ac:picMk id="52" creationId="{98DD70D3-FE00-9144-858A-F36374B0C7B9}"/>
          </ac:picMkLst>
        </pc:picChg>
        <pc:cxnChg chg="add mod">
          <ac:chgData name="Daly Donnacha HSLU I" userId="0f22e960-400a-43ff-baeb-4828c8f5cd3a" providerId="ADAL" clId="{0BA1101D-93BB-474F-8A4D-62367F400F86}" dt="2021-03-18T09:12:03.040" v="14787"/>
          <ac:cxnSpMkLst>
            <pc:docMk/>
            <pc:sldMk cId="2265539479" sldId="394"/>
            <ac:cxnSpMk id="3" creationId="{7D858F03-3D6C-1841-869A-0F70844077F8}"/>
          </ac:cxnSpMkLst>
        </pc:cxnChg>
        <pc:cxnChg chg="add mod">
          <ac:chgData name="Daly Donnacha HSLU I" userId="0f22e960-400a-43ff-baeb-4828c8f5cd3a" providerId="ADAL" clId="{0BA1101D-93BB-474F-8A4D-62367F400F86}" dt="2021-03-18T09:12:03.040" v="14787"/>
          <ac:cxnSpMkLst>
            <pc:docMk/>
            <pc:sldMk cId="2265539479" sldId="394"/>
            <ac:cxnSpMk id="4" creationId="{7A2E62E7-9882-9E40-81AB-D17A4E5216AB}"/>
          </ac:cxnSpMkLst>
        </pc:cxnChg>
        <pc:cxnChg chg="add mod">
          <ac:chgData name="Daly Donnacha HSLU I" userId="0f22e960-400a-43ff-baeb-4828c8f5cd3a" providerId="ADAL" clId="{0BA1101D-93BB-474F-8A4D-62367F400F86}" dt="2021-03-18T09:12:03.040" v="14787"/>
          <ac:cxnSpMkLst>
            <pc:docMk/>
            <pc:sldMk cId="2265539479" sldId="394"/>
            <ac:cxnSpMk id="32" creationId="{391FD7D7-9681-7849-A36A-CF57D498BA3E}"/>
          </ac:cxnSpMkLst>
        </pc:cxnChg>
        <pc:cxnChg chg="add del mod">
          <ac:chgData name="Daly Donnacha HSLU I" userId="0f22e960-400a-43ff-baeb-4828c8f5cd3a" providerId="ADAL" clId="{0BA1101D-93BB-474F-8A4D-62367F400F86}" dt="2021-03-18T09:12:49.248" v="14812" actId="478"/>
          <ac:cxnSpMkLst>
            <pc:docMk/>
            <pc:sldMk cId="2265539479" sldId="394"/>
            <ac:cxnSpMk id="36" creationId="{77C5756D-9550-B343-B212-4373D66B182B}"/>
          </ac:cxnSpMkLst>
        </pc:cxnChg>
        <pc:cxnChg chg="add del mod">
          <ac:chgData name="Daly Donnacha HSLU I" userId="0f22e960-400a-43ff-baeb-4828c8f5cd3a" providerId="ADAL" clId="{0BA1101D-93BB-474F-8A4D-62367F400F86}" dt="2021-03-18T09:12:33.234" v="14803" actId="478"/>
          <ac:cxnSpMkLst>
            <pc:docMk/>
            <pc:sldMk cId="2265539479" sldId="394"/>
            <ac:cxnSpMk id="37" creationId="{81193ACF-01EB-8B40-A032-F7F384EE75BE}"/>
          </ac:cxnSpMkLst>
        </pc:cxnChg>
        <pc:cxnChg chg="add del mod">
          <ac:chgData name="Daly Donnacha HSLU I" userId="0f22e960-400a-43ff-baeb-4828c8f5cd3a" providerId="ADAL" clId="{0BA1101D-93BB-474F-8A4D-62367F400F86}" dt="2021-03-18T09:12:49.248" v="14812" actId="478"/>
          <ac:cxnSpMkLst>
            <pc:docMk/>
            <pc:sldMk cId="2265539479" sldId="394"/>
            <ac:cxnSpMk id="40" creationId="{23C6707F-D1EF-3F4B-9661-E6C98C12908D}"/>
          </ac:cxnSpMkLst>
        </pc:cxnChg>
        <pc:cxnChg chg="add del mod">
          <ac:chgData name="Daly Donnacha HSLU I" userId="0f22e960-400a-43ff-baeb-4828c8f5cd3a" providerId="ADAL" clId="{0BA1101D-93BB-474F-8A4D-62367F400F86}" dt="2021-03-18T09:12:36.781" v="14806" actId="478"/>
          <ac:cxnSpMkLst>
            <pc:docMk/>
            <pc:sldMk cId="2265539479" sldId="394"/>
            <ac:cxnSpMk id="41" creationId="{31EC7594-B03B-2047-81C3-5DDA7C58CC12}"/>
          </ac:cxnSpMkLst>
        </pc:cxnChg>
        <pc:cxnChg chg="add del mod">
          <ac:chgData name="Daly Donnacha HSLU I" userId="0f22e960-400a-43ff-baeb-4828c8f5cd3a" providerId="ADAL" clId="{0BA1101D-93BB-474F-8A4D-62367F400F86}" dt="2021-03-18T09:12:38.376" v="14807" actId="478"/>
          <ac:cxnSpMkLst>
            <pc:docMk/>
            <pc:sldMk cId="2265539479" sldId="394"/>
            <ac:cxnSpMk id="42" creationId="{C5AB1830-0C1C-1842-84D2-D74F5D8DE418}"/>
          </ac:cxnSpMkLst>
        </pc:cxnChg>
        <pc:cxnChg chg="add mod">
          <ac:chgData name="Daly Donnacha HSLU I" userId="0f22e960-400a-43ff-baeb-4828c8f5cd3a" providerId="ADAL" clId="{0BA1101D-93BB-474F-8A4D-62367F400F86}" dt="2021-03-18T09:12:03.040" v="14787"/>
          <ac:cxnSpMkLst>
            <pc:docMk/>
            <pc:sldMk cId="2265539479" sldId="394"/>
            <ac:cxnSpMk id="44" creationId="{122B0044-69D8-CA4B-8B69-0580DFA91D9A}"/>
          </ac:cxnSpMkLst>
        </pc:cxnChg>
        <pc:cxnChg chg="add del mod">
          <ac:chgData name="Daly Donnacha HSLU I" userId="0f22e960-400a-43ff-baeb-4828c8f5cd3a" providerId="ADAL" clId="{0BA1101D-93BB-474F-8A4D-62367F400F86}" dt="2021-03-18T09:12:46.021" v="14811" actId="478"/>
          <ac:cxnSpMkLst>
            <pc:docMk/>
            <pc:sldMk cId="2265539479" sldId="394"/>
            <ac:cxnSpMk id="45" creationId="{0DA66CE4-FC86-1140-8EC3-C2C263D880F8}"/>
          </ac:cxnSpMkLst>
        </pc:cxnChg>
        <pc:cxnChg chg="add mod">
          <ac:chgData name="Daly Donnacha HSLU I" userId="0f22e960-400a-43ff-baeb-4828c8f5cd3a" providerId="ADAL" clId="{0BA1101D-93BB-474F-8A4D-62367F400F86}" dt="2021-03-18T09:12:03.040" v="14787"/>
          <ac:cxnSpMkLst>
            <pc:docMk/>
            <pc:sldMk cId="2265539479" sldId="394"/>
            <ac:cxnSpMk id="47" creationId="{5E705D02-6892-C74F-87E5-67FE412074FC}"/>
          </ac:cxnSpMkLst>
        </pc:cxnChg>
        <pc:cxnChg chg="add mod">
          <ac:chgData name="Daly Donnacha HSLU I" userId="0f22e960-400a-43ff-baeb-4828c8f5cd3a" providerId="ADAL" clId="{0BA1101D-93BB-474F-8A4D-62367F400F86}" dt="2021-03-18T09:12:03.040" v="14787"/>
          <ac:cxnSpMkLst>
            <pc:docMk/>
            <pc:sldMk cId="2265539479" sldId="394"/>
            <ac:cxnSpMk id="48" creationId="{FDE8F6D6-826B-CC41-A92A-0BD621F68770}"/>
          </ac:cxnSpMkLst>
        </pc:cxnChg>
      </pc:sldChg>
      <pc:sldChg chg="addSp delSp modSp add mod">
        <pc:chgData name="Daly Donnacha HSLU I" userId="0f22e960-400a-43ff-baeb-4828c8f5cd3a" providerId="ADAL" clId="{0BA1101D-93BB-474F-8A4D-62367F400F86}" dt="2021-03-18T09:28:22.198" v="15813" actId="20577"/>
        <pc:sldMkLst>
          <pc:docMk/>
          <pc:sldMk cId="2768933150" sldId="395"/>
        </pc:sldMkLst>
        <pc:spChg chg="mod">
          <ac:chgData name="Daly Donnacha HSLU I" userId="0f22e960-400a-43ff-baeb-4828c8f5cd3a" providerId="ADAL" clId="{0BA1101D-93BB-474F-8A4D-62367F400F86}" dt="2021-03-16T16:02:41.941" v="1446" actId="20577"/>
          <ac:spMkLst>
            <pc:docMk/>
            <pc:sldMk cId="2768933150" sldId="395"/>
            <ac:spMk id="2" creationId="{82F0B257-4687-EE49-85BE-2DAF84C89359}"/>
          </ac:spMkLst>
        </pc:spChg>
        <pc:spChg chg="add del mod">
          <ac:chgData name="Daly Donnacha HSLU I" userId="0f22e960-400a-43ff-baeb-4828c8f5cd3a" providerId="ADAL" clId="{0BA1101D-93BB-474F-8A4D-62367F400F86}" dt="2021-03-18T09:22:16.178" v="15360"/>
          <ac:spMkLst>
            <pc:docMk/>
            <pc:sldMk cId="2768933150" sldId="395"/>
            <ac:spMk id="3" creationId="{7D8D8412-526B-E341-A1C3-3E6FB9A0A71D}"/>
          </ac:spMkLst>
        </pc:spChg>
        <pc:spChg chg="add del mod">
          <ac:chgData name="Daly Donnacha HSLU I" userId="0f22e960-400a-43ff-baeb-4828c8f5cd3a" providerId="ADAL" clId="{0BA1101D-93BB-474F-8A4D-62367F400F86}" dt="2021-03-18T09:22:16.178" v="15360"/>
          <ac:spMkLst>
            <pc:docMk/>
            <pc:sldMk cId="2768933150" sldId="395"/>
            <ac:spMk id="4" creationId="{7B567E4C-B2DE-6244-9B1A-467FE14E3576}"/>
          </ac:spMkLst>
        </pc:spChg>
        <pc:spChg chg="add del mod">
          <ac:chgData name="Daly Donnacha HSLU I" userId="0f22e960-400a-43ff-baeb-4828c8f5cd3a" providerId="ADAL" clId="{0BA1101D-93BB-474F-8A4D-62367F400F86}" dt="2021-03-18T09:22:16.178" v="15360"/>
          <ac:spMkLst>
            <pc:docMk/>
            <pc:sldMk cId="2768933150" sldId="395"/>
            <ac:spMk id="7" creationId="{F791860C-E5DF-5741-810A-D2430EE626F0}"/>
          </ac:spMkLst>
        </pc:spChg>
        <pc:spChg chg="add del mod">
          <ac:chgData name="Daly Donnacha HSLU I" userId="0f22e960-400a-43ff-baeb-4828c8f5cd3a" providerId="ADAL" clId="{0BA1101D-93BB-474F-8A4D-62367F400F86}" dt="2021-03-18T09:22:16.178" v="15360"/>
          <ac:spMkLst>
            <pc:docMk/>
            <pc:sldMk cId="2768933150" sldId="395"/>
            <ac:spMk id="8" creationId="{6FAE5C3E-66C4-8F4A-92F8-73C8424C4325}"/>
          </ac:spMkLst>
        </pc:spChg>
        <pc:spChg chg="add del mod">
          <ac:chgData name="Daly Donnacha HSLU I" userId="0f22e960-400a-43ff-baeb-4828c8f5cd3a" providerId="ADAL" clId="{0BA1101D-93BB-474F-8A4D-62367F400F86}" dt="2021-03-18T09:22:16.178" v="15360"/>
          <ac:spMkLst>
            <pc:docMk/>
            <pc:sldMk cId="2768933150" sldId="395"/>
            <ac:spMk id="9" creationId="{3A0D8B30-299A-B145-B9A0-28AA213BAC0B}"/>
          </ac:spMkLst>
        </pc:spChg>
        <pc:spChg chg="add del mod">
          <ac:chgData name="Daly Donnacha HSLU I" userId="0f22e960-400a-43ff-baeb-4828c8f5cd3a" providerId="ADAL" clId="{0BA1101D-93BB-474F-8A4D-62367F400F86}" dt="2021-03-18T09:22:16.178" v="15360"/>
          <ac:spMkLst>
            <pc:docMk/>
            <pc:sldMk cId="2768933150" sldId="395"/>
            <ac:spMk id="10" creationId="{55B54FFE-30C3-4548-AE28-D8883FADDE12}"/>
          </ac:spMkLst>
        </pc:spChg>
        <pc:spChg chg="add del mod">
          <ac:chgData name="Daly Donnacha HSLU I" userId="0f22e960-400a-43ff-baeb-4828c8f5cd3a" providerId="ADAL" clId="{0BA1101D-93BB-474F-8A4D-62367F400F86}" dt="2021-03-18T09:22:16.178" v="15360"/>
          <ac:spMkLst>
            <pc:docMk/>
            <pc:sldMk cId="2768933150" sldId="395"/>
            <ac:spMk id="11" creationId="{ED332B89-4D26-1D48-ACE1-0595B12FB5BB}"/>
          </ac:spMkLst>
        </pc:spChg>
        <pc:spChg chg="add del mod">
          <ac:chgData name="Daly Donnacha HSLU I" userId="0f22e960-400a-43ff-baeb-4828c8f5cd3a" providerId="ADAL" clId="{0BA1101D-93BB-474F-8A4D-62367F400F86}" dt="2021-03-18T09:22:16.178" v="15360"/>
          <ac:spMkLst>
            <pc:docMk/>
            <pc:sldMk cId="2768933150" sldId="395"/>
            <ac:spMk id="12" creationId="{9FF0000F-04C7-A841-AD5D-F49C2B203653}"/>
          </ac:spMkLst>
        </pc:spChg>
        <pc:spChg chg="add del mod">
          <ac:chgData name="Daly Donnacha HSLU I" userId="0f22e960-400a-43ff-baeb-4828c8f5cd3a" providerId="ADAL" clId="{0BA1101D-93BB-474F-8A4D-62367F400F86}" dt="2021-03-18T09:22:16.178" v="15360"/>
          <ac:spMkLst>
            <pc:docMk/>
            <pc:sldMk cId="2768933150" sldId="395"/>
            <ac:spMk id="13" creationId="{CE10F3E7-52A2-4F41-AA68-CE2F231841FA}"/>
          </ac:spMkLst>
        </pc:spChg>
        <pc:spChg chg="add del mod">
          <ac:chgData name="Daly Donnacha HSLU I" userId="0f22e960-400a-43ff-baeb-4828c8f5cd3a" providerId="ADAL" clId="{0BA1101D-93BB-474F-8A4D-62367F400F86}" dt="2021-03-18T09:22:16.178" v="15360"/>
          <ac:spMkLst>
            <pc:docMk/>
            <pc:sldMk cId="2768933150" sldId="395"/>
            <ac:spMk id="14" creationId="{953B4F0D-5265-B949-ABF8-B11E56704438}"/>
          </ac:spMkLst>
        </pc:spChg>
        <pc:spChg chg="add del mod">
          <ac:chgData name="Daly Donnacha HSLU I" userId="0f22e960-400a-43ff-baeb-4828c8f5cd3a" providerId="ADAL" clId="{0BA1101D-93BB-474F-8A4D-62367F400F86}" dt="2021-03-18T09:22:16.178" v="15360"/>
          <ac:spMkLst>
            <pc:docMk/>
            <pc:sldMk cId="2768933150" sldId="395"/>
            <ac:spMk id="15" creationId="{372264D3-E064-8A43-BA9B-C3F3FC3AF19B}"/>
          </ac:spMkLst>
        </pc:spChg>
        <pc:spChg chg="add del mod">
          <ac:chgData name="Daly Donnacha HSLU I" userId="0f22e960-400a-43ff-baeb-4828c8f5cd3a" providerId="ADAL" clId="{0BA1101D-93BB-474F-8A4D-62367F400F86}" dt="2021-03-18T09:22:16.178" v="15360"/>
          <ac:spMkLst>
            <pc:docMk/>
            <pc:sldMk cId="2768933150" sldId="395"/>
            <ac:spMk id="16" creationId="{057FA4EB-FA08-9C4D-94CD-F6B8E4956A28}"/>
          </ac:spMkLst>
        </pc:spChg>
        <pc:spChg chg="add del mod">
          <ac:chgData name="Daly Donnacha HSLU I" userId="0f22e960-400a-43ff-baeb-4828c8f5cd3a" providerId="ADAL" clId="{0BA1101D-93BB-474F-8A4D-62367F400F86}" dt="2021-03-18T09:22:16.178" v="15360"/>
          <ac:spMkLst>
            <pc:docMk/>
            <pc:sldMk cId="2768933150" sldId="395"/>
            <ac:spMk id="18" creationId="{45711DC3-F544-574F-B105-0289916613DD}"/>
          </ac:spMkLst>
        </pc:spChg>
        <pc:spChg chg="add del mod">
          <ac:chgData name="Daly Donnacha HSLU I" userId="0f22e960-400a-43ff-baeb-4828c8f5cd3a" providerId="ADAL" clId="{0BA1101D-93BB-474F-8A4D-62367F400F86}" dt="2021-03-18T09:22:16.178" v="15360"/>
          <ac:spMkLst>
            <pc:docMk/>
            <pc:sldMk cId="2768933150" sldId="395"/>
            <ac:spMk id="19" creationId="{7E40D168-F258-4448-AA9B-05962DEC6A28}"/>
          </ac:spMkLst>
        </pc:spChg>
        <pc:spChg chg="add del mod">
          <ac:chgData name="Daly Donnacha HSLU I" userId="0f22e960-400a-43ff-baeb-4828c8f5cd3a" providerId="ADAL" clId="{0BA1101D-93BB-474F-8A4D-62367F400F86}" dt="2021-03-18T09:22:16.178" v="15360"/>
          <ac:spMkLst>
            <pc:docMk/>
            <pc:sldMk cId="2768933150" sldId="395"/>
            <ac:spMk id="20" creationId="{41ED63B0-F5E7-FF42-99C1-721B47C074F0}"/>
          </ac:spMkLst>
        </pc:spChg>
        <pc:spChg chg="add del mod">
          <ac:chgData name="Daly Donnacha HSLU I" userId="0f22e960-400a-43ff-baeb-4828c8f5cd3a" providerId="ADAL" clId="{0BA1101D-93BB-474F-8A4D-62367F400F86}" dt="2021-03-18T09:22:16.178" v="15360"/>
          <ac:spMkLst>
            <pc:docMk/>
            <pc:sldMk cId="2768933150" sldId="395"/>
            <ac:spMk id="21" creationId="{1B06923C-E479-6749-933B-E1668A4F7C1C}"/>
          </ac:spMkLst>
        </pc:spChg>
        <pc:spChg chg="add del mod">
          <ac:chgData name="Daly Donnacha HSLU I" userId="0f22e960-400a-43ff-baeb-4828c8f5cd3a" providerId="ADAL" clId="{0BA1101D-93BB-474F-8A4D-62367F400F86}" dt="2021-03-18T09:22:16.178" v="15360"/>
          <ac:spMkLst>
            <pc:docMk/>
            <pc:sldMk cId="2768933150" sldId="395"/>
            <ac:spMk id="23" creationId="{7EBF0A46-1BEC-AE43-844C-16999BFA0988}"/>
          </ac:spMkLst>
        </pc:spChg>
        <pc:spChg chg="add del mod">
          <ac:chgData name="Daly Donnacha HSLU I" userId="0f22e960-400a-43ff-baeb-4828c8f5cd3a" providerId="ADAL" clId="{0BA1101D-93BB-474F-8A4D-62367F400F86}" dt="2021-03-18T09:22:16.178" v="15360"/>
          <ac:spMkLst>
            <pc:docMk/>
            <pc:sldMk cId="2768933150" sldId="395"/>
            <ac:spMk id="24" creationId="{14FE3013-EFD0-BE4E-AF88-2BE54B500460}"/>
          </ac:spMkLst>
        </pc:spChg>
        <pc:spChg chg="add mod">
          <ac:chgData name="Daly Donnacha HSLU I" userId="0f22e960-400a-43ff-baeb-4828c8f5cd3a" providerId="ADAL" clId="{0BA1101D-93BB-474F-8A4D-62367F400F86}" dt="2021-03-18T09:24:10.935" v="15378" actId="16959"/>
          <ac:spMkLst>
            <pc:docMk/>
            <pc:sldMk cId="2768933150" sldId="395"/>
            <ac:spMk id="25" creationId="{ABE9CEBC-7251-8149-825C-41919CBA3A2D}"/>
          </ac:spMkLst>
        </pc:spChg>
        <pc:spChg chg="add mod">
          <ac:chgData name="Daly Donnacha HSLU I" userId="0f22e960-400a-43ff-baeb-4828c8f5cd3a" providerId="ADAL" clId="{0BA1101D-93BB-474F-8A4D-62367F400F86}" dt="2021-03-18T09:24:06.831" v="15377" actId="16959"/>
          <ac:spMkLst>
            <pc:docMk/>
            <pc:sldMk cId="2768933150" sldId="395"/>
            <ac:spMk id="26" creationId="{326D2A84-A770-774A-9800-40642941A5D4}"/>
          </ac:spMkLst>
        </pc:spChg>
        <pc:spChg chg="add mod">
          <ac:chgData name="Daly Donnacha HSLU I" userId="0f22e960-400a-43ff-baeb-4828c8f5cd3a" providerId="ADAL" clId="{0BA1101D-93BB-474F-8A4D-62367F400F86}" dt="2021-03-18T09:22:38.751" v="15363" actId="1076"/>
          <ac:spMkLst>
            <pc:docMk/>
            <pc:sldMk cId="2768933150" sldId="395"/>
            <ac:spMk id="29" creationId="{AC55B419-A756-EE45-B593-6BC8849AD3C7}"/>
          </ac:spMkLst>
        </pc:spChg>
        <pc:spChg chg="add mod">
          <ac:chgData name="Daly Donnacha HSLU I" userId="0f22e960-400a-43ff-baeb-4828c8f5cd3a" providerId="ADAL" clId="{0BA1101D-93BB-474F-8A4D-62367F400F86}" dt="2021-03-18T09:22:38.751" v="15363" actId="1076"/>
          <ac:spMkLst>
            <pc:docMk/>
            <pc:sldMk cId="2768933150" sldId="395"/>
            <ac:spMk id="30" creationId="{E94F9B82-05B9-3E48-A952-8B9CC1B32644}"/>
          </ac:spMkLst>
        </pc:spChg>
        <pc:spChg chg="add mod">
          <ac:chgData name="Daly Donnacha HSLU I" userId="0f22e960-400a-43ff-baeb-4828c8f5cd3a" providerId="ADAL" clId="{0BA1101D-93BB-474F-8A4D-62367F400F86}" dt="2021-03-18T09:22:38.751" v="15363" actId="1076"/>
          <ac:spMkLst>
            <pc:docMk/>
            <pc:sldMk cId="2768933150" sldId="395"/>
            <ac:spMk id="31" creationId="{FBCC21DD-E3D5-B348-8C85-5468CC72931F}"/>
          </ac:spMkLst>
        </pc:spChg>
        <pc:spChg chg="add mod">
          <ac:chgData name="Daly Donnacha HSLU I" userId="0f22e960-400a-43ff-baeb-4828c8f5cd3a" providerId="ADAL" clId="{0BA1101D-93BB-474F-8A4D-62367F400F86}" dt="2021-03-18T09:22:38.751" v="15363" actId="1076"/>
          <ac:spMkLst>
            <pc:docMk/>
            <pc:sldMk cId="2768933150" sldId="395"/>
            <ac:spMk id="32" creationId="{15A17854-F6D2-0041-BD1E-6A8170C96CC4}"/>
          </ac:spMkLst>
        </pc:spChg>
        <pc:spChg chg="add mod">
          <ac:chgData name="Daly Donnacha HSLU I" userId="0f22e960-400a-43ff-baeb-4828c8f5cd3a" providerId="ADAL" clId="{0BA1101D-93BB-474F-8A4D-62367F400F86}" dt="2021-03-18T09:22:38.751" v="15363" actId="1076"/>
          <ac:spMkLst>
            <pc:docMk/>
            <pc:sldMk cId="2768933150" sldId="395"/>
            <ac:spMk id="33" creationId="{B1283689-1B19-134A-A616-8616BB8D0FD7}"/>
          </ac:spMkLst>
        </pc:spChg>
        <pc:spChg chg="add mod">
          <ac:chgData name="Daly Donnacha HSLU I" userId="0f22e960-400a-43ff-baeb-4828c8f5cd3a" providerId="ADAL" clId="{0BA1101D-93BB-474F-8A4D-62367F400F86}" dt="2021-03-18T09:22:38.751" v="15363" actId="1076"/>
          <ac:spMkLst>
            <pc:docMk/>
            <pc:sldMk cId="2768933150" sldId="395"/>
            <ac:spMk id="34" creationId="{0C75D5B2-F747-9942-9ECE-9BA1E6C51D95}"/>
          </ac:spMkLst>
        </pc:spChg>
        <pc:spChg chg="add mod">
          <ac:chgData name="Daly Donnacha HSLU I" userId="0f22e960-400a-43ff-baeb-4828c8f5cd3a" providerId="ADAL" clId="{0BA1101D-93BB-474F-8A4D-62367F400F86}" dt="2021-03-18T09:22:38.751" v="15363" actId="1076"/>
          <ac:spMkLst>
            <pc:docMk/>
            <pc:sldMk cId="2768933150" sldId="395"/>
            <ac:spMk id="35" creationId="{2DBADE67-E606-BD46-9F46-FF66BA927560}"/>
          </ac:spMkLst>
        </pc:spChg>
        <pc:spChg chg="add mod">
          <ac:chgData name="Daly Donnacha HSLU I" userId="0f22e960-400a-43ff-baeb-4828c8f5cd3a" providerId="ADAL" clId="{0BA1101D-93BB-474F-8A4D-62367F400F86}" dt="2021-03-18T09:22:38.751" v="15363" actId="1076"/>
          <ac:spMkLst>
            <pc:docMk/>
            <pc:sldMk cId="2768933150" sldId="395"/>
            <ac:spMk id="36" creationId="{8DDDCC26-33D0-5740-A6BC-5B299B4335CC}"/>
          </ac:spMkLst>
        </pc:spChg>
        <pc:spChg chg="add mod">
          <ac:chgData name="Daly Donnacha HSLU I" userId="0f22e960-400a-43ff-baeb-4828c8f5cd3a" providerId="ADAL" clId="{0BA1101D-93BB-474F-8A4D-62367F400F86}" dt="2021-03-18T09:22:38.751" v="15363" actId="1076"/>
          <ac:spMkLst>
            <pc:docMk/>
            <pc:sldMk cId="2768933150" sldId="395"/>
            <ac:spMk id="37" creationId="{C7ED4C77-04B3-634E-AFD6-10C0E35D7236}"/>
          </ac:spMkLst>
        </pc:spChg>
        <pc:spChg chg="add mod">
          <ac:chgData name="Daly Donnacha HSLU I" userId="0f22e960-400a-43ff-baeb-4828c8f5cd3a" providerId="ADAL" clId="{0BA1101D-93BB-474F-8A4D-62367F400F86}" dt="2021-03-18T09:22:38.751" v="15363" actId="1076"/>
          <ac:spMkLst>
            <pc:docMk/>
            <pc:sldMk cId="2768933150" sldId="395"/>
            <ac:spMk id="38" creationId="{184AA0AB-D53C-BC4D-81EF-646413216F17}"/>
          </ac:spMkLst>
        </pc:spChg>
        <pc:spChg chg="add mod">
          <ac:chgData name="Daly Donnacha HSLU I" userId="0f22e960-400a-43ff-baeb-4828c8f5cd3a" providerId="ADAL" clId="{0BA1101D-93BB-474F-8A4D-62367F400F86}" dt="2021-03-18T09:22:38.751" v="15363" actId="1076"/>
          <ac:spMkLst>
            <pc:docMk/>
            <pc:sldMk cId="2768933150" sldId="395"/>
            <ac:spMk id="40" creationId="{8D92031A-6D1D-274D-9E92-B54E5F789ECA}"/>
          </ac:spMkLst>
        </pc:spChg>
        <pc:spChg chg="add mod">
          <ac:chgData name="Daly Donnacha HSLU I" userId="0f22e960-400a-43ff-baeb-4828c8f5cd3a" providerId="ADAL" clId="{0BA1101D-93BB-474F-8A4D-62367F400F86}" dt="2021-03-18T09:22:38.751" v="15363" actId="1076"/>
          <ac:spMkLst>
            <pc:docMk/>
            <pc:sldMk cId="2768933150" sldId="395"/>
            <ac:spMk id="41" creationId="{C8FD8333-F19C-7B42-9B06-1B78B573F2EB}"/>
          </ac:spMkLst>
        </pc:spChg>
        <pc:spChg chg="add mod">
          <ac:chgData name="Daly Donnacha HSLU I" userId="0f22e960-400a-43ff-baeb-4828c8f5cd3a" providerId="ADAL" clId="{0BA1101D-93BB-474F-8A4D-62367F400F86}" dt="2021-03-18T09:22:38.751" v="15363" actId="1076"/>
          <ac:spMkLst>
            <pc:docMk/>
            <pc:sldMk cId="2768933150" sldId="395"/>
            <ac:spMk id="42" creationId="{13A6DBD2-2E10-FA4C-89A3-B301F5C527A1}"/>
          </ac:spMkLst>
        </pc:spChg>
        <pc:spChg chg="mod">
          <ac:chgData name="Daly Donnacha HSLU I" userId="0f22e960-400a-43ff-baeb-4828c8f5cd3a" providerId="ADAL" clId="{0BA1101D-93BB-474F-8A4D-62367F400F86}" dt="2021-03-18T09:22:31.463" v="15361"/>
          <ac:spMkLst>
            <pc:docMk/>
            <pc:sldMk cId="2768933150" sldId="395"/>
            <ac:spMk id="44" creationId="{BA144E1D-876D-E842-8F02-F4E94C540B94}"/>
          </ac:spMkLst>
        </pc:spChg>
        <pc:spChg chg="mod">
          <ac:chgData name="Daly Donnacha HSLU I" userId="0f22e960-400a-43ff-baeb-4828c8f5cd3a" providerId="ADAL" clId="{0BA1101D-93BB-474F-8A4D-62367F400F86}" dt="2021-03-18T09:22:31.463" v="15361"/>
          <ac:spMkLst>
            <pc:docMk/>
            <pc:sldMk cId="2768933150" sldId="395"/>
            <ac:spMk id="45" creationId="{8150CA55-2251-6040-9AB5-53E73279CA9A}"/>
          </ac:spMkLst>
        </pc:spChg>
        <pc:spChg chg="add mod">
          <ac:chgData name="Daly Donnacha HSLU I" userId="0f22e960-400a-43ff-baeb-4828c8f5cd3a" providerId="ADAL" clId="{0BA1101D-93BB-474F-8A4D-62367F400F86}" dt="2021-03-18T09:22:38.751" v="15363" actId="1076"/>
          <ac:spMkLst>
            <pc:docMk/>
            <pc:sldMk cId="2768933150" sldId="395"/>
            <ac:spMk id="46" creationId="{3EDB4BB6-1939-1848-B083-370CDBEDFA34}"/>
          </ac:spMkLst>
        </pc:spChg>
        <pc:spChg chg="add mod">
          <ac:chgData name="Daly Donnacha HSLU I" userId="0f22e960-400a-43ff-baeb-4828c8f5cd3a" providerId="ADAL" clId="{0BA1101D-93BB-474F-8A4D-62367F400F86}" dt="2021-03-18T09:22:38.751" v="15363" actId="1076"/>
          <ac:spMkLst>
            <pc:docMk/>
            <pc:sldMk cId="2768933150" sldId="395"/>
            <ac:spMk id="48" creationId="{BF9FA821-E1DD-BA4E-BE25-3ECBC073F0C5}"/>
          </ac:spMkLst>
        </pc:spChg>
        <pc:spChg chg="add mod">
          <ac:chgData name="Daly Donnacha HSLU I" userId="0f22e960-400a-43ff-baeb-4828c8f5cd3a" providerId="ADAL" clId="{0BA1101D-93BB-474F-8A4D-62367F400F86}" dt="2021-03-18T09:22:38.751" v="15363" actId="1076"/>
          <ac:spMkLst>
            <pc:docMk/>
            <pc:sldMk cId="2768933150" sldId="395"/>
            <ac:spMk id="49" creationId="{1DA9B381-2350-CE45-91A6-B91A93781442}"/>
          </ac:spMkLst>
        </pc:spChg>
        <pc:spChg chg="add del mod">
          <ac:chgData name="Daly Donnacha HSLU I" userId="0f22e960-400a-43ff-baeb-4828c8f5cd3a" providerId="ADAL" clId="{0BA1101D-93BB-474F-8A4D-62367F400F86}" dt="2021-03-18T09:24:21.958" v="15381" actId="478"/>
          <ac:spMkLst>
            <pc:docMk/>
            <pc:sldMk cId="2768933150" sldId="395"/>
            <ac:spMk id="50" creationId="{AD50362F-EDFE-EB4F-9099-A36BE7DF5481}"/>
          </ac:spMkLst>
        </pc:spChg>
        <pc:spChg chg="add mod">
          <ac:chgData name="Daly Donnacha HSLU I" userId="0f22e960-400a-43ff-baeb-4828c8f5cd3a" providerId="ADAL" clId="{0BA1101D-93BB-474F-8A4D-62367F400F86}" dt="2021-03-18T09:24:26.634" v="15382" actId="1076"/>
          <ac:spMkLst>
            <pc:docMk/>
            <pc:sldMk cId="2768933150" sldId="395"/>
            <ac:spMk id="51" creationId="{867EB076-C26F-4040-9542-5018888F48D5}"/>
          </ac:spMkLst>
        </pc:spChg>
        <pc:spChg chg="add mod">
          <ac:chgData name="Daly Donnacha HSLU I" userId="0f22e960-400a-43ff-baeb-4828c8f5cd3a" providerId="ADAL" clId="{0BA1101D-93BB-474F-8A4D-62367F400F86}" dt="2021-03-18T09:24:18.158" v="15379" actId="1076"/>
          <ac:spMkLst>
            <pc:docMk/>
            <pc:sldMk cId="2768933150" sldId="395"/>
            <ac:spMk id="52" creationId="{6DD79DDF-DC43-D74F-8467-980975D5F923}"/>
          </ac:spMkLst>
        </pc:spChg>
        <pc:spChg chg="add mod">
          <ac:chgData name="Daly Donnacha HSLU I" userId="0f22e960-400a-43ff-baeb-4828c8f5cd3a" providerId="ADAL" clId="{0BA1101D-93BB-474F-8A4D-62367F400F86}" dt="2021-03-18T09:28:22.198" v="15813" actId="20577"/>
          <ac:spMkLst>
            <pc:docMk/>
            <pc:sldMk cId="2768933150" sldId="395"/>
            <ac:spMk id="53" creationId="{E5743D57-4C6A-E040-9623-FB6E923F5EC5}"/>
          </ac:spMkLst>
        </pc:spChg>
        <pc:grpChg chg="add mod">
          <ac:chgData name="Daly Donnacha HSLU I" userId="0f22e960-400a-43ff-baeb-4828c8f5cd3a" providerId="ADAL" clId="{0BA1101D-93BB-474F-8A4D-62367F400F86}" dt="2021-03-18T09:22:38.751" v="15363" actId="1076"/>
          <ac:grpSpMkLst>
            <pc:docMk/>
            <pc:sldMk cId="2768933150" sldId="395"/>
            <ac:grpSpMk id="43" creationId="{D3B011BC-C3B8-5742-A2EF-D208F438F0E0}"/>
          </ac:grpSpMkLst>
        </pc:grpChg>
        <pc:cxnChg chg="add del mod">
          <ac:chgData name="Daly Donnacha HSLU I" userId="0f22e960-400a-43ff-baeb-4828c8f5cd3a" providerId="ADAL" clId="{0BA1101D-93BB-474F-8A4D-62367F400F86}" dt="2021-03-18T09:22:16.178" v="15360"/>
          <ac:cxnSpMkLst>
            <pc:docMk/>
            <pc:sldMk cId="2768933150" sldId="395"/>
            <ac:cxnSpMk id="5" creationId="{8A62A95D-642D-6240-B0F6-93FD31AB401F}"/>
          </ac:cxnSpMkLst>
        </pc:cxnChg>
        <pc:cxnChg chg="add del mod">
          <ac:chgData name="Daly Donnacha HSLU I" userId="0f22e960-400a-43ff-baeb-4828c8f5cd3a" providerId="ADAL" clId="{0BA1101D-93BB-474F-8A4D-62367F400F86}" dt="2021-03-18T09:22:16.178" v="15360"/>
          <ac:cxnSpMkLst>
            <pc:docMk/>
            <pc:sldMk cId="2768933150" sldId="395"/>
            <ac:cxnSpMk id="6" creationId="{7E526FFE-ED2B-AF41-B2D5-1C86E7B4FE2F}"/>
          </ac:cxnSpMkLst>
        </pc:cxnChg>
        <pc:cxnChg chg="add del mod">
          <ac:chgData name="Daly Donnacha HSLU I" userId="0f22e960-400a-43ff-baeb-4828c8f5cd3a" providerId="ADAL" clId="{0BA1101D-93BB-474F-8A4D-62367F400F86}" dt="2021-03-18T09:22:16.178" v="15360"/>
          <ac:cxnSpMkLst>
            <pc:docMk/>
            <pc:sldMk cId="2768933150" sldId="395"/>
            <ac:cxnSpMk id="17" creationId="{8381100C-79E9-0746-9F40-E7480CD08382}"/>
          </ac:cxnSpMkLst>
        </pc:cxnChg>
        <pc:cxnChg chg="add del mod">
          <ac:chgData name="Daly Donnacha HSLU I" userId="0f22e960-400a-43ff-baeb-4828c8f5cd3a" providerId="ADAL" clId="{0BA1101D-93BB-474F-8A4D-62367F400F86}" dt="2021-03-18T09:22:16.178" v="15360"/>
          <ac:cxnSpMkLst>
            <pc:docMk/>
            <pc:sldMk cId="2768933150" sldId="395"/>
            <ac:cxnSpMk id="22" creationId="{4B7AA76E-A56B-ED4C-A354-83AE5E7D026A}"/>
          </ac:cxnSpMkLst>
        </pc:cxnChg>
        <pc:cxnChg chg="add mod">
          <ac:chgData name="Daly Donnacha HSLU I" userId="0f22e960-400a-43ff-baeb-4828c8f5cd3a" providerId="ADAL" clId="{0BA1101D-93BB-474F-8A4D-62367F400F86}" dt="2021-03-18T09:22:38.751" v="15363" actId="1076"/>
          <ac:cxnSpMkLst>
            <pc:docMk/>
            <pc:sldMk cId="2768933150" sldId="395"/>
            <ac:cxnSpMk id="27" creationId="{80CBDE02-61AD-BF47-B308-DBCB3F02F514}"/>
          </ac:cxnSpMkLst>
        </pc:cxnChg>
        <pc:cxnChg chg="add mod">
          <ac:chgData name="Daly Donnacha HSLU I" userId="0f22e960-400a-43ff-baeb-4828c8f5cd3a" providerId="ADAL" clId="{0BA1101D-93BB-474F-8A4D-62367F400F86}" dt="2021-03-18T09:22:38.751" v="15363" actId="1076"/>
          <ac:cxnSpMkLst>
            <pc:docMk/>
            <pc:sldMk cId="2768933150" sldId="395"/>
            <ac:cxnSpMk id="28" creationId="{99EB8DD7-BD52-D248-9152-FC57F3197108}"/>
          </ac:cxnSpMkLst>
        </pc:cxnChg>
        <pc:cxnChg chg="add mod">
          <ac:chgData name="Daly Donnacha HSLU I" userId="0f22e960-400a-43ff-baeb-4828c8f5cd3a" providerId="ADAL" clId="{0BA1101D-93BB-474F-8A4D-62367F400F86}" dt="2021-03-18T09:22:38.751" v="15363" actId="1076"/>
          <ac:cxnSpMkLst>
            <pc:docMk/>
            <pc:sldMk cId="2768933150" sldId="395"/>
            <ac:cxnSpMk id="39" creationId="{9A61D752-BEE4-AB4F-9727-2FF3AE663E09}"/>
          </ac:cxnSpMkLst>
        </pc:cxnChg>
        <pc:cxnChg chg="add mod">
          <ac:chgData name="Daly Donnacha HSLU I" userId="0f22e960-400a-43ff-baeb-4828c8f5cd3a" providerId="ADAL" clId="{0BA1101D-93BB-474F-8A4D-62367F400F86}" dt="2021-03-18T09:22:38.751" v="15363" actId="1076"/>
          <ac:cxnSpMkLst>
            <pc:docMk/>
            <pc:sldMk cId="2768933150" sldId="395"/>
            <ac:cxnSpMk id="47" creationId="{B0A360A5-D2F2-E140-B74C-1E0CE1CF242A}"/>
          </ac:cxnSpMkLst>
        </pc:cxnChg>
      </pc:sldChg>
      <pc:sldChg chg="addSp delSp modSp add mod">
        <pc:chgData name="Daly Donnacha HSLU I" userId="0f22e960-400a-43ff-baeb-4828c8f5cd3a" providerId="ADAL" clId="{0BA1101D-93BB-474F-8A4D-62367F400F86}" dt="2021-03-18T09:39:42.618" v="16989" actId="1076"/>
        <pc:sldMkLst>
          <pc:docMk/>
          <pc:sldMk cId="1595430310" sldId="396"/>
        </pc:sldMkLst>
        <pc:spChg chg="mod">
          <ac:chgData name="Daly Donnacha HSLU I" userId="0f22e960-400a-43ff-baeb-4828c8f5cd3a" providerId="ADAL" clId="{0BA1101D-93BB-474F-8A4D-62367F400F86}" dt="2021-03-18T09:37:22.746" v="16951" actId="20577"/>
          <ac:spMkLst>
            <pc:docMk/>
            <pc:sldMk cId="1595430310" sldId="396"/>
            <ac:spMk id="2" creationId="{82F0B257-4687-EE49-85BE-2DAF84C89359}"/>
          </ac:spMkLst>
        </pc:spChg>
        <pc:spChg chg="add mod">
          <ac:chgData name="Daly Donnacha HSLU I" userId="0f22e960-400a-43ff-baeb-4828c8f5cd3a" providerId="ADAL" clId="{0BA1101D-93BB-474F-8A4D-62367F400F86}" dt="2021-03-18T09:32:26.217" v="16348" actId="207"/>
          <ac:spMkLst>
            <pc:docMk/>
            <pc:sldMk cId="1595430310" sldId="396"/>
            <ac:spMk id="3" creationId="{E2834223-136F-094E-A906-8E1DE32EA60E}"/>
          </ac:spMkLst>
        </pc:spChg>
        <pc:picChg chg="add mod">
          <ac:chgData name="Daly Donnacha HSLU I" userId="0f22e960-400a-43ff-baeb-4828c8f5cd3a" providerId="ADAL" clId="{0BA1101D-93BB-474F-8A4D-62367F400F86}" dt="2021-03-18T09:36:37.217" v="16921" actId="14100"/>
          <ac:picMkLst>
            <pc:docMk/>
            <pc:sldMk cId="1595430310" sldId="396"/>
            <ac:picMk id="4" creationId="{8595F76E-291C-C84F-B7E0-D9A275E633EF}"/>
          </ac:picMkLst>
        </pc:picChg>
        <pc:picChg chg="add del mod">
          <ac:chgData name="Daly Donnacha HSLU I" userId="0f22e960-400a-43ff-baeb-4828c8f5cd3a" providerId="ADAL" clId="{0BA1101D-93BB-474F-8A4D-62367F400F86}" dt="2021-03-18T09:39:25.691" v="16983" actId="478"/>
          <ac:picMkLst>
            <pc:docMk/>
            <pc:sldMk cId="1595430310" sldId="396"/>
            <ac:picMk id="1026" creationId="{20739E1E-5395-634C-BBDA-AFB634350351}"/>
          </ac:picMkLst>
        </pc:picChg>
        <pc:picChg chg="add mod">
          <ac:chgData name="Daly Donnacha HSLU I" userId="0f22e960-400a-43ff-baeb-4828c8f5cd3a" providerId="ADAL" clId="{0BA1101D-93BB-474F-8A4D-62367F400F86}" dt="2021-03-18T09:39:42.618" v="16989" actId="1076"/>
          <ac:picMkLst>
            <pc:docMk/>
            <pc:sldMk cId="1595430310" sldId="396"/>
            <ac:picMk id="1028" creationId="{E19EA817-AEB5-9946-B2A4-E466C7F786CB}"/>
          </ac:picMkLst>
        </pc:picChg>
      </pc:sldChg>
      <pc:sldChg chg="addSp delSp modSp add mod">
        <pc:chgData name="Daly Donnacha HSLU I" userId="0f22e960-400a-43ff-baeb-4828c8f5cd3a" providerId="ADAL" clId="{0BA1101D-93BB-474F-8A4D-62367F400F86}" dt="2021-03-18T09:56:30.538" v="17803" actId="207"/>
        <pc:sldMkLst>
          <pc:docMk/>
          <pc:sldMk cId="2475344765" sldId="397"/>
        </pc:sldMkLst>
        <pc:spChg chg="mod">
          <ac:chgData name="Daly Donnacha HSLU I" userId="0f22e960-400a-43ff-baeb-4828c8f5cd3a" providerId="ADAL" clId="{0BA1101D-93BB-474F-8A4D-62367F400F86}" dt="2021-03-18T09:37:34.094" v="16976" actId="20577"/>
          <ac:spMkLst>
            <pc:docMk/>
            <pc:sldMk cId="2475344765" sldId="397"/>
            <ac:spMk id="2" creationId="{82F0B257-4687-EE49-85BE-2DAF84C89359}"/>
          </ac:spMkLst>
        </pc:spChg>
        <pc:spChg chg="add mod">
          <ac:chgData name="Daly Donnacha HSLU I" userId="0f22e960-400a-43ff-baeb-4828c8f5cd3a" providerId="ADAL" clId="{0BA1101D-93BB-474F-8A4D-62367F400F86}" dt="2021-03-18T09:56:30.538" v="17803" actId="207"/>
          <ac:spMkLst>
            <pc:docMk/>
            <pc:sldMk cId="2475344765" sldId="397"/>
            <ac:spMk id="3" creationId="{9CB0196B-E32F-9844-AC7E-FF349146C4A4}"/>
          </ac:spMkLst>
        </pc:spChg>
        <pc:spChg chg="add del">
          <ac:chgData name="Daly Donnacha HSLU I" userId="0f22e960-400a-43ff-baeb-4828c8f5cd3a" providerId="ADAL" clId="{0BA1101D-93BB-474F-8A4D-62367F400F86}" dt="2021-03-18T09:46:38.848" v="17544"/>
          <ac:spMkLst>
            <pc:docMk/>
            <pc:sldMk cId="2475344765" sldId="397"/>
            <ac:spMk id="4" creationId="{AED51BEB-4A99-4A46-A383-97213CA7445A}"/>
          </ac:spMkLst>
        </pc:spChg>
        <pc:spChg chg="add mod">
          <ac:chgData name="Daly Donnacha HSLU I" userId="0f22e960-400a-43ff-baeb-4828c8f5cd3a" providerId="ADAL" clId="{0BA1101D-93BB-474F-8A4D-62367F400F86}" dt="2021-03-18T09:49:07.907" v="17553"/>
          <ac:spMkLst>
            <pc:docMk/>
            <pc:sldMk cId="2475344765" sldId="397"/>
            <ac:spMk id="11" creationId="{1B91907E-1FD9-0449-86F9-1A25DE249DEC}"/>
          </ac:spMkLst>
        </pc:spChg>
        <pc:spChg chg="add mod">
          <ac:chgData name="Daly Donnacha HSLU I" userId="0f22e960-400a-43ff-baeb-4828c8f5cd3a" providerId="ADAL" clId="{0BA1101D-93BB-474F-8A4D-62367F400F86}" dt="2021-03-18T09:55:48.646" v="17793" actId="1076"/>
          <ac:spMkLst>
            <pc:docMk/>
            <pc:sldMk cId="2475344765" sldId="397"/>
            <ac:spMk id="12" creationId="{10E63553-07FD-5F46-90D2-A0132E497073}"/>
          </ac:spMkLst>
        </pc:spChg>
        <pc:picChg chg="add del mod">
          <ac:chgData name="Daly Donnacha HSLU I" userId="0f22e960-400a-43ff-baeb-4828c8f5cd3a" providerId="ADAL" clId="{0BA1101D-93BB-474F-8A4D-62367F400F86}" dt="2021-03-18T09:48:45.135" v="17551" actId="478"/>
          <ac:picMkLst>
            <pc:docMk/>
            <pc:sldMk cId="2475344765" sldId="397"/>
            <ac:picMk id="5" creationId="{0389FA2B-3B3A-9B4E-8AAA-41659216FEBE}"/>
          </ac:picMkLst>
        </pc:picChg>
        <pc:picChg chg="add mod">
          <ac:chgData name="Daly Donnacha HSLU I" userId="0f22e960-400a-43ff-baeb-4828c8f5cd3a" providerId="ADAL" clId="{0BA1101D-93BB-474F-8A4D-62367F400F86}" dt="2021-03-18T09:48:45.514" v="17552"/>
          <ac:picMkLst>
            <pc:docMk/>
            <pc:sldMk cId="2475344765" sldId="397"/>
            <ac:picMk id="6" creationId="{1FEB88B7-5CAD-E542-814C-D6700FDD97D4}"/>
          </ac:picMkLst>
        </pc:picChg>
        <pc:picChg chg="add mod">
          <ac:chgData name="Daly Donnacha HSLU I" userId="0f22e960-400a-43ff-baeb-4828c8f5cd3a" providerId="ADAL" clId="{0BA1101D-93BB-474F-8A4D-62367F400F86}" dt="2021-03-18T09:48:45.514" v="17552"/>
          <ac:picMkLst>
            <pc:docMk/>
            <pc:sldMk cId="2475344765" sldId="397"/>
            <ac:picMk id="7" creationId="{9D25E9C7-0EE1-464F-A6D5-F7D616010EC9}"/>
          </ac:picMkLst>
        </pc:picChg>
        <pc:cxnChg chg="add mod">
          <ac:chgData name="Daly Donnacha HSLU I" userId="0f22e960-400a-43ff-baeb-4828c8f5cd3a" providerId="ADAL" clId="{0BA1101D-93BB-474F-8A4D-62367F400F86}" dt="2021-03-18T09:48:45.514" v="17552"/>
          <ac:cxnSpMkLst>
            <pc:docMk/>
            <pc:sldMk cId="2475344765" sldId="397"/>
            <ac:cxnSpMk id="8" creationId="{B9BAB32D-D426-9746-A438-438149481BE5}"/>
          </ac:cxnSpMkLst>
        </pc:cxnChg>
        <pc:cxnChg chg="add mod">
          <ac:chgData name="Daly Donnacha HSLU I" userId="0f22e960-400a-43ff-baeb-4828c8f5cd3a" providerId="ADAL" clId="{0BA1101D-93BB-474F-8A4D-62367F400F86}" dt="2021-03-18T09:48:45.514" v="17552"/>
          <ac:cxnSpMkLst>
            <pc:docMk/>
            <pc:sldMk cId="2475344765" sldId="397"/>
            <ac:cxnSpMk id="9" creationId="{0E5D07A3-7963-114F-942B-A9816158A59B}"/>
          </ac:cxnSpMkLst>
        </pc:cxnChg>
        <pc:cxnChg chg="add mod">
          <ac:chgData name="Daly Donnacha HSLU I" userId="0f22e960-400a-43ff-baeb-4828c8f5cd3a" providerId="ADAL" clId="{0BA1101D-93BB-474F-8A4D-62367F400F86}" dt="2021-03-18T09:48:45.514" v="17552"/>
          <ac:cxnSpMkLst>
            <pc:docMk/>
            <pc:sldMk cId="2475344765" sldId="397"/>
            <ac:cxnSpMk id="10" creationId="{2C598B1D-DDE2-0F43-98CD-DA80B48A2939}"/>
          </ac:cxnSpMkLst>
        </pc:cxnChg>
      </pc:sldChg>
      <pc:sldChg chg="addSp delSp modSp new mod">
        <pc:chgData name="Daly Donnacha HSLU I" userId="0f22e960-400a-43ff-baeb-4828c8f5cd3a" providerId="ADAL" clId="{0BA1101D-93BB-474F-8A4D-62367F400F86}" dt="2021-03-17T17:46:40.374" v="9149" actId="14100"/>
        <pc:sldMkLst>
          <pc:docMk/>
          <pc:sldMk cId="405543068" sldId="398"/>
        </pc:sldMkLst>
        <pc:spChg chg="mod">
          <ac:chgData name="Daly Donnacha HSLU I" userId="0f22e960-400a-43ff-baeb-4828c8f5cd3a" providerId="ADAL" clId="{0BA1101D-93BB-474F-8A4D-62367F400F86}" dt="2021-03-16T18:54:11.205" v="5048" actId="20577"/>
          <ac:spMkLst>
            <pc:docMk/>
            <pc:sldMk cId="405543068" sldId="398"/>
            <ac:spMk id="2" creationId="{99D63809-DC4A-5D47-AB6D-CEBEFD984B83}"/>
          </ac:spMkLst>
        </pc:spChg>
        <pc:spChg chg="add del mod">
          <ac:chgData name="Daly Donnacha HSLU I" userId="0f22e960-400a-43ff-baeb-4828c8f5cd3a" providerId="ADAL" clId="{0BA1101D-93BB-474F-8A4D-62367F400F86}" dt="2021-03-16T18:55:12.782" v="5055" actId="21"/>
          <ac:spMkLst>
            <pc:docMk/>
            <pc:sldMk cId="405543068" sldId="398"/>
            <ac:spMk id="3" creationId="{C91968B1-226B-704C-92CC-31B809B7B338}"/>
          </ac:spMkLst>
        </pc:spChg>
        <pc:spChg chg="add mod">
          <ac:chgData name="Daly Donnacha HSLU I" userId="0f22e960-400a-43ff-baeb-4828c8f5cd3a" providerId="ADAL" clId="{0BA1101D-93BB-474F-8A4D-62367F400F86}" dt="2021-03-16T19:13:34.856" v="5543" actId="114"/>
          <ac:spMkLst>
            <pc:docMk/>
            <pc:sldMk cId="405543068" sldId="398"/>
            <ac:spMk id="4" creationId="{0EDE1383-E9A8-DA4F-B347-52FFFD398532}"/>
          </ac:spMkLst>
        </pc:spChg>
        <pc:spChg chg="add mod">
          <ac:chgData name="Daly Donnacha HSLU I" userId="0f22e960-400a-43ff-baeb-4828c8f5cd3a" providerId="ADAL" clId="{0BA1101D-93BB-474F-8A4D-62367F400F86}" dt="2021-03-17T17:46:40.374" v="9149" actId="14100"/>
          <ac:spMkLst>
            <pc:docMk/>
            <pc:sldMk cId="405543068" sldId="398"/>
            <ac:spMk id="5" creationId="{52036DA6-96E9-7847-9896-89B5634BDA59}"/>
          </ac:spMkLst>
        </pc:spChg>
        <pc:spChg chg="add mod">
          <ac:chgData name="Daly Donnacha HSLU I" userId="0f22e960-400a-43ff-baeb-4828c8f5cd3a" providerId="ADAL" clId="{0BA1101D-93BB-474F-8A4D-62367F400F86}" dt="2021-03-16T19:25:17.692" v="5673" actId="14100"/>
          <ac:spMkLst>
            <pc:docMk/>
            <pc:sldMk cId="405543068" sldId="398"/>
            <ac:spMk id="6" creationId="{7F98A6DC-7FCA-6143-953C-5491071918B8}"/>
          </ac:spMkLst>
        </pc:spChg>
        <pc:spChg chg="add del mod">
          <ac:chgData name="Daly Donnacha HSLU I" userId="0f22e960-400a-43ff-baeb-4828c8f5cd3a" providerId="ADAL" clId="{0BA1101D-93BB-474F-8A4D-62367F400F86}" dt="2021-03-16T19:17:37.939" v="5575" actId="478"/>
          <ac:spMkLst>
            <pc:docMk/>
            <pc:sldMk cId="405543068" sldId="398"/>
            <ac:spMk id="7" creationId="{76C0D6AE-3F66-8E40-9C24-795F1AF9C38F}"/>
          </ac:spMkLst>
        </pc:spChg>
        <pc:spChg chg="add mod">
          <ac:chgData name="Daly Donnacha HSLU I" userId="0f22e960-400a-43ff-baeb-4828c8f5cd3a" providerId="ADAL" clId="{0BA1101D-93BB-474F-8A4D-62367F400F86}" dt="2021-03-16T19:25:12.029" v="5671" actId="14100"/>
          <ac:spMkLst>
            <pc:docMk/>
            <pc:sldMk cId="405543068" sldId="398"/>
            <ac:spMk id="8" creationId="{5A48B22D-0F2F-F64D-B281-805B68291E70}"/>
          </ac:spMkLst>
        </pc:spChg>
        <pc:spChg chg="add mod">
          <ac:chgData name="Daly Donnacha HSLU I" userId="0f22e960-400a-43ff-baeb-4828c8f5cd3a" providerId="ADAL" clId="{0BA1101D-93BB-474F-8A4D-62367F400F86}" dt="2021-03-17T06:42:52.994" v="7342" actId="14100"/>
          <ac:spMkLst>
            <pc:docMk/>
            <pc:sldMk cId="405543068" sldId="398"/>
            <ac:spMk id="9" creationId="{1116CAAC-1E30-FB48-AE55-0A0F3B44B336}"/>
          </ac:spMkLst>
        </pc:spChg>
      </pc:sldChg>
      <pc:sldChg chg="addSp delSp modSp add mod">
        <pc:chgData name="Daly Donnacha HSLU I" userId="0f22e960-400a-43ff-baeb-4828c8f5cd3a" providerId="ADAL" clId="{0BA1101D-93BB-474F-8A4D-62367F400F86}" dt="2021-03-18T13:24:10.607" v="17994" actId="6549"/>
        <pc:sldMkLst>
          <pc:docMk/>
          <pc:sldMk cId="87034327" sldId="399"/>
        </pc:sldMkLst>
        <pc:spChg chg="mod">
          <ac:chgData name="Daly Donnacha HSLU I" userId="0f22e960-400a-43ff-baeb-4828c8f5cd3a" providerId="ADAL" clId="{0BA1101D-93BB-474F-8A4D-62367F400F86}" dt="2021-03-17T18:35:04.565" v="10114" actId="20577"/>
          <ac:spMkLst>
            <pc:docMk/>
            <pc:sldMk cId="87034327" sldId="399"/>
            <ac:spMk id="2" creationId="{B69ED92C-88CB-BD4F-8B7E-760B3ABEE5AA}"/>
          </ac:spMkLst>
        </pc:spChg>
        <pc:spChg chg="del">
          <ac:chgData name="Daly Donnacha HSLU I" userId="0f22e960-400a-43ff-baeb-4828c8f5cd3a" providerId="ADAL" clId="{0BA1101D-93BB-474F-8A4D-62367F400F86}" dt="2021-03-17T18:37:01.020" v="10147" actId="478"/>
          <ac:spMkLst>
            <pc:docMk/>
            <pc:sldMk cId="87034327" sldId="399"/>
            <ac:spMk id="16" creationId="{5B0F94C6-6E30-954D-ADC8-FCF9A4C9CEDA}"/>
          </ac:spMkLst>
        </pc:spChg>
        <pc:spChg chg="mod">
          <ac:chgData name="Daly Donnacha HSLU I" userId="0f22e960-400a-43ff-baeb-4828c8f5cd3a" providerId="ADAL" clId="{0BA1101D-93BB-474F-8A4D-62367F400F86}" dt="2021-03-17T18:38:03.750" v="10159" actId="1076"/>
          <ac:spMkLst>
            <pc:docMk/>
            <pc:sldMk cId="87034327" sldId="399"/>
            <ac:spMk id="17" creationId="{19839008-E7AF-8B40-A4A8-F7C984D74205}"/>
          </ac:spMkLst>
        </pc:spChg>
        <pc:spChg chg="del">
          <ac:chgData name="Daly Donnacha HSLU I" userId="0f22e960-400a-43ff-baeb-4828c8f5cd3a" providerId="ADAL" clId="{0BA1101D-93BB-474F-8A4D-62367F400F86}" dt="2021-03-17T18:37:20.678" v="10150" actId="478"/>
          <ac:spMkLst>
            <pc:docMk/>
            <pc:sldMk cId="87034327" sldId="399"/>
            <ac:spMk id="18" creationId="{46B5EDC8-28FE-EC40-98A5-1F277E0E6248}"/>
          </ac:spMkLst>
        </pc:spChg>
        <pc:spChg chg="del">
          <ac:chgData name="Daly Donnacha HSLU I" userId="0f22e960-400a-43ff-baeb-4828c8f5cd3a" providerId="ADAL" clId="{0BA1101D-93BB-474F-8A4D-62367F400F86}" dt="2021-03-17T18:36:56.918" v="10146" actId="478"/>
          <ac:spMkLst>
            <pc:docMk/>
            <pc:sldMk cId="87034327" sldId="399"/>
            <ac:spMk id="19" creationId="{4D8AEF39-890C-6141-9E3B-7AFACB076B60}"/>
          </ac:spMkLst>
        </pc:spChg>
        <pc:spChg chg="del">
          <ac:chgData name="Daly Donnacha HSLU I" userId="0f22e960-400a-43ff-baeb-4828c8f5cd3a" providerId="ADAL" clId="{0BA1101D-93BB-474F-8A4D-62367F400F86}" dt="2021-03-17T18:36:56.918" v="10146" actId="478"/>
          <ac:spMkLst>
            <pc:docMk/>
            <pc:sldMk cId="87034327" sldId="399"/>
            <ac:spMk id="20" creationId="{8EB59D65-93E8-EF46-9CC4-86768CEB8AAA}"/>
          </ac:spMkLst>
        </pc:spChg>
        <pc:spChg chg="del">
          <ac:chgData name="Daly Donnacha HSLU I" userId="0f22e960-400a-43ff-baeb-4828c8f5cd3a" providerId="ADAL" clId="{0BA1101D-93BB-474F-8A4D-62367F400F86}" dt="2021-03-17T18:37:20.678" v="10150" actId="478"/>
          <ac:spMkLst>
            <pc:docMk/>
            <pc:sldMk cId="87034327" sldId="399"/>
            <ac:spMk id="21" creationId="{551B4C58-C96B-8C49-9451-53E36125F475}"/>
          </ac:spMkLst>
        </pc:spChg>
        <pc:spChg chg="add del">
          <ac:chgData name="Daly Donnacha HSLU I" userId="0f22e960-400a-43ff-baeb-4828c8f5cd3a" providerId="ADAL" clId="{0BA1101D-93BB-474F-8A4D-62367F400F86}" dt="2021-03-17T18:37:49.998" v="10158" actId="478"/>
          <ac:spMkLst>
            <pc:docMk/>
            <pc:sldMk cId="87034327" sldId="399"/>
            <ac:spMk id="23" creationId="{65CDE4F7-6083-224C-9B28-BEEDC5F71E18}"/>
          </ac:spMkLst>
        </pc:spChg>
        <pc:spChg chg="del">
          <ac:chgData name="Daly Donnacha HSLU I" userId="0f22e960-400a-43ff-baeb-4828c8f5cd3a" providerId="ADAL" clId="{0BA1101D-93BB-474F-8A4D-62367F400F86}" dt="2021-03-17T18:37:20.678" v="10150" actId="478"/>
          <ac:spMkLst>
            <pc:docMk/>
            <pc:sldMk cId="87034327" sldId="399"/>
            <ac:spMk id="24" creationId="{DF9112C9-022F-8042-810F-CE7F5B1E0761}"/>
          </ac:spMkLst>
        </pc:spChg>
        <pc:spChg chg="del">
          <ac:chgData name="Daly Donnacha HSLU I" userId="0f22e960-400a-43ff-baeb-4828c8f5cd3a" providerId="ADAL" clId="{0BA1101D-93BB-474F-8A4D-62367F400F86}" dt="2021-03-17T18:36:56.918" v="10146" actId="478"/>
          <ac:spMkLst>
            <pc:docMk/>
            <pc:sldMk cId="87034327" sldId="399"/>
            <ac:spMk id="30" creationId="{3E5B9DBB-6B8B-7044-A61F-146EDFD19C91}"/>
          </ac:spMkLst>
        </pc:spChg>
        <pc:spChg chg="add del mod">
          <ac:chgData name="Daly Donnacha HSLU I" userId="0f22e960-400a-43ff-baeb-4828c8f5cd3a" providerId="ADAL" clId="{0BA1101D-93BB-474F-8A4D-62367F400F86}" dt="2021-03-17T18:38:35.730" v="10161" actId="1076"/>
          <ac:spMkLst>
            <pc:docMk/>
            <pc:sldMk cId="87034327" sldId="399"/>
            <ac:spMk id="31" creationId="{53F33762-7C31-A645-8EA5-F37E4E18139A}"/>
          </ac:spMkLst>
        </pc:spChg>
        <pc:spChg chg="mod">
          <ac:chgData name="Daly Donnacha HSLU I" userId="0f22e960-400a-43ff-baeb-4828c8f5cd3a" providerId="ADAL" clId="{0BA1101D-93BB-474F-8A4D-62367F400F86}" dt="2021-03-17T18:38:39.276" v="10162" actId="1076"/>
          <ac:spMkLst>
            <pc:docMk/>
            <pc:sldMk cId="87034327" sldId="399"/>
            <ac:spMk id="32" creationId="{3C77A09C-91D2-FE42-8CBE-91F6D4E90A32}"/>
          </ac:spMkLst>
        </pc:spChg>
        <pc:spChg chg="mod">
          <ac:chgData name="Daly Donnacha HSLU I" userId="0f22e960-400a-43ff-baeb-4828c8f5cd3a" providerId="ADAL" clId="{0BA1101D-93BB-474F-8A4D-62367F400F86}" dt="2021-03-18T13:23:40.853" v="17988" actId="20577"/>
          <ac:spMkLst>
            <pc:docMk/>
            <pc:sldMk cId="87034327" sldId="399"/>
            <ac:spMk id="33" creationId="{D1B19A98-52F8-F742-80CF-247030CD21F5}"/>
          </ac:spMkLst>
        </pc:spChg>
        <pc:spChg chg="del">
          <ac:chgData name="Daly Donnacha HSLU I" userId="0f22e960-400a-43ff-baeb-4828c8f5cd3a" providerId="ADAL" clId="{0BA1101D-93BB-474F-8A4D-62367F400F86}" dt="2021-03-17T18:35:23.503" v="10119" actId="478"/>
          <ac:spMkLst>
            <pc:docMk/>
            <pc:sldMk cId="87034327" sldId="399"/>
            <ac:spMk id="34" creationId="{5137F6AA-A9BB-294C-8131-A3FA3085FBC0}"/>
          </ac:spMkLst>
        </pc:spChg>
        <pc:spChg chg="del">
          <ac:chgData name="Daly Donnacha HSLU I" userId="0f22e960-400a-43ff-baeb-4828c8f5cd3a" providerId="ADAL" clId="{0BA1101D-93BB-474F-8A4D-62367F400F86}" dt="2021-03-17T18:35:13.925" v="10117" actId="478"/>
          <ac:spMkLst>
            <pc:docMk/>
            <pc:sldMk cId="87034327" sldId="399"/>
            <ac:spMk id="37" creationId="{6D2C6923-E45C-7241-A4A1-5A736EFE1A9E}"/>
          </ac:spMkLst>
        </pc:spChg>
        <pc:spChg chg="del">
          <ac:chgData name="Daly Donnacha HSLU I" userId="0f22e960-400a-43ff-baeb-4828c8f5cd3a" providerId="ADAL" clId="{0BA1101D-93BB-474F-8A4D-62367F400F86}" dt="2021-03-17T18:35:12.063" v="10116" actId="478"/>
          <ac:spMkLst>
            <pc:docMk/>
            <pc:sldMk cId="87034327" sldId="399"/>
            <ac:spMk id="38" creationId="{4C236450-2F5B-3E41-B935-60130EBA6069}"/>
          </ac:spMkLst>
        </pc:spChg>
        <pc:spChg chg="del">
          <ac:chgData name="Daly Donnacha HSLU I" userId="0f22e960-400a-43ff-baeb-4828c8f5cd3a" providerId="ADAL" clId="{0BA1101D-93BB-474F-8A4D-62367F400F86}" dt="2021-03-17T18:35:21.827" v="10118" actId="478"/>
          <ac:spMkLst>
            <pc:docMk/>
            <pc:sldMk cId="87034327" sldId="399"/>
            <ac:spMk id="41" creationId="{762862F0-D35E-674A-B5C8-BCEC56A9E5EB}"/>
          </ac:spMkLst>
        </pc:spChg>
        <pc:spChg chg="add del mod">
          <ac:chgData name="Daly Donnacha HSLU I" userId="0f22e960-400a-43ff-baeb-4828c8f5cd3a" providerId="ADAL" clId="{0BA1101D-93BB-474F-8A4D-62367F400F86}" dt="2021-03-17T18:39:43.346" v="10169"/>
          <ac:spMkLst>
            <pc:docMk/>
            <pc:sldMk cId="87034327" sldId="399"/>
            <ac:spMk id="42" creationId="{C9088FD6-33E3-E748-A923-CD0E7352C3CD}"/>
          </ac:spMkLst>
        </pc:spChg>
        <pc:spChg chg="add mod">
          <ac:chgData name="Daly Donnacha HSLU I" userId="0f22e960-400a-43ff-baeb-4828c8f5cd3a" providerId="ADAL" clId="{0BA1101D-93BB-474F-8A4D-62367F400F86}" dt="2021-03-17T18:47:59.766" v="10281" actId="20577"/>
          <ac:spMkLst>
            <pc:docMk/>
            <pc:sldMk cId="87034327" sldId="399"/>
            <ac:spMk id="43" creationId="{02F2F152-E8E9-1649-9361-3E081F56D727}"/>
          </ac:spMkLst>
        </pc:spChg>
        <pc:spChg chg="add mod">
          <ac:chgData name="Daly Donnacha HSLU I" userId="0f22e960-400a-43ff-baeb-4828c8f5cd3a" providerId="ADAL" clId="{0BA1101D-93BB-474F-8A4D-62367F400F86}" dt="2021-03-17T18:48:24.382" v="10288" actId="20577"/>
          <ac:spMkLst>
            <pc:docMk/>
            <pc:sldMk cId="87034327" sldId="399"/>
            <ac:spMk id="44" creationId="{CF16EEC7-B244-F04E-A03A-44222C1B30D4}"/>
          </ac:spMkLst>
        </pc:spChg>
        <pc:spChg chg="add mod">
          <ac:chgData name="Daly Donnacha HSLU I" userId="0f22e960-400a-43ff-baeb-4828c8f5cd3a" providerId="ADAL" clId="{0BA1101D-93BB-474F-8A4D-62367F400F86}" dt="2021-03-17T18:48:29.709" v="10289" actId="1076"/>
          <ac:spMkLst>
            <pc:docMk/>
            <pc:sldMk cId="87034327" sldId="399"/>
            <ac:spMk id="45" creationId="{9C2BC0C3-1B4E-2245-BD80-5CB2F8B3BB86}"/>
          </ac:spMkLst>
        </pc:spChg>
        <pc:spChg chg="add del mod">
          <ac:chgData name="Daly Donnacha HSLU I" userId="0f22e960-400a-43ff-baeb-4828c8f5cd3a" providerId="ADAL" clId="{0BA1101D-93BB-474F-8A4D-62367F400F86}" dt="2021-03-17T18:49:51.834" v="10293" actId="478"/>
          <ac:spMkLst>
            <pc:docMk/>
            <pc:sldMk cId="87034327" sldId="399"/>
            <ac:spMk id="46" creationId="{320CCA50-943E-4643-8FEF-6A7FB511C684}"/>
          </ac:spMkLst>
        </pc:spChg>
        <pc:spChg chg="add del mod">
          <ac:chgData name="Daly Donnacha HSLU I" userId="0f22e960-400a-43ff-baeb-4828c8f5cd3a" providerId="ADAL" clId="{0BA1101D-93BB-474F-8A4D-62367F400F86}" dt="2021-03-17T18:50:21.370" v="10298" actId="478"/>
          <ac:spMkLst>
            <pc:docMk/>
            <pc:sldMk cId="87034327" sldId="399"/>
            <ac:spMk id="47" creationId="{A6A3B375-ADFF-0D43-B549-6F92AB1C09C0}"/>
          </ac:spMkLst>
        </pc:spChg>
        <pc:spChg chg="add mod">
          <ac:chgData name="Daly Donnacha HSLU I" userId="0f22e960-400a-43ff-baeb-4828c8f5cd3a" providerId="ADAL" clId="{0BA1101D-93BB-474F-8A4D-62367F400F86}" dt="2021-03-17T19:15:56.862" v="10448" actId="20577"/>
          <ac:spMkLst>
            <pc:docMk/>
            <pc:sldMk cId="87034327" sldId="399"/>
            <ac:spMk id="48" creationId="{80E432F7-6F58-9442-8489-37559D9B1734}"/>
          </ac:spMkLst>
        </pc:spChg>
        <pc:spChg chg="add mod">
          <ac:chgData name="Daly Donnacha HSLU I" userId="0f22e960-400a-43ff-baeb-4828c8f5cd3a" providerId="ADAL" clId="{0BA1101D-93BB-474F-8A4D-62367F400F86}" dt="2021-03-18T13:24:10.607" v="17994" actId="6549"/>
          <ac:spMkLst>
            <pc:docMk/>
            <pc:sldMk cId="87034327" sldId="399"/>
            <ac:spMk id="49" creationId="{07C42893-CAC0-7E44-BD4D-FFC2FBC3AF6B}"/>
          </ac:spMkLst>
        </pc:spChg>
        <pc:spChg chg="add del mod">
          <ac:chgData name="Daly Donnacha HSLU I" userId="0f22e960-400a-43ff-baeb-4828c8f5cd3a" providerId="ADAL" clId="{0BA1101D-93BB-474F-8A4D-62367F400F86}" dt="2021-03-17T19:00:18.416" v="10383" actId="478"/>
          <ac:spMkLst>
            <pc:docMk/>
            <pc:sldMk cId="87034327" sldId="399"/>
            <ac:spMk id="50" creationId="{1D239084-AC0D-2B47-A936-C94E4BF23F4D}"/>
          </ac:spMkLst>
        </pc:spChg>
        <pc:picChg chg="del">
          <ac:chgData name="Daly Donnacha HSLU I" userId="0f22e960-400a-43ff-baeb-4828c8f5cd3a" providerId="ADAL" clId="{0BA1101D-93BB-474F-8A4D-62367F400F86}" dt="2021-03-17T18:35:09.062" v="10115" actId="478"/>
          <ac:picMkLst>
            <pc:docMk/>
            <pc:sldMk cId="87034327" sldId="399"/>
            <ac:picMk id="35" creationId="{3BE6549B-9EEA-8344-A188-57E1248EAA8F}"/>
          </ac:picMkLst>
        </pc:picChg>
        <pc:cxnChg chg="del">
          <ac:chgData name="Daly Donnacha HSLU I" userId="0f22e960-400a-43ff-baeb-4828c8f5cd3a" providerId="ADAL" clId="{0BA1101D-93BB-474F-8A4D-62367F400F86}" dt="2021-03-17T18:37:20.678" v="10150" actId="478"/>
          <ac:cxnSpMkLst>
            <pc:docMk/>
            <pc:sldMk cId="87034327" sldId="399"/>
            <ac:cxnSpMk id="3" creationId="{500A86F9-52DB-3C47-805C-7C0B3F744794}"/>
          </ac:cxnSpMkLst>
        </pc:cxnChg>
        <pc:cxnChg chg="del">
          <ac:chgData name="Daly Donnacha HSLU I" userId="0f22e960-400a-43ff-baeb-4828c8f5cd3a" providerId="ADAL" clId="{0BA1101D-93BB-474F-8A4D-62367F400F86}" dt="2021-03-17T18:37:20.678" v="10150" actId="478"/>
          <ac:cxnSpMkLst>
            <pc:docMk/>
            <pc:sldMk cId="87034327" sldId="399"/>
            <ac:cxnSpMk id="5" creationId="{418463B1-9CEE-7D4B-9663-CE2DDB2E2214}"/>
          </ac:cxnSpMkLst>
        </pc:cxnChg>
        <pc:cxnChg chg="del">
          <ac:chgData name="Daly Donnacha HSLU I" userId="0f22e960-400a-43ff-baeb-4828c8f5cd3a" providerId="ADAL" clId="{0BA1101D-93BB-474F-8A4D-62367F400F86}" dt="2021-03-17T18:37:20.678" v="10150" actId="478"/>
          <ac:cxnSpMkLst>
            <pc:docMk/>
            <pc:sldMk cId="87034327" sldId="399"/>
            <ac:cxnSpMk id="6" creationId="{D9388FDF-E2CB-9F42-84FA-639960F4D786}"/>
          </ac:cxnSpMkLst>
        </pc:cxnChg>
        <pc:cxnChg chg="mod">
          <ac:chgData name="Daly Donnacha HSLU I" userId="0f22e960-400a-43ff-baeb-4828c8f5cd3a" providerId="ADAL" clId="{0BA1101D-93BB-474F-8A4D-62367F400F86}" dt="2021-03-17T18:38:15.352" v="10160" actId="14100"/>
          <ac:cxnSpMkLst>
            <pc:docMk/>
            <pc:sldMk cId="87034327" sldId="399"/>
            <ac:cxnSpMk id="7" creationId="{611D1D56-8463-5E43-B6DD-5E822DD97AB9}"/>
          </ac:cxnSpMkLst>
        </pc:cxnChg>
        <pc:cxnChg chg="del">
          <ac:chgData name="Daly Donnacha HSLU I" userId="0f22e960-400a-43ff-baeb-4828c8f5cd3a" providerId="ADAL" clId="{0BA1101D-93BB-474F-8A4D-62367F400F86}" dt="2021-03-17T18:37:20.678" v="10150" actId="478"/>
          <ac:cxnSpMkLst>
            <pc:docMk/>
            <pc:sldMk cId="87034327" sldId="399"/>
            <ac:cxnSpMk id="8" creationId="{1D2F9B81-BD4C-1E46-91E3-9FB09FC26C2D}"/>
          </ac:cxnSpMkLst>
        </pc:cxnChg>
        <pc:cxnChg chg="del">
          <ac:chgData name="Daly Donnacha HSLU I" userId="0f22e960-400a-43ff-baeb-4828c8f5cd3a" providerId="ADAL" clId="{0BA1101D-93BB-474F-8A4D-62367F400F86}" dt="2021-03-17T18:36:56.918" v="10146" actId="478"/>
          <ac:cxnSpMkLst>
            <pc:docMk/>
            <pc:sldMk cId="87034327" sldId="399"/>
            <ac:cxnSpMk id="9" creationId="{B1BFC6B4-1F56-6D4D-B3FC-4699B89BFAEC}"/>
          </ac:cxnSpMkLst>
        </pc:cxnChg>
        <pc:cxnChg chg="del mod">
          <ac:chgData name="Daly Donnacha HSLU I" userId="0f22e960-400a-43ff-baeb-4828c8f5cd3a" providerId="ADAL" clId="{0BA1101D-93BB-474F-8A4D-62367F400F86}" dt="2021-03-17T18:36:56.918" v="10146" actId="478"/>
          <ac:cxnSpMkLst>
            <pc:docMk/>
            <pc:sldMk cId="87034327" sldId="399"/>
            <ac:cxnSpMk id="10" creationId="{15962308-43A5-854A-BB7F-F35FED0924BF}"/>
          </ac:cxnSpMkLst>
        </pc:cxnChg>
        <pc:cxnChg chg="del">
          <ac:chgData name="Daly Donnacha HSLU I" userId="0f22e960-400a-43ff-baeb-4828c8f5cd3a" providerId="ADAL" clId="{0BA1101D-93BB-474F-8A4D-62367F400F86}" dt="2021-03-17T18:37:01.020" v="10147" actId="478"/>
          <ac:cxnSpMkLst>
            <pc:docMk/>
            <pc:sldMk cId="87034327" sldId="399"/>
            <ac:cxnSpMk id="25" creationId="{C81172D3-F1D1-F849-9594-245E5426186B}"/>
          </ac:cxnSpMkLst>
        </pc:cxnChg>
      </pc:sldChg>
      <pc:sldChg chg="addSp modSp add mod">
        <pc:chgData name="Daly Donnacha HSLU I" userId="0f22e960-400a-43ff-baeb-4828c8f5cd3a" providerId="ADAL" clId="{0BA1101D-93BB-474F-8A4D-62367F400F86}" dt="2021-03-18T13:36:14.274" v="18004" actId="1035"/>
        <pc:sldMkLst>
          <pc:docMk/>
          <pc:sldMk cId="4072855415" sldId="400"/>
        </pc:sldMkLst>
        <pc:spChg chg="mod">
          <ac:chgData name="Daly Donnacha HSLU I" userId="0f22e960-400a-43ff-baeb-4828c8f5cd3a" providerId="ADAL" clId="{0BA1101D-93BB-474F-8A4D-62367F400F86}" dt="2021-03-17T19:53:16.552" v="11135" actId="20577"/>
          <ac:spMkLst>
            <pc:docMk/>
            <pc:sldMk cId="4072855415" sldId="400"/>
            <ac:spMk id="2" creationId="{4912031F-D569-504C-9F52-C1DAEFFBA0F8}"/>
          </ac:spMkLst>
        </pc:spChg>
        <pc:spChg chg="mod">
          <ac:chgData name="Daly Donnacha HSLU I" userId="0f22e960-400a-43ff-baeb-4828c8f5cd3a" providerId="ADAL" clId="{0BA1101D-93BB-474F-8A4D-62367F400F86}" dt="2021-03-17T19:52:49.859" v="11105" actId="1076"/>
          <ac:spMkLst>
            <pc:docMk/>
            <pc:sldMk cId="4072855415" sldId="400"/>
            <ac:spMk id="3" creationId="{1A4A498B-85FD-FD4E-850A-DFC11D1F812A}"/>
          </ac:spMkLst>
        </pc:spChg>
        <pc:spChg chg="mod">
          <ac:chgData name="Daly Donnacha HSLU I" userId="0f22e960-400a-43ff-baeb-4828c8f5cd3a" providerId="ADAL" clId="{0BA1101D-93BB-474F-8A4D-62367F400F86}" dt="2021-03-17T19:52:45.714" v="11104" actId="20577"/>
          <ac:spMkLst>
            <pc:docMk/>
            <pc:sldMk cId="4072855415" sldId="400"/>
            <ac:spMk id="4" creationId="{5C7A0124-2D43-4A43-A340-BA80D4C73E23}"/>
          </ac:spMkLst>
        </pc:spChg>
        <pc:spChg chg="add mod">
          <ac:chgData name="Daly Donnacha HSLU I" userId="0f22e960-400a-43ff-baeb-4828c8f5cd3a" providerId="ADAL" clId="{0BA1101D-93BB-474F-8A4D-62367F400F86}" dt="2021-03-18T13:36:14.274" v="18004" actId="1035"/>
          <ac:spMkLst>
            <pc:docMk/>
            <pc:sldMk cId="4072855415" sldId="400"/>
            <ac:spMk id="6" creationId="{549ADAC8-1B77-1A48-8FB4-106102C53886}"/>
          </ac:spMkLst>
        </pc:spChg>
        <pc:spChg chg="add mod">
          <ac:chgData name="Daly Donnacha HSLU I" userId="0f22e960-400a-43ff-baeb-4828c8f5cd3a" providerId="ADAL" clId="{0BA1101D-93BB-474F-8A4D-62367F400F86}" dt="2021-03-18T13:36:14.274" v="18004" actId="1035"/>
          <ac:spMkLst>
            <pc:docMk/>
            <pc:sldMk cId="4072855415" sldId="400"/>
            <ac:spMk id="7" creationId="{EC069286-1044-D049-A476-208AB6EE958C}"/>
          </ac:spMkLst>
        </pc:spChg>
      </pc:sldChg>
      <pc:sldChg chg="addSp delSp modSp add mod">
        <pc:chgData name="Daly Donnacha HSLU I" userId="0f22e960-400a-43ff-baeb-4828c8f5cd3a" providerId="ADAL" clId="{0BA1101D-93BB-474F-8A4D-62367F400F86}" dt="2021-03-17T22:38:23.376" v="14719" actId="20577"/>
        <pc:sldMkLst>
          <pc:docMk/>
          <pc:sldMk cId="3095965448" sldId="401"/>
        </pc:sldMkLst>
        <pc:spChg chg="mod">
          <ac:chgData name="Daly Donnacha HSLU I" userId="0f22e960-400a-43ff-baeb-4828c8f5cd3a" providerId="ADAL" clId="{0BA1101D-93BB-474F-8A4D-62367F400F86}" dt="2021-03-17T22:27:10.364" v="14023" actId="6549"/>
          <ac:spMkLst>
            <pc:docMk/>
            <pc:sldMk cId="3095965448" sldId="401"/>
            <ac:spMk id="2" creationId="{7D29D3DB-7FF1-CA42-920B-52F12A95DE6E}"/>
          </ac:spMkLst>
        </pc:spChg>
        <pc:spChg chg="mod">
          <ac:chgData name="Daly Donnacha HSLU I" userId="0f22e960-400a-43ff-baeb-4828c8f5cd3a" providerId="ADAL" clId="{0BA1101D-93BB-474F-8A4D-62367F400F86}" dt="2021-03-17T22:28:05.899" v="14029" actId="207"/>
          <ac:spMkLst>
            <pc:docMk/>
            <pc:sldMk cId="3095965448" sldId="401"/>
            <ac:spMk id="4" creationId="{DF13DBFF-2EF3-674B-8BDB-F5DB310B26DB}"/>
          </ac:spMkLst>
        </pc:spChg>
        <pc:spChg chg="mod">
          <ac:chgData name="Daly Donnacha HSLU I" userId="0f22e960-400a-43ff-baeb-4828c8f5cd3a" providerId="ADAL" clId="{0BA1101D-93BB-474F-8A4D-62367F400F86}" dt="2021-03-17T22:27:48.241" v="14026" actId="207"/>
          <ac:spMkLst>
            <pc:docMk/>
            <pc:sldMk cId="3095965448" sldId="401"/>
            <ac:spMk id="5" creationId="{4EEE0167-99FD-1E4A-9835-AD4DFC8CA97A}"/>
          </ac:spMkLst>
        </pc:spChg>
        <pc:spChg chg="mod">
          <ac:chgData name="Daly Donnacha HSLU I" userId="0f22e960-400a-43ff-baeb-4828c8f5cd3a" providerId="ADAL" clId="{0BA1101D-93BB-474F-8A4D-62367F400F86}" dt="2021-03-17T22:37:17.813" v="14662" actId="14100"/>
          <ac:spMkLst>
            <pc:docMk/>
            <pc:sldMk cId="3095965448" sldId="401"/>
            <ac:spMk id="6" creationId="{4CB2B933-D96D-684C-98DE-4B13A8DBAF2D}"/>
          </ac:spMkLst>
        </pc:spChg>
        <pc:spChg chg="mod">
          <ac:chgData name="Daly Donnacha HSLU I" userId="0f22e960-400a-43ff-baeb-4828c8f5cd3a" providerId="ADAL" clId="{0BA1101D-93BB-474F-8A4D-62367F400F86}" dt="2021-03-17T22:27:48.241" v="14026" actId="207"/>
          <ac:spMkLst>
            <pc:docMk/>
            <pc:sldMk cId="3095965448" sldId="401"/>
            <ac:spMk id="7" creationId="{F9A9A03A-0A63-BC46-A04F-29F1AFA1C388}"/>
          </ac:spMkLst>
        </pc:spChg>
        <pc:spChg chg="del">
          <ac:chgData name="Daly Donnacha HSLU I" userId="0f22e960-400a-43ff-baeb-4828c8f5cd3a" providerId="ADAL" clId="{0BA1101D-93BB-474F-8A4D-62367F400F86}" dt="2021-03-17T22:28:15.663" v="14031" actId="478"/>
          <ac:spMkLst>
            <pc:docMk/>
            <pc:sldMk cId="3095965448" sldId="401"/>
            <ac:spMk id="8" creationId="{874BD02A-2CCB-2547-8AC4-4FA99468CE81}"/>
          </ac:spMkLst>
        </pc:spChg>
        <pc:spChg chg="del">
          <ac:chgData name="Daly Donnacha HSLU I" userId="0f22e960-400a-43ff-baeb-4828c8f5cd3a" providerId="ADAL" clId="{0BA1101D-93BB-474F-8A4D-62367F400F86}" dt="2021-03-17T22:28:15.663" v="14031" actId="478"/>
          <ac:spMkLst>
            <pc:docMk/>
            <pc:sldMk cId="3095965448" sldId="401"/>
            <ac:spMk id="11" creationId="{D081AF2B-CC4A-8946-AB6B-3B9B7EE4551E}"/>
          </ac:spMkLst>
        </pc:spChg>
        <pc:spChg chg="del">
          <ac:chgData name="Daly Donnacha HSLU I" userId="0f22e960-400a-43ff-baeb-4828c8f5cd3a" providerId="ADAL" clId="{0BA1101D-93BB-474F-8A4D-62367F400F86}" dt="2021-03-17T22:28:15.663" v="14031" actId="478"/>
          <ac:spMkLst>
            <pc:docMk/>
            <pc:sldMk cId="3095965448" sldId="401"/>
            <ac:spMk id="12" creationId="{0CF7C84A-3CC5-8446-9F4C-759EDE0D2F6B}"/>
          </ac:spMkLst>
        </pc:spChg>
        <pc:spChg chg="del">
          <ac:chgData name="Daly Donnacha HSLU I" userId="0f22e960-400a-43ff-baeb-4828c8f5cd3a" providerId="ADAL" clId="{0BA1101D-93BB-474F-8A4D-62367F400F86}" dt="2021-03-17T22:28:15.663" v="14031" actId="478"/>
          <ac:spMkLst>
            <pc:docMk/>
            <pc:sldMk cId="3095965448" sldId="401"/>
            <ac:spMk id="13" creationId="{CD5822A8-8B41-8049-8121-C2466CDFA7B4}"/>
          </ac:spMkLst>
        </pc:spChg>
        <pc:spChg chg="del">
          <ac:chgData name="Daly Donnacha HSLU I" userId="0f22e960-400a-43ff-baeb-4828c8f5cd3a" providerId="ADAL" clId="{0BA1101D-93BB-474F-8A4D-62367F400F86}" dt="2021-03-17T22:28:15.663" v="14031" actId="478"/>
          <ac:spMkLst>
            <pc:docMk/>
            <pc:sldMk cId="3095965448" sldId="401"/>
            <ac:spMk id="19" creationId="{C8DA4B04-B6A2-A544-95FF-F24612499ED7}"/>
          </ac:spMkLst>
        </pc:spChg>
        <pc:spChg chg="del">
          <ac:chgData name="Daly Donnacha HSLU I" userId="0f22e960-400a-43ff-baeb-4828c8f5cd3a" providerId="ADAL" clId="{0BA1101D-93BB-474F-8A4D-62367F400F86}" dt="2021-03-17T22:28:15.663" v="14031" actId="478"/>
          <ac:spMkLst>
            <pc:docMk/>
            <pc:sldMk cId="3095965448" sldId="401"/>
            <ac:spMk id="20" creationId="{CE97764A-A90E-D340-98D0-D1186F206402}"/>
          </ac:spMkLst>
        </pc:spChg>
        <pc:spChg chg="del">
          <ac:chgData name="Daly Donnacha HSLU I" userId="0f22e960-400a-43ff-baeb-4828c8f5cd3a" providerId="ADAL" clId="{0BA1101D-93BB-474F-8A4D-62367F400F86}" dt="2021-03-17T22:28:15.663" v="14031" actId="478"/>
          <ac:spMkLst>
            <pc:docMk/>
            <pc:sldMk cId="3095965448" sldId="401"/>
            <ac:spMk id="21" creationId="{48358171-128C-504C-A825-DBB74EFB3B16}"/>
          </ac:spMkLst>
        </pc:spChg>
        <pc:spChg chg="add mod">
          <ac:chgData name="Daly Donnacha HSLU I" userId="0f22e960-400a-43ff-baeb-4828c8f5cd3a" providerId="ADAL" clId="{0BA1101D-93BB-474F-8A4D-62367F400F86}" dt="2021-03-17T22:38:02.331" v="14700" actId="113"/>
          <ac:spMkLst>
            <pc:docMk/>
            <pc:sldMk cId="3095965448" sldId="401"/>
            <ac:spMk id="34" creationId="{53A2B874-223C-C048-A2AD-D7012F969B4E}"/>
          </ac:spMkLst>
        </pc:spChg>
        <pc:spChg chg="add mod">
          <ac:chgData name="Daly Donnacha HSLU I" userId="0f22e960-400a-43ff-baeb-4828c8f5cd3a" providerId="ADAL" clId="{0BA1101D-93BB-474F-8A4D-62367F400F86}" dt="2021-03-17T22:38:23.376" v="14719" actId="20577"/>
          <ac:spMkLst>
            <pc:docMk/>
            <pc:sldMk cId="3095965448" sldId="401"/>
            <ac:spMk id="36" creationId="{237B55BA-F45D-C443-8832-58DA6D84BEC4}"/>
          </ac:spMkLst>
        </pc:spChg>
        <pc:spChg chg="del">
          <ac:chgData name="Daly Donnacha HSLU I" userId="0f22e960-400a-43ff-baeb-4828c8f5cd3a" providerId="ADAL" clId="{0BA1101D-93BB-474F-8A4D-62367F400F86}" dt="2021-03-17T22:28:15.663" v="14031" actId="478"/>
          <ac:spMkLst>
            <pc:docMk/>
            <pc:sldMk cId="3095965448" sldId="401"/>
            <ac:spMk id="65" creationId="{702B32EF-6F25-8D4F-B0BE-968EBADF627C}"/>
          </ac:spMkLst>
        </pc:spChg>
        <pc:spChg chg="del">
          <ac:chgData name="Daly Donnacha HSLU I" userId="0f22e960-400a-43ff-baeb-4828c8f5cd3a" providerId="ADAL" clId="{0BA1101D-93BB-474F-8A4D-62367F400F86}" dt="2021-03-17T22:28:15.663" v="14031" actId="478"/>
          <ac:spMkLst>
            <pc:docMk/>
            <pc:sldMk cId="3095965448" sldId="401"/>
            <ac:spMk id="66" creationId="{3EBF21C6-2CCF-CE4F-B46C-9B370865724B}"/>
          </ac:spMkLst>
        </pc:spChg>
        <pc:cxnChg chg="del">
          <ac:chgData name="Daly Donnacha HSLU I" userId="0f22e960-400a-43ff-baeb-4828c8f5cd3a" providerId="ADAL" clId="{0BA1101D-93BB-474F-8A4D-62367F400F86}" dt="2021-03-17T22:28:15.663" v="14031" actId="478"/>
          <ac:cxnSpMkLst>
            <pc:docMk/>
            <pc:sldMk cId="3095965448" sldId="401"/>
            <ac:cxnSpMk id="9" creationId="{F7267B5B-27ED-3A40-A53E-594CED66C124}"/>
          </ac:cxnSpMkLst>
        </pc:cxnChg>
        <pc:cxnChg chg="del">
          <ac:chgData name="Daly Donnacha HSLU I" userId="0f22e960-400a-43ff-baeb-4828c8f5cd3a" providerId="ADAL" clId="{0BA1101D-93BB-474F-8A4D-62367F400F86}" dt="2021-03-17T22:28:15.663" v="14031" actId="478"/>
          <ac:cxnSpMkLst>
            <pc:docMk/>
            <pc:sldMk cId="3095965448" sldId="401"/>
            <ac:cxnSpMk id="10" creationId="{3A5778A7-B84B-2344-BC62-BCF2C5FDEF87}"/>
          </ac:cxnSpMkLst>
        </pc:cxnChg>
        <pc:cxnChg chg="del">
          <ac:chgData name="Daly Donnacha HSLU I" userId="0f22e960-400a-43ff-baeb-4828c8f5cd3a" providerId="ADAL" clId="{0BA1101D-93BB-474F-8A4D-62367F400F86}" dt="2021-03-17T22:28:15.663" v="14031" actId="478"/>
          <ac:cxnSpMkLst>
            <pc:docMk/>
            <pc:sldMk cId="3095965448" sldId="401"/>
            <ac:cxnSpMk id="17" creationId="{AA7882F1-6F83-0346-951F-75F6583951F0}"/>
          </ac:cxnSpMkLst>
        </pc:cxnChg>
        <pc:cxnChg chg="del">
          <ac:chgData name="Daly Donnacha HSLU I" userId="0f22e960-400a-43ff-baeb-4828c8f5cd3a" providerId="ADAL" clId="{0BA1101D-93BB-474F-8A4D-62367F400F86}" dt="2021-03-17T22:28:15.663" v="14031" actId="478"/>
          <ac:cxnSpMkLst>
            <pc:docMk/>
            <pc:sldMk cId="3095965448" sldId="401"/>
            <ac:cxnSpMk id="18" creationId="{26ECA9E2-92E9-2D4C-9E4D-D64D18330383}"/>
          </ac:cxnSpMkLst>
        </pc:cxnChg>
        <pc:cxnChg chg="del">
          <ac:chgData name="Daly Donnacha HSLU I" userId="0f22e960-400a-43ff-baeb-4828c8f5cd3a" providerId="ADAL" clId="{0BA1101D-93BB-474F-8A4D-62367F400F86}" dt="2021-03-17T22:28:15.663" v="14031" actId="478"/>
          <ac:cxnSpMkLst>
            <pc:docMk/>
            <pc:sldMk cId="3095965448" sldId="401"/>
            <ac:cxnSpMk id="22" creationId="{58090393-8D58-144D-8D55-C493C2CF63E2}"/>
          </ac:cxnSpMkLst>
        </pc:cxnChg>
        <pc:cxnChg chg="del">
          <ac:chgData name="Daly Donnacha HSLU I" userId="0f22e960-400a-43ff-baeb-4828c8f5cd3a" providerId="ADAL" clId="{0BA1101D-93BB-474F-8A4D-62367F400F86}" dt="2021-03-17T22:28:15.663" v="14031" actId="478"/>
          <ac:cxnSpMkLst>
            <pc:docMk/>
            <pc:sldMk cId="3095965448" sldId="401"/>
            <ac:cxnSpMk id="26" creationId="{936DFECF-91E0-4743-826D-E69FBBBE7984}"/>
          </ac:cxnSpMkLst>
        </pc:cxnChg>
        <pc:cxnChg chg="del">
          <ac:chgData name="Daly Donnacha HSLU I" userId="0f22e960-400a-43ff-baeb-4828c8f5cd3a" providerId="ADAL" clId="{0BA1101D-93BB-474F-8A4D-62367F400F86}" dt="2021-03-17T22:28:15.663" v="14031" actId="478"/>
          <ac:cxnSpMkLst>
            <pc:docMk/>
            <pc:sldMk cId="3095965448" sldId="401"/>
            <ac:cxnSpMk id="29" creationId="{01D86799-438D-DC4B-AD56-2DB71575359B}"/>
          </ac:cxnSpMkLst>
        </pc:cxnChg>
        <pc:cxnChg chg="del">
          <ac:chgData name="Daly Donnacha HSLU I" userId="0f22e960-400a-43ff-baeb-4828c8f5cd3a" providerId="ADAL" clId="{0BA1101D-93BB-474F-8A4D-62367F400F86}" dt="2021-03-17T22:28:15.663" v="14031" actId="478"/>
          <ac:cxnSpMkLst>
            <pc:docMk/>
            <pc:sldMk cId="3095965448" sldId="401"/>
            <ac:cxnSpMk id="32" creationId="{361999DA-E813-9548-8DB2-C2F768A0822D}"/>
          </ac:cxnSpMkLst>
        </pc:cxnChg>
        <pc:cxnChg chg="del">
          <ac:chgData name="Daly Donnacha HSLU I" userId="0f22e960-400a-43ff-baeb-4828c8f5cd3a" providerId="ADAL" clId="{0BA1101D-93BB-474F-8A4D-62367F400F86}" dt="2021-03-17T22:28:15.663" v="14031" actId="478"/>
          <ac:cxnSpMkLst>
            <pc:docMk/>
            <pc:sldMk cId="3095965448" sldId="401"/>
            <ac:cxnSpMk id="35" creationId="{7F428D2B-7E4E-AC49-87C2-5F05CEA33A9D}"/>
          </ac:cxnSpMkLst>
        </pc:cxnChg>
        <pc:cxnChg chg="del">
          <ac:chgData name="Daly Donnacha HSLU I" userId="0f22e960-400a-43ff-baeb-4828c8f5cd3a" providerId="ADAL" clId="{0BA1101D-93BB-474F-8A4D-62367F400F86}" dt="2021-03-17T22:28:15.663" v="14031" actId="478"/>
          <ac:cxnSpMkLst>
            <pc:docMk/>
            <pc:sldMk cId="3095965448" sldId="401"/>
            <ac:cxnSpMk id="38" creationId="{FDCCE1E9-6823-8746-844D-6A234F3D77E1}"/>
          </ac:cxnSpMkLst>
        </pc:cxnChg>
        <pc:cxnChg chg="del">
          <ac:chgData name="Daly Donnacha HSLU I" userId="0f22e960-400a-43ff-baeb-4828c8f5cd3a" providerId="ADAL" clId="{0BA1101D-93BB-474F-8A4D-62367F400F86}" dt="2021-03-17T22:28:15.663" v="14031" actId="478"/>
          <ac:cxnSpMkLst>
            <pc:docMk/>
            <pc:sldMk cId="3095965448" sldId="401"/>
            <ac:cxnSpMk id="41" creationId="{E67AE529-E1B2-924A-8590-98F11486F117}"/>
          </ac:cxnSpMkLst>
        </pc:cxnChg>
        <pc:cxnChg chg="del">
          <ac:chgData name="Daly Donnacha HSLU I" userId="0f22e960-400a-43ff-baeb-4828c8f5cd3a" providerId="ADAL" clId="{0BA1101D-93BB-474F-8A4D-62367F400F86}" dt="2021-03-17T22:28:15.663" v="14031" actId="478"/>
          <ac:cxnSpMkLst>
            <pc:docMk/>
            <pc:sldMk cId="3095965448" sldId="401"/>
            <ac:cxnSpMk id="44" creationId="{2311CA25-45F7-DB42-8671-97001150D5E2}"/>
          </ac:cxnSpMkLst>
        </pc:cxnChg>
        <pc:cxnChg chg="del">
          <ac:chgData name="Daly Donnacha HSLU I" userId="0f22e960-400a-43ff-baeb-4828c8f5cd3a" providerId="ADAL" clId="{0BA1101D-93BB-474F-8A4D-62367F400F86}" dt="2021-03-17T22:28:15.663" v="14031" actId="478"/>
          <ac:cxnSpMkLst>
            <pc:docMk/>
            <pc:sldMk cId="3095965448" sldId="401"/>
            <ac:cxnSpMk id="46" creationId="{87BCAF68-397C-0C49-8FA8-B933DFCF639C}"/>
          </ac:cxnSpMkLst>
        </pc:cxnChg>
        <pc:cxnChg chg="del">
          <ac:chgData name="Daly Donnacha HSLU I" userId="0f22e960-400a-43ff-baeb-4828c8f5cd3a" providerId="ADAL" clId="{0BA1101D-93BB-474F-8A4D-62367F400F86}" dt="2021-03-17T22:28:15.663" v="14031" actId="478"/>
          <ac:cxnSpMkLst>
            <pc:docMk/>
            <pc:sldMk cId="3095965448" sldId="401"/>
            <ac:cxnSpMk id="49" creationId="{546E2BD4-70B7-0049-A427-ABE3454F4BBF}"/>
          </ac:cxnSpMkLst>
        </pc:cxnChg>
        <pc:cxnChg chg="del">
          <ac:chgData name="Daly Donnacha HSLU I" userId="0f22e960-400a-43ff-baeb-4828c8f5cd3a" providerId="ADAL" clId="{0BA1101D-93BB-474F-8A4D-62367F400F86}" dt="2021-03-17T22:28:15.663" v="14031" actId="478"/>
          <ac:cxnSpMkLst>
            <pc:docMk/>
            <pc:sldMk cId="3095965448" sldId="401"/>
            <ac:cxnSpMk id="52" creationId="{6C89BC0A-6C47-5D46-A08D-63754E98468C}"/>
          </ac:cxnSpMkLst>
        </pc:cxnChg>
        <pc:cxnChg chg="del">
          <ac:chgData name="Daly Donnacha HSLU I" userId="0f22e960-400a-43ff-baeb-4828c8f5cd3a" providerId="ADAL" clId="{0BA1101D-93BB-474F-8A4D-62367F400F86}" dt="2021-03-17T22:28:15.663" v="14031" actId="478"/>
          <ac:cxnSpMkLst>
            <pc:docMk/>
            <pc:sldMk cId="3095965448" sldId="401"/>
            <ac:cxnSpMk id="56" creationId="{5FFFB7A5-61AF-764E-8662-1326A5245F39}"/>
          </ac:cxnSpMkLst>
        </pc:cxnChg>
        <pc:cxnChg chg="del">
          <ac:chgData name="Daly Donnacha HSLU I" userId="0f22e960-400a-43ff-baeb-4828c8f5cd3a" providerId="ADAL" clId="{0BA1101D-93BB-474F-8A4D-62367F400F86}" dt="2021-03-17T22:28:15.663" v="14031" actId="478"/>
          <ac:cxnSpMkLst>
            <pc:docMk/>
            <pc:sldMk cId="3095965448" sldId="401"/>
            <ac:cxnSpMk id="59" creationId="{ED2CA9CE-3D13-C84C-BF33-95A8A5282634}"/>
          </ac:cxnSpMkLst>
        </pc:cxnChg>
        <pc:cxnChg chg="del">
          <ac:chgData name="Daly Donnacha HSLU I" userId="0f22e960-400a-43ff-baeb-4828c8f5cd3a" providerId="ADAL" clId="{0BA1101D-93BB-474F-8A4D-62367F400F86}" dt="2021-03-17T22:28:15.663" v="14031" actId="478"/>
          <ac:cxnSpMkLst>
            <pc:docMk/>
            <pc:sldMk cId="3095965448" sldId="401"/>
            <ac:cxnSpMk id="62" creationId="{B0A0FB72-327F-4946-AAB7-CAC1E7361BAF}"/>
          </ac:cxnSpMkLst>
        </pc:cxnChg>
      </pc:sldChg>
      <pc:sldChg chg="new del">
        <pc:chgData name="Daly Donnacha HSLU I" userId="0f22e960-400a-43ff-baeb-4828c8f5cd3a" providerId="ADAL" clId="{0BA1101D-93BB-474F-8A4D-62367F400F86}" dt="2021-03-17T22:03:52.397" v="13475" actId="2696"/>
        <pc:sldMkLst>
          <pc:docMk/>
          <pc:sldMk cId="3578656781" sldId="401"/>
        </pc:sldMkLst>
      </pc:sldChg>
      <pc:sldChg chg="addSp delSp modSp new mod">
        <pc:chgData name="Daly Donnacha HSLU I" userId="0f22e960-400a-43ff-baeb-4828c8f5cd3a" providerId="ADAL" clId="{0BA1101D-93BB-474F-8A4D-62367F400F86}" dt="2021-03-18T09:06:46.090" v="14786" actId="14100"/>
        <pc:sldMkLst>
          <pc:docMk/>
          <pc:sldMk cId="81323440" sldId="402"/>
        </pc:sldMkLst>
        <pc:spChg chg="mod">
          <ac:chgData name="Daly Donnacha HSLU I" userId="0f22e960-400a-43ff-baeb-4828c8f5cd3a" providerId="ADAL" clId="{0BA1101D-93BB-474F-8A4D-62367F400F86}" dt="2021-03-18T08:46:15.510" v="14731" actId="20577"/>
          <ac:spMkLst>
            <pc:docMk/>
            <pc:sldMk cId="81323440" sldId="402"/>
            <ac:spMk id="2" creationId="{187C9C3B-5D83-E644-85EA-0C3816EA6EA7}"/>
          </ac:spMkLst>
        </pc:spChg>
        <pc:spChg chg="add del mod">
          <ac:chgData name="Daly Donnacha HSLU I" userId="0f22e960-400a-43ff-baeb-4828c8f5cd3a" providerId="ADAL" clId="{0BA1101D-93BB-474F-8A4D-62367F400F86}" dt="2021-03-18T08:50:45.766" v="14754" actId="478"/>
          <ac:spMkLst>
            <pc:docMk/>
            <pc:sldMk cId="81323440" sldId="402"/>
            <ac:spMk id="5" creationId="{A999CF94-5DF1-D040-A234-25F8ABDEE393}"/>
          </ac:spMkLst>
        </pc:spChg>
        <pc:picChg chg="add mod">
          <ac:chgData name="Daly Donnacha HSLU I" userId="0f22e960-400a-43ff-baeb-4828c8f5cd3a" providerId="ADAL" clId="{0BA1101D-93BB-474F-8A4D-62367F400F86}" dt="2021-03-18T08:47:56.900" v="14750" actId="1076"/>
          <ac:picMkLst>
            <pc:docMk/>
            <pc:sldMk cId="81323440" sldId="402"/>
            <ac:picMk id="3" creationId="{B14A34B7-1EC3-564F-B71C-1993F15C228D}"/>
          </ac:picMkLst>
        </pc:picChg>
        <pc:picChg chg="add mod">
          <ac:chgData name="Daly Donnacha HSLU I" userId="0f22e960-400a-43ff-baeb-4828c8f5cd3a" providerId="ADAL" clId="{0BA1101D-93BB-474F-8A4D-62367F400F86}" dt="2021-03-18T08:47:59.645" v="14751" actId="1076"/>
          <ac:picMkLst>
            <pc:docMk/>
            <pc:sldMk cId="81323440" sldId="402"/>
            <ac:picMk id="4" creationId="{6562C1AC-17F9-DE48-9A31-1201641AA11A}"/>
          </ac:picMkLst>
        </pc:picChg>
        <pc:picChg chg="add del mod">
          <ac:chgData name="Daly Donnacha HSLU I" userId="0f22e960-400a-43ff-baeb-4828c8f5cd3a" providerId="ADAL" clId="{0BA1101D-93BB-474F-8A4D-62367F400F86}" dt="2021-03-18T09:02:43.313" v="14774" actId="478"/>
          <ac:picMkLst>
            <pc:docMk/>
            <pc:sldMk cId="81323440" sldId="402"/>
            <ac:picMk id="6" creationId="{23568F6F-1CF2-4B4A-ADB5-C8EECEB29D8C}"/>
          </ac:picMkLst>
        </pc:picChg>
        <pc:picChg chg="add mod">
          <ac:chgData name="Daly Donnacha HSLU I" userId="0f22e960-400a-43ff-baeb-4828c8f5cd3a" providerId="ADAL" clId="{0BA1101D-93BB-474F-8A4D-62367F400F86}" dt="2021-03-18T08:59:37.830" v="14761" actId="1076"/>
          <ac:picMkLst>
            <pc:docMk/>
            <pc:sldMk cId="81323440" sldId="402"/>
            <ac:picMk id="7" creationId="{FB4111AA-21BA-9F40-8063-831C40E49345}"/>
          </ac:picMkLst>
        </pc:picChg>
        <pc:picChg chg="add mod">
          <ac:chgData name="Daly Donnacha HSLU I" userId="0f22e960-400a-43ff-baeb-4828c8f5cd3a" providerId="ADAL" clId="{0BA1101D-93BB-474F-8A4D-62367F400F86}" dt="2021-03-18T09:01:32.575" v="14773" actId="1036"/>
          <ac:picMkLst>
            <pc:docMk/>
            <pc:sldMk cId="81323440" sldId="402"/>
            <ac:picMk id="8" creationId="{63DAA431-4AD4-2646-9952-E214DE93D0FB}"/>
          </ac:picMkLst>
        </pc:picChg>
        <pc:picChg chg="add del mod">
          <ac:chgData name="Daly Donnacha HSLU I" userId="0f22e960-400a-43ff-baeb-4828c8f5cd3a" providerId="ADAL" clId="{0BA1101D-93BB-474F-8A4D-62367F400F86}" dt="2021-03-18T09:06:40.008" v="14783" actId="478"/>
          <ac:picMkLst>
            <pc:docMk/>
            <pc:sldMk cId="81323440" sldId="402"/>
            <ac:picMk id="9" creationId="{0FEAF671-E6C3-6B46-937A-BB1BCF96EB6B}"/>
          </ac:picMkLst>
        </pc:picChg>
        <pc:picChg chg="add mod">
          <ac:chgData name="Daly Donnacha HSLU I" userId="0f22e960-400a-43ff-baeb-4828c8f5cd3a" providerId="ADAL" clId="{0BA1101D-93BB-474F-8A4D-62367F400F86}" dt="2021-03-18T09:04:13.147" v="14782" actId="1036"/>
          <ac:picMkLst>
            <pc:docMk/>
            <pc:sldMk cId="81323440" sldId="402"/>
            <ac:picMk id="10" creationId="{22EED122-AB20-FB4B-B8A8-E8333DB884AF}"/>
          </ac:picMkLst>
        </pc:picChg>
        <pc:picChg chg="add mod">
          <ac:chgData name="Daly Donnacha HSLU I" userId="0f22e960-400a-43ff-baeb-4828c8f5cd3a" providerId="ADAL" clId="{0BA1101D-93BB-474F-8A4D-62367F400F86}" dt="2021-03-18T09:06:46.090" v="14786" actId="14100"/>
          <ac:picMkLst>
            <pc:docMk/>
            <pc:sldMk cId="81323440" sldId="402"/>
            <ac:picMk id="11" creationId="{21699118-69A0-FE4F-A300-D18E8CAB5784}"/>
          </ac:picMkLst>
        </pc:picChg>
      </pc:sldChg>
      <pc:sldChg chg="addSp modSp new mod">
        <pc:chgData name="Daly Donnacha HSLU I" userId="0f22e960-400a-43ff-baeb-4828c8f5cd3a" providerId="ADAL" clId="{0BA1101D-93BB-474F-8A4D-62367F400F86}" dt="2021-03-18T09:53:38.287" v="17785" actId="207"/>
        <pc:sldMkLst>
          <pc:docMk/>
          <pc:sldMk cId="2943120565" sldId="403"/>
        </pc:sldMkLst>
        <pc:spChg chg="mod">
          <ac:chgData name="Daly Donnacha HSLU I" userId="0f22e960-400a-43ff-baeb-4828c8f5cd3a" providerId="ADAL" clId="{0BA1101D-93BB-474F-8A4D-62367F400F86}" dt="2021-03-18T09:40:21.168" v="17029" actId="20577"/>
          <ac:spMkLst>
            <pc:docMk/>
            <pc:sldMk cId="2943120565" sldId="403"/>
            <ac:spMk id="2" creationId="{763B0143-9BFF-AA4F-A182-07B23EBE6BCE}"/>
          </ac:spMkLst>
        </pc:spChg>
        <pc:spChg chg="add mod">
          <ac:chgData name="Daly Donnacha HSLU I" userId="0f22e960-400a-43ff-baeb-4828c8f5cd3a" providerId="ADAL" clId="{0BA1101D-93BB-474F-8A4D-62367F400F86}" dt="2021-03-18T09:50:24.694" v="17566" actId="2711"/>
          <ac:spMkLst>
            <pc:docMk/>
            <pc:sldMk cId="2943120565" sldId="403"/>
            <ac:spMk id="3" creationId="{E91902AE-7634-9746-9049-45D14D883BED}"/>
          </ac:spMkLst>
        </pc:spChg>
        <pc:spChg chg="add mod">
          <ac:chgData name="Daly Donnacha HSLU I" userId="0f22e960-400a-43ff-baeb-4828c8f5cd3a" providerId="ADAL" clId="{0BA1101D-93BB-474F-8A4D-62367F400F86}" dt="2021-03-18T09:51:35.163" v="17576" actId="1076"/>
          <ac:spMkLst>
            <pc:docMk/>
            <pc:sldMk cId="2943120565" sldId="403"/>
            <ac:spMk id="4" creationId="{CBB67967-1BAE-2646-A8DF-7A1ABE2DA88E}"/>
          </ac:spMkLst>
        </pc:spChg>
        <pc:spChg chg="add mod">
          <ac:chgData name="Daly Donnacha HSLU I" userId="0f22e960-400a-43ff-baeb-4828c8f5cd3a" providerId="ADAL" clId="{0BA1101D-93BB-474F-8A4D-62367F400F86}" dt="2021-03-18T09:53:38.287" v="17785" actId="207"/>
          <ac:spMkLst>
            <pc:docMk/>
            <pc:sldMk cId="2943120565" sldId="403"/>
            <ac:spMk id="6" creationId="{8E87F315-AB91-D842-A5B8-73B8EAAE679A}"/>
          </ac:spMkLst>
        </pc:spChg>
        <pc:picChg chg="add mod">
          <ac:chgData name="Daly Donnacha HSLU I" userId="0f22e960-400a-43ff-baeb-4828c8f5cd3a" providerId="ADAL" clId="{0BA1101D-93BB-474F-8A4D-62367F400F86}" dt="2021-03-18T09:51:10.463" v="17569" actId="1076"/>
          <ac:picMkLst>
            <pc:docMk/>
            <pc:sldMk cId="2943120565" sldId="403"/>
            <ac:picMk id="3074" creationId="{CF8C4E48-D467-4D4B-BD83-431150836743}"/>
          </ac:picMkLst>
        </pc:picChg>
      </pc:sldChg>
    </pc:docChg>
  </pc:docChgLst>
  <pc:docChgLst>
    <pc:chgData name="Daly Donnacha HSLU I" userId="0f22e960-400a-43ff-baeb-4828c8f5cd3a" providerId="ADAL" clId="{48BE1500-AA2B-CB46-9ECE-0332FF21EC00}"/>
    <pc:docChg chg="undo custSel addSld delSld modSld sldOrd modMainMaster">
      <pc:chgData name="Daly Donnacha HSLU I" userId="0f22e960-400a-43ff-baeb-4828c8f5cd3a" providerId="ADAL" clId="{48BE1500-AA2B-CB46-9ECE-0332FF21EC00}" dt="2021-12-14T13:14:34.379" v="2236" actId="20577"/>
      <pc:docMkLst>
        <pc:docMk/>
      </pc:docMkLst>
      <pc:sldChg chg="modSp mod">
        <pc:chgData name="Daly Donnacha HSLU I" userId="0f22e960-400a-43ff-baeb-4828c8f5cd3a" providerId="ADAL" clId="{48BE1500-AA2B-CB46-9ECE-0332FF21EC00}" dt="2021-12-14T08:49:59.526" v="1595" actId="20577"/>
        <pc:sldMkLst>
          <pc:docMk/>
          <pc:sldMk cId="0" sldId="256"/>
        </pc:sldMkLst>
        <pc:spChg chg="mod">
          <ac:chgData name="Daly Donnacha HSLU I" userId="0f22e960-400a-43ff-baeb-4828c8f5cd3a" providerId="ADAL" clId="{48BE1500-AA2B-CB46-9ECE-0332FF21EC00}" dt="2021-12-14T08:49:59.526" v="1595" actId="20577"/>
          <ac:spMkLst>
            <pc:docMk/>
            <pc:sldMk cId="0" sldId="256"/>
            <ac:spMk id="3075" creationId="{00000000-0000-0000-0000-000000000000}"/>
          </ac:spMkLst>
        </pc:spChg>
      </pc:sldChg>
      <pc:sldChg chg="modSp mod">
        <pc:chgData name="Daly Donnacha HSLU I" userId="0f22e960-400a-43ff-baeb-4828c8f5cd3a" providerId="ADAL" clId="{48BE1500-AA2B-CB46-9ECE-0332FF21EC00}" dt="2021-12-14T09:08:13.099" v="1815" actId="207"/>
        <pc:sldMkLst>
          <pc:docMk/>
          <pc:sldMk cId="3575311007" sldId="292"/>
        </pc:sldMkLst>
        <pc:spChg chg="mod">
          <ac:chgData name="Daly Donnacha HSLU I" userId="0f22e960-400a-43ff-baeb-4828c8f5cd3a" providerId="ADAL" clId="{48BE1500-AA2B-CB46-9ECE-0332FF21EC00}" dt="2021-12-14T09:08:13.099" v="1815" actId="207"/>
          <ac:spMkLst>
            <pc:docMk/>
            <pc:sldMk cId="3575311007" sldId="292"/>
            <ac:spMk id="16" creationId="{DCAA8663-4541-8C40-9262-EE0F1BB09A17}"/>
          </ac:spMkLst>
        </pc:spChg>
      </pc:sldChg>
      <pc:sldChg chg="addSp delSp modSp mod">
        <pc:chgData name="Daly Donnacha HSLU I" userId="0f22e960-400a-43ff-baeb-4828c8f5cd3a" providerId="ADAL" clId="{48BE1500-AA2B-CB46-9ECE-0332FF21EC00}" dt="2021-12-07T09:25:04.611" v="280" actId="1076"/>
        <pc:sldMkLst>
          <pc:docMk/>
          <pc:sldMk cId="2069180595" sldId="293"/>
        </pc:sldMkLst>
        <pc:spChg chg="mod">
          <ac:chgData name="Daly Donnacha HSLU I" userId="0f22e960-400a-43ff-baeb-4828c8f5cd3a" providerId="ADAL" clId="{48BE1500-AA2B-CB46-9ECE-0332FF21EC00}" dt="2021-12-07T09:25:04.611" v="280" actId="1076"/>
          <ac:spMkLst>
            <pc:docMk/>
            <pc:sldMk cId="2069180595" sldId="293"/>
            <ac:spMk id="3" creationId="{467FD137-D614-244E-8791-A57327C0A38D}"/>
          </ac:spMkLst>
        </pc:spChg>
        <pc:spChg chg="mod">
          <ac:chgData name="Daly Donnacha HSLU I" userId="0f22e960-400a-43ff-baeb-4828c8f5cd3a" providerId="ADAL" clId="{48BE1500-AA2B-CB46-9ECE-0332FF21EC00}" dt="2021-12-07T09:11:22.383" v="233" actId="20577"/>
          <ac:spMkLst>
            <pc:docMk/>
            <pc:sldMk cId="2069180595" sldId="293"/>
            <ac:spMk id="6" creationId="{C5894721-95A2-7141-8609-521552539517}"/>
          </ac:spMkLst>
        </pc:spChg>
        <pc:spChg chg="add del mod">
          <ac:chgData name="Daly Donnacha HSLU I" userId="0f22e960-400a-43ff-baeb-4828c8f5cd3a" providerId="ADAL" clId="{48BE1500-AA2B-CB46-9ECE-0332FF21EC00}" dt="2021-12-07T09:10:04.864" v="184" actId="478"/>
          <ac:spMkLst>
            <pc:docMk/>
            <pc:sldMk cId="2069180595" sldId="293"/>
            <ac:spMk id="7" creationId="{431D8F28-285D-F546-AB8A-AC21C30770B3}"/>
          </ac:spMkLst>
        </pc:spChg>
        <pc:picChg chg="mod">
          <ac:chgData name="Daly Donnacha HSLU I" userId="0f22e960-400a-43ff-baeb-4828c8f5cd3a" providerId="ADAL" clId="{48BE1500-AA2B-CB46-9ECE-0332FF21EC00}" dt="2021-12-07T09:10:09.613" v="185" actId="14100"/>
          <ac:picMkLst>
            <pc:docMk/>
            <pc:sldMk cId="2069180595" sldId="293"/>
            <ac:picMk id="9220" creationId="{B1068908-3460-AB4A-B557-08B1BD9161F1}"/>
          </ac:picMkLst>
        </pc:picChg>
      </pc:sldChg>
      <pc:sldChg chg="addSp delSp modSp mod ord">
        <pc:chgData name="Daly Donnacha HSLU I" userId="0f22e960-400a-43ff-baeb-4828c8f5cd3a" providerId="ADAL" clId="{48BE1500-AA2B-CB46-9ECE-0332FF21EC00}" dt="2021-12-14T09:08:01.706" v="1814" actId="20578"/>
        <pc:sldMkLst>
          <pc:docMk/>
          <pc:sldMk cId="1191410536" sldId="298"/>
        </pc:sldMkLst>
        <pc:spChg chg="add mod">
          <ac:chgData name="Daly Donnacha HSLU I" userId="0f22e960-400a-43ff-baeb-4828c8f5cd3a" providerId="ADAL" clId="{48BE1500-AA2B-CB46-9ECE-0332FF21EC00}" dt="2021-12-07T09:14:38.169" v="268"/>
          <ac:spMkLst>
            <pc:docMk/>
            <pc:sldMk cId="1191410536" sldId="298"/>
            <ac:spMk id="6" creationId="{F0550A49-5C1E-CF4F-AB84-94B0D317CD82}"/>
          </ac:spMkLst>
        </pc:spChg>
        <pc:spChg chg="del">
          <ac:chgData name="Daly Donnacha HSLU I" userId="0f22e960-400a-43ff-baeb-4828c8f5cd3a" providerId="ADAL" clId="{48BE1500-AA2B-CB46-9ECE-0332FF21EC00}" dt="2021-12-07T09:14:37.880" v="267" actId="478"/>
          <ac:spMkLst>
            <pc:docMk/>
            <pc:sldMk cId="1191410536" sldId="298"/>
            <ac:spMk id="10" creationId="{CE972CBF-679B-A244-B0C0-36DF6F12A685}"/>
          </ac:spMkLst>
        </pc:spChg>
        <pc:picChg chg="del mod">
          <ac:chgData name="Daly Donnacha HSLU I" userId="0f22e960-400a-43ff-baeb-4828c8f5cd3a" providerId="ADAL" clId="{48BE1500-AA2B-CB46-9ECE-0332FF21EC00}" dt="2021-12-07T12:09:43.889" v="1127" actId="478"/>
          <ac:picMkLst>
            <pc:docMk/>
            <pc:sldMk cId="1191410536" sldId="298"/>
            <ac:picMk id="11" creationId="{DFFBB02B-DE47-2745-8634-083CFA30A1A2}"/>
          </ac:picMkLst>
        </pc:picChg>
        <pc:picChg chg="add mod">
          <ac:chgData name="Daly Donnacha HSLU I" userId="0f22e960-400a-43ff-baeb-4828c8f5cd3a" providerId="ADAL" clId="{48BE1500-AA2B-CB46-9ECE-0332FF21EC00}" dt="2021-12-14T09:07:46.508" v="1813" actId="14100"/>
          <ac:picMkLst>
            <pc:docMk/>
            <pc:sldMk cId="1191410536" sldId="298"/>
            <ac:picMk id="8194" creationId="{C82C6046-EBE6-4E4D-A7DC-6582A44C8336}"/>
          </ac:picMkLst>
        </pc:picChg>
      </pc:sldChg>
      <pc:sldChg chg="modSp mod">
        <pc:chgData name="Daly Donnacha HSLU I" userId="0f22e960-400a-43ff-baeb-4828c8f5cd3a" providerId="ADAL" clId="{48BE1500-AA2B-CB46-9ECE-0332FF21EC00}" dt="2021-12-07T09:11:15.196" v="232" actId="207"/>
        <pc:sldMkLst>
          <pc:docMk/>
          <pc:sldMk cId="2208137706" sldId="315"/>
        </pc:sldMkLst>
        <pc:spChg chg="mod">
          <ac:chgData name="Daly Donnacha HSLU I" userId="0f22e960-400a-43ff-baeb-4828c8f5cd3a" providerId="ADAL" clId="{48BE1500-AA2B-CB46-9ECE-0332FF21EC00}" dt="2021-12-07T09:11:01.873" v="216" actId="20577"/>
          <ac:spMkLst>
            <pc:docMk/>
            <pc:sldMk cId="2208137706" sldId="315"/>
            <ac:spMk id="2" creationId="{069B8F1E-027C-6440-9E6A-40BB8DAAAB65}"/>
          </ac:spMkLst>
        </pc:spChg>
        <pc:spChg chg="mod">
          <ac:chgData name="Daly Donnacha HSLU I" userId="0f22e960-400a-43ff-baeb-4828c8f5cd3a" providerId="ADAL" clId="{48BE1500-AA2B-CB46-9ECE-0332FF21EC00}" dt="2021-12-07T09:11:15.196" v="232" actId="207"/>
          <ac:spMkLst>
            <pc:docMk/>
            <pc:sldMk cId="2208137706" sldId="315"/>
            <ac:spMk id="3" creationId="{63132F41-5235-6647-AE60-DA2A6069816C}"/>
          </ac:spMkLst>
        </pc:spChg>
      </pc:sldChg>
      <pc:sldChg chg="del">
        <pc:chgData name="Daly Donnacha HSLU I" userId="0f22e960-400a-43ff-baeb-4828c8f5cd3a" providerId="ADAL" clId="{48BE1500-AA2B-CB46-9ECE-0332FF21EC00}" dt="2021-12-14T08:39:13.898" v="1589" actId="2696"/>
        <pc:sldMkLst>
          <pc:docMk/>
          <pc:sldMk cId="1732174701" sldId="316"/>
        </pc:sldMkLst>
      </pc:sldChg>
      <pc:sldChg chg="del">
        <pc:chgData name="Daly Donnacha HSLU I" userId="0f22e960-400a-43ff-baeb-4828c8f5cd3a" providerId="ADAL" clId="{48BE1500-AA2B-CB46-9ECE-0332FF21EC00}" dt="2021-12-14T08:39:14.375" v="1590" actId="2696"/>
        <pc:sldMkLst>
          <pc:docMk/>
          <pc:sldMk cId="603013962" sldId="317"/>
        </pc:sldMkLst>
      </pc:sldChg>
      <pc:sldChg chg="del">
        <pc:chgData name="Daly Donnacha HSLU I" userId="0f22e960-400a-43ff-baeb-4828c8f5cd3a" providerId="ADAL" clId="{48BE1500-AA2B-CB46-9ECE-0332FF21EC00}" dt="2021-12-14T09:06:56.857" v="1806" actId="2696"/>
        <pc:sldMkLst>
          <pc:docMk/>
          <pc:sldMk cId="1318894941" sldId="318"/>
        </pc:sldMkLst>
      </pc:sldChg>
      <pc:sldChg chg="ord">
        <pc:chgData name="Daly Donnacha HSLU I" userId="0f22e960-400a-43ff-baeb-4828c8f5cd3a" providerId="ADAL" clId="{48BE1500-AA2B-CB46-9ECE-0332FF21EC00}" dt="2021-12-14T08:52:29.868" v="1617" actId="20578"/>
        <pc:sldMkLst>
          <pc:docMk/>
          <pc:sldMk cId="4139861583" sldId="319"/>
        </pc:sldMkLst>
      </pc:sldChg>
      <pc:sldChg chg="ord">
        <pc:chgData name="Daly Donnacha HSLU I" userId="0f22e960-400a-43ff-baeb-4828c8f5cd3a" providerId="ADAL" clId="{48BE1500-AA2B-CB46-9ECE-0332FF21EC00}" dt="2021-12-14T09:06:18.370" v="1801" actId="20578"/>
        <pc:sldMkLst>
          <pc:docMk/>
          <pc:sldMk cId="867480082" sldId="320"/>
        </pc:sldMkLst>
      </pc:sldChg>
      <pc:sldChg chg="ord">
        <pc:chgData name="Daly Donnacha HSLU I" userId="0f22e960-400a-43ff-baeb-4828c8f5cd3a" providerId="ADAL" clId="{48BE1500-AA2B-CB46-9ECE-0332FF21EC00}" dt="2021-12-14T09:26:22.698" v="2181" actId="20578"/>
        <pc:sldMkLst>
          <pc:docMk/>
          <pc:sldMk cId="668365657" sldId="321"/>
        </pc:sldMkLst>
      </pc:sldChg>
      <pc:sldChg chg="del">
        <pc:chgData name="Daly Donnacha HSLU I" userId="0f22e960-400a-43ff-baeb-4828c8f5cd3a" providerId="ADAL" clId="{48BE1500-AA2B-CB46-9ECE-0332FF21EC00}" dt="2021-12-14T08:34:45.917" v="1576" actId="2696"/>
        <pc:sldMkLst>
          <pc:docMk/>
          <pc:sldMk cId="2312035558" sldId="322"/>
        </pc:sldMkLst>
      </pc:sldChg>
      <pc:sldChg chg="add ord">
        <pc:chgData name="Daly Donnacha HSLU I" userId="0f22e960-400a-43ff-baeb-4828c8f5cd3a" providerId="ADAL" clId="{48BE1500-AA2B-CB46-9ECE-0332FF21EC00}" dt="2021-12-14T08:56:46.908" v="1640" actId="20578"/>
        <pc:sldMkLst>
          <pc:docMk/>
          <pc:sldMk cId="3613917660" sldId="322"/>
        </pc:sldMkLst>
      </pc:sldChg>
      <pc:sldChg chg="add ord">
        <pc:chgData name="Daly Donnacha HSLU I" userId="0f22e960-400a-43ff-baeb-4828c8f5cd3a" providerId="ADAL" clId="{48BE1500-AA2B-CB46-9ECE-0332FF21EC00}" dt="2021-12-14T08:56:37.615" v="1637" actId="20578"/>
        <pc:sldMkLst>
          <pc:docMk/>
          <pc:sldMk cId="195765692" sldId="323"/>
        </pc:sldMkLst>
      </pc:sldChg>
      <pc:sldChg chg="del">
        <pc:chgData name="Daly Donnacha HSLU I" userId="0f22e960-400a-43ff-baeb-4828c8f5cd3a" providerId="ADAL" clId="{48BE1500-AA2B-CB46-9ECE-0332FF21EC00}" dt="2021-12-14T08:34:45.917" v="1576" actId="2696"/>
        <pc:sldMkLst>
          <pc:docMk/>
          <pc:sldMk cId="2458404373" sldId="323"/>
        </pc:sldMkLst>
      </pc:sldChg>
      <pc:sldChg chg="add del">
        <pc:chgData name="Daly Donnacha HSLU I" userId="0f22e960-400a-43ff-baeb-4828c8f5cd3a" providerId="ADAL" clId="{48BE1500-AA2B-CB46-9ECE-0332FF21EC00}" dt="2021-12-14T09:07:07.946" v="1810" actId="2696"/>
        <pc:sldMkLst>
          <pc:docMk/>
          <pc:sldMk cId="1161815850" sldId="324"/>
        </pc:sldMkLst>
      </pc:sldChg>
      <pc:sldChg chg="modSp add mod">
        <pc:chgData name="Daly Donnacha HSLU I" userId="0f22e960-400a-43ff-baeb-4828c8f5cd3a" providerId="ADAL" clId="{48BE1500-AA2B-CB46-9ECE-0332FF21EC00}" dt="2021-12-14T09:21:15.616" v="2107" actId="20577"/>
        <pc:sldMkLst>
          <pc:docMk/>
          <pc:sldMk cId="1566522264" sldId="324"/>
        </pc:sldMkLst>
        <pc:spChg chg="mod">
          <ac:chgData name="Daly Donnacha HSLU I" userId="0f22e960-400a-43ff-baeb-4828c8f5cd3a" providerId="ADAL" clId="{48BE1500-AA2B-CB46-9ECE-0332FF21EC00}" dt="2021-12-14T09:21:15.616" v="2107" actId="20577"/>
          <ac:spMkLst>
            <pc:docMk/>
            <pc:sldMk cId="1566522264" sldId="324"/>
            <ac:spMk id="2" creationId="{23EAFFE3-528F-5044-A2DE-EF7A26CCBC8A}"/>
          </ac:spMkLst>
        </pc:spChg>
      </pc:sldChg>
      <pc:sldChg chg="add del">
        <pc:chgData name="Daly Donnacha HSLU I" userId="0f22e960-400a-43ff-baeb-4828c8f5cd3a" providerId="ADAL" clId="{48BE1500-AA2B-CB46-9ECE-0332FF21EC00}" dt="2021-12-14T09:14:40.678" v="1884" actId="2696"/>
        <pc:sldMkLst>
          <pc:docMk/>
          <pc:sldMk cId="3015124961" sldId="325"/>
        </pc:sldMkLst>
      </pc:sldChg>
      <pc:sldChg chg="ord">
        <pc:chgData name="Daly Donnacha HSLU I" userId="0f22e960-400a-43ff-baeb-4828c8f5cd3a" providerId="ADAL" clId="{48BE1500-AA2B-CB46-9ECE-0332FF21EC00}" dt="2021-12-14T09:06:10.836" v="1800" actId="20578"/>
        <pc:sldMkLst>
          <pc:docMk/>
          <pc:sldMk cId="1865621965" sldId="327"/>
        </pc:sldMkLst>
      </pc:sldChg>
      <pc:sldChg chg="add ord">
        <pc:chgData name="Daly Donnacha HSLU I" userId="0f22e960-400a-43ff-baeb-4828c8f5cd3a" providerId="ADAL" clId="{48BE1500-AA2B-CB46-9ECE-0332FF21EC00}" dt="2021-12-14T08:56:45.477" v="1639" actId="20578"/>
        <pc:sldMkLst>
          <pc:docMk/>
          <pc:sldMk cId="1076758158" sldId="328"/>
        </pc:sldMkLst>
      </pc:sldChg>
      <pc:sldChg chg="del">
        <pc:chgData name="Daly Donnacha HSLU I" userId="0f22e960-400a-43ff-baeb-4828c8f5cd3a" providerId="ADAL" clId="{48BE1500-AA2B-CB46-9ECE-0332FF21EC00}" dt="2021-12-14T08:34:45.917" v="1576" actId="2696"/>
        <pc:sldMkLst>
          <pc:docMk/>
          <pc:sldMk cId="3734718292" sldId="328"/>
        </pc:sldMkLst>
      </pc:sldChg>
      <pc:sldChg chg="ord">
        <pc:chgData name="Daly Donnacha HSLU I" userId="0f22e960-400a-43ff-baeb-4828c8f5cd3a" providerId="ADAL" clId="{48BE1500-AA2B-CB46-9ECE-0332FF21EC00}" dt="2021-12-14T09:03:35.313" v="1792" actId="20578"/>
        <pc:sldMkLst>
          <pc:docMk/>
          <pc:sldMk cId="854468441" sldId="329"/>
        </pc:sldMkLst>
      </pc:sldChg>
      <pc:sldChg chg="del ord">
        <pc:chgData name="Daly Donnacha HSLU I" userId="0f22e960-400a-43ff-baeb-4828c8f5cd3a" providerId="ADAL" clId="{48BE1500-AA2B-CB46-9ECE-0332FF21EC00}" dt="2021-12-14T09:06:44.733" v="1803" actId="2696"/>
        <pc:sldMkLst>
          <pc:docMk/>
          <pc:sldMk cId="3047620013" sldId="330"/>
        </pc:sldMkLst>
      </pc:sldChg>
      <pc:sldChg chg="del">
        <pc:chgData name="Daly Donnacha HSLU I" userId="0f22e960-400a-43ff-baeb-4828c8f5cd3a" providerId="ADAL" clId="{48BE1500-AA2B-CB46-9ECE-0332FF21EC00}" dt="2021-12-14T09:07:01.761" v="1807" actId="2696"/>
        <pc:sldMkLst>
          <pc:docMk/>
          <pc:sldMk cId="1616701889" sldId="331"/>
        </pc:sldMkLst>
      </pc:sldChg>
      <pc:sldChg chg="del">
        <pc:chgData name="Daly Donnacha HSLU I" userId="0f22e960-400a-43ff-baeb-4828c8f5cd3a" providerId="ADAL" clId="{48BE1500-AA2B-CB46-9ECE-0332FF21EC00}" dt="2021-12-14T08:36:42.542" v="1580" actId="2696"/>
        <pc:sldMkLst>
          <pc:docMk/>
          <pc:sldMk cId="2914426789" sldId="332"/>
        </pc:sldMkLst>
      </pc:sldChg>
      <pc:sldChg chg="del">
        <pc:chgData name="Daly Donnacha HSLU I" userId="0f22e960-400a-43ff-baeb-4828c8f5cd3a" providerId="ADAL" clId="{48BE1500-AA2B-CB46-9ECE-0332FF21EC00}" dt="2021-12-14T08:37:24.502" v="1581" actId="2696"/>
        <pc:sldMkLst>
          <pc:docMk/>
          <pc:sldMk cId="3387146453" sldId="333"/>
        </pc:sldMkLst>
      </pc:sldChg>
      <pc:sldChg chg="del">
        <pc:chgData name="Daly Donnacha HSLU I" userId="0f22e960-400a-43ff-baeb-4828c8f5cd3a" providerId="ADAL" clId="{48BE1500-AA2B-CB46-9ECE-0332FF21EC00}" dt="2021-12-14T08:34:45.917" v="1576" actId="2696"/>
        <pc:sldMkLst>
          <pc:docMk/>
          <pc:sldMk cId="482281205" sldId="334"/>
        </pc:sldMkLst>
      </pc:sldChg>
      <pc:sldChg chg="add ord">
        <pc:chgData name="Daly Donnacha HSLU I" userId="0f22e960-400a-43ff-baeb-4828c8f5cd3a" providerId="ADAL" clId="{48BE1500-AA2B-CB46-9ECE-0332FF21EC00}" dt="2021-12-14T08:34:56.306" v="1578" actId="20578"/>
        <pc:sldMkLst>
          <pc:docMk/>
          <pc:sldMk cId="1362049891" sldId="334"/>
        </pc:sldMkLst>
      </pc:sldChg>
      <pc:sldChg chg="del">
        <pc:chgData name="Daly Donnacha HSLU I" userId="0f22e960-400a-43ff-baeb-4828c8f5cd3a" providerId="ADAL" clId="{48BE1500-AA2B-CB46-9ECE-0332FF21EC00}" dt="2021-12-14T08:34:45.917" v="1576" actId="2696"/>
        <pc:sldMkLst>
          <pc:docMk/>
          <pc:sldMk cId="1977686734" sldId="335"/>
        </pc:sldMkLst>
      </pc:sldChg>
      <pc:sldChg chg="add ord">
        <pc:chgData name="Daly Donnacha HSLU I" userId="0f22e960-400a-43ff-baeb-4828c8f5cd3a" providerId="ADAL" clId="{48BE1500-AA2B-CB46-9ECE-0332FF21EC00}" dt="2021-12-14T08:51:30.918" v="1597" actId="20578"/>
        <pc:sldMkLst>
          <pc:docMk/>
          <pc:sldMk cId="2818957160" sldId="335"/>
        </pc:sldMkLst>
      </pc:sldChg>
      <pc:sldChg chg="del">
        <pc:chgData name="Daly Donnacha HSLU I" userId="0f22e960-400a-43ff-baeb-4828c8f5cd3a" providerId="ADAL" clId="{48BE1500-AA2B-CB46-9ECE-0332FF21EC00}" dt="2021-12-14T09:07:35.922" v="1812" actId="2696"/>
        <pc:sldMkLst>
          <pc:docMk/>
          <pc:sldMk cId="2106746373" sldId="336"/>
        </pc:sldMkLst>
      </pc:sldChg>
      <pc:sldChg chg="ord">
        <pc:chgData name="Daly Donnacha HSLU I" userId="0f22e960-400a-43ff-baeb-4828c8f5cd3a" providerId="ADAL" clId="{48BE1500-AA2B-CB46-9ECE-0332FF21EC00}" dt="2021-12-14T09:04:26.694" v="1798" actId="20578"/>
        <pc:sldMkLst>
          <pc:docMk/>
          <pc:sldMk cId="3667360641" sldId="340"/>
        </pc:sldMkLst>
      </pc:sldChg>
      <pc:sldChg chg="del">
        <pc:chgData name="Daly Donnacha HSLU I" userId="0f22e960-400a-43ff-baeb-4828c8f5cd3a" providerId="ADAL" clId="{48BE1500-AA2B-CB46-9ECE-0332FF21EC00}" dt="2021-12-14T09:08:40.015" v="1817" actId="2696"/>
        <pc:sldMkLst>
          <pc:docMk/>
          <pc:sldMk cId="3893175129" sldId="341"/>
        </pc:sldMkLst>
      </pc:sldChg>
      <pc:sldChg chg="ord">
        <pc:chgData name="Daly Donnacha HSLU I" userId="0f22e960-400a-43ff-baeb-4828c8f5cd3a" providerId="ADAL" clId="{48BE1500-AA2B-CB46-9ECE-0332FF21EC00}" dt="2021-12-14T09:06:29.140" v="1802" actId="20578"/>
        <pc:sldMkLst>
          <pc:docMk/>
          <pc:sldMk cId="1582256870" sldId="342"/>
        </pc:sldMkLst>
      </pc:sldChg>
      <pc:sldChg chg="del">
        <pc:chgData name="Daly Donnacha HSLU I" userId="0f22e960-400a-43ff-baeb-4828c8f5cd3a" providerId="ADAL" clId="{48BE1500-AA2B-CB46-9ECE-0332FF21EC00}" dt="2021-12-14T08:39:01.804" v="1588" actId="2696"/>
        <pc:sldMkLst>
          <pc:docMk/>
          <pc:sldMk cId="1773116308" sldId="343"/>
        </pc:sldMkLst>
      </pc:sldChg>
      <pc:sldChg chg="del">
        <pc:chgData name="Daly Donnacha HSLU I" userId="0f22e960-400a-43ff-baeb-4828c8f5cd3a" providerId="ADAL" clId="{48BE1500-AA2B-CB46-9ECE-0332FF21EC00}" dt="2021-12-14T08:38:38.865" v="1585" actId="2696"/>
        <pc:sldMkLst>
          <pc:docMk/>
          <pc:sldMk cId="2865665035" sldId="344"/>
        </pc:sldMkLst>
      </pc:sldChg>
      <pc:sldChg chg="del">
        <pc:chgData name="Daly Donnacha HSLU I" userId="0f22e960-400a-43ff-baeb-4828c8f5cd3a" providerId="ADAL" clId="{48BE1500-AA2B-CB46-9ECE-0332FF21EC00}" dt="2021-12-14T09:08:37.002" v="1816" actId="2696"/>
        <pc:sldMkLst>
          <pc:docMk/>
          <pc:sldMk cId="2685772783" sldId="345"/>
        </pc:sldMkLst>
      </pc:sldChg>
      <pc:sldChg chg="addSp delSp modSp add mod">
        <pc:chgData name="Daly Donnacha HSLU I" userId="0f22e960-400a-43ff-baeb-4828c8f5cd3a" providerId="ADAL" clId="{48BE1500-AA2B-CB46-9ECE-0332FF21EC00}" dt="2021-12-07T11:31:45.526" v="854" actId="20577"/>
        <pc:sldMkLst>
          <pc:docMk/>
          <pc:sldMk cId="3131627869" sldId="346"/>
        </pc:sldMkLst>
        <pc:spChg chg="mod">
          <ac:chgData name="Daly Donnacha HSLU I" userId="0f22e960-400a-43ff-baeb-4828c8f5cd3a" providerId="ADAL" clId="{48BE1500-AA2B-CB46-9ECE-0332FF21EC00}" dt="2021-12-07T09:10:46.680" v="215" actId="20577"/>
          <ac:spMkLst>
            <pc:docMk/>
            <pc:sldMk cId="3131627869" sldId="346"/>
            <ac:spMk id="3" creationId="{63132F41-5235-6647-AE60-DA2A6069816C}"/>
          </ac:spMkLst>
        </pc:spChg>
        <pc:spChg chg="add mod">
          <ac:chgData name="Daly Donnacha HSLU I" userId="0f22e960-400a-43ff-baeb-4828c8f5cd3a" providerId="ADAL" clId="{48BE1500-AA2B-CB46-9ECE-0332FF21EC00}" dt="2021-12-07T11:31:45.526" v="854" actId="20577"/>
          <ac:spMkLst>
            <pc:docMk/>
            <pc:sldMk cId="3131627869" sldId="346"/>
            <ac:spMk id="4" creationId="{CFEB371B-7441-DA4C-A58B-85676E934783}"/>
          </ac:spMkLst>
        </pc:spChg>
        <pc:spChg chg="add del mod">
          <ac:chgData name="Daly Donnacha HSLU I" userId="0f22e960-400a-43ff-baeb-4828c8f5cd3a" providerId="ADAL" clId="{48BE1500-AA2B-CB46-9ECE-0332FF21EC00}" dt="2021-12-07T11:31:12.557" v="764" actId="478"/>
          <ac:spMkLst>
            <pc:docMk/>
            <pc:sldMk cId="3131627869" sldId="346"/>
            <ac:spMk id="5" creationId="{BF0A0FB8-0723-FE4F-B063-2A47A3D80C77}"/>
          </ac:spMkLst>
        </pc:spChg>
      </pc:sldChg>
      <pc:sldChg chg="modSp add mod">
        <pc:chgData name="Daly Donnacha HSLU I" userId="0f22e960-400a-43ff-baeb-4828c8f5cd3a" providerId="ADAL" clId="{48BE1500-AA2B-CB46-9ECE-0332FF21EC00}" dt="2021-12-07T09:11:50.816" v="256" actId="20577"/>
        <pc:sldMkLst>
          <pc:docMk/>
          <pc:sldMk cId="945465134" sldId="347"/>
        </pc:sldMkLst>
        <pc:spChg chg="mod">
          <ac:chgData name="Daly Donnacha HSLU I" userId="0f22e960-400a-43ff-baeb-4828c8f5cd3a" providerId="ADAL" clId="{48BE1500-AA2B-CB46-9ECE-0332FF21EC00}" dt="2021-12-07T09:11:42.258" v="235" actId="20577"/>
          <ac:spMkLst>
            <pc:docMk/>
            <pc:sldMk cId="945465134" sldId="347"/>
            <ac:spMk id="2" creationId="{069B8F1E-027C-6440-9E6A-40BB8DAAAB65}"/>
          </ac:spMkLst>
        </pc:spChg>
        <pc:spChg chg="mod">
          <ac:chgData name="Daly Donnacha HSLU I" userId="0f22e960-400a-43ff-baeb-4828c8f5cd3a" providerId="ADAL" clId="{48BE1500-AA2B-CB46-9ECE-0332FF21EC00}" dt="2021-12-07T09:11:50.816" v="256" actId="20577"/>
          <ac:spMkLst>
            <pc:docMk/>
            <pc:sldMk cId="945465134" sldId="347"/>
            <ac:spMk id="3" creationId="{63132F41-5235-6647-AE60-DA2A6069816C}"/>
          </ac:spMkLst>
        </pc:spChg>
      </pc:sldChg>
      <pc:sldChg chg="modSp add del mod">
        <pc:chgData name="Daly Donnacha HSLU I" userId="0f22e960-400a-43ff-baeb-4828c8f5cd3a" providerId="ADAL" clId="{48BE1500-AA2B-CB46-9ECE-0332FF21EC00}" dt="2021-12-14T08:37:55.678" v="1583" actId="2696"/>
        <pc:sldMkLst>
          <pc:docMk/>
          <pc:sldMk cId="381913815" sldId="348"/>
        </pc:sldMkLst>
        <pc:spChg chg="mod">
          <ac:chgData name="Daly Donnacha HSLU I" userId="0f22e960-400a-43ff-baeb-4828c8f5cd3a" providerId="ADAL" clId="{48BE1500-AA2B-CB46-9ECE-0332FF21EC00}" dt="2021-12-07T09:14:20.469" v="266" actId="20577"/>
          <ac:spMkLst>
            <pc:docMk/>
            <pc:sldMk cId="381913815" sldId="348"/>
            <ac:spMk id="2" creationId="{580C4649-222C-0943-8978-4267CD46F87F}"/>
          </ac:spMkLst>
        </pc:spChg>
      </pc:sldChg>
      <pc:sldChg chg="addSp delSp modSp new mod">
        <pc:chgData name="Daly Donnacha HSLU I" userId="0f22e960-400a-43ff-baeb-4828c8f5cd3a" providerId="ADAL" clId="{48BE1500-AA2B-CB46-9ECE-0332FF21EC00}" dt="2021-12-14T11:55:48.020" v="2234" actId="14100"/>
        <pc:sldMkLst>
          <pc:docMk/>
          <pc:sldMk cId="932176936" sldId="349"/>
        </pc:sldMkLst>
        <pc:spChg chg="mod">
          <ac:chgData name="Daly Donnacha HSLU I" userId="0f22e960-400a-43ff-baeb-4828c8f5cd3a" providerId="ADAL" clId="{48BE1500-AA2B-CB46-9ECE-0332FF21EC00}" dt="2021-12-07T09:29:25.250" v="365" actId="207"/>
          <ac:spMkLst>
            <pc:docMk/>
            <pc:sldMk cId="932176936" sldId="349"/>
            <ac:spMk id="2" creationId="{FB0D127B-DA92-B545-9FEB-BF42E2AAFF32}"/>
          </ac:spMkLst>
        </pc:spChg>
        <pc:spChg chg="add mod">
          <ac:chgData name="Daly Donnacha HSLU I" userId="0f22e960-400a-43ff-baeb-4828c8f5cd3a" providerId="ADAL" clId="{48BE1500-AA2B-CB46-9ECE-0332FF21EC00}" dt="2021-12-07T09:32:00.995" v="397" actId="1076"/>
          <ac:spMkLst>
            <pc:docMk/>
            <pc:sldMk cId="932176936" sldId="349"/>
            <ac:spMk id="4" creationId="{031C62EE-C7BF-A54B-9ECF-DB9D1A17505F}"/>
          </ac:spMkLst>
        </pc:spChg>
        <pc:spChg chg="add del mod">
          <ac:chgData name="Daly Donnacha HSLU I" userId="0f22e960-400a-43ff-baeb-4828c8f5cd3a" providerId="ADAL" clId="{48BE1500-AA2B-CB46-9ECE-0332FF21EC00}" dt="2021-12-07T09:31:08.540" v="387" actId="478"/>
          <ac:spMkLst>
            <pc:docMk/>
            <pc:sldMk cId="932176936" sldId="349"/>
            <ac:spMk id="5" creationId="{A8116303-0C9A-624E-85C7-B94E7E1DDD0B}"/>
          </ac:spMkLst>
        </pc:spChg>
        <pc:spChg chg="add del mod">
          <ac:chgData name="Daly Donnacha HSLU I" userId="0f22e960-400a-43ff-baeb-4828c8f5cd3a" providerId="ADAL" clId="{48BE1500-AA2B-CB46-9ECE-0332FF21EC00}" dt="2021-12-07T09:31:10.372" v="388" actId="478"/>
          <ac:spMkLst>
            <pc:docMk/>
            <pc:sldMk cId="932176936" sldId="349"/>
            <ac:spMk id="6" creationId="{1319B6E8-D614-414A-8E06-B2007ED4A178}"/>
          </ac:spMkLst>
        </pc:spChg>
        <pc:spChg chg="add del mod">
          <ac:chgData name="Daly Donnacha HSLU I" userId="0f22e960-400a-43ff-baeb-4828c8f5cd3a" providerId="ADAL" clId="{48BE1500-AA2B-CB46-9ECE-0332FF21EC00}" dt="2021-12-07T09:31:12.267" v="389" actId="478"/>
          <ac:spMkLst>
            <pc:docMk/>
            <pc:sldMk cId="932176936" sldId="349"/>
            <ac:spMk id="7" creationId="{C9720367-6943-E941-9E04-544F9F283C10}"/>
          </ac:spMkLst>
        </pc:spChg>
        <pc:spChg chg="add mod">
          <ac:chgData name="Daly Donnacha HSLU I" userId="0f22e960-400a-43ff-baeb-4828c8f5cd3a" providerId="ADAL" clId="{48BE1500-AA2B-CB46-9ECE-0332FF21EC00}" dt="2021-12-14T11:55:48.020" v="2234" actId="14100"/>
          <ac:spMkLst>
            <pc:docMk/>
            <pc:sldMk cId="932176936" sldId="349"/>
            <ac:spMk id="8" creationId="{0504FA0B-AE6A-8843-AFC9-DEA2ECDE120E}"/>
          </ac:spMkLst>
        </pc:spChg>
        <pc:spChg chg="add mod">
          <ac:chgData name="Daly Donnacha HSLU I" userId="0f22e960-400a-43ff-baeb-4828c8f5cd3a" providerId="ADAL" clId="{48BE1500-AA2B-CB46-9ECE-0332FF21EC00}" dt="2021-12-07T10:01:56.201" v="534" actId="1076"/>
          <ac:spMkLst>
            <pc:docMk/>
            <pc:sldMk cId="932176936" sldId="349"/>
            <ac:spMk id="9" creationId="{3829ACED-0C5E-1D47-9252-1273F1B47309}"/>
          </ac:spMkLst>
        </pc:spChg>
        <pc:picChg chg="add mod">
          <ac:chgData name="Daly Donnacha HSLU I" userId="0f22e960-400a-43ff-baeb-4828c8f5cd3a" providerId="ADAL" clId="{48BE1500-AA2B-CB46-9ECE-0332FF21EC00}" dt="2021-12-07T10:02:00.360" v="535" actId="1035"/>
          <ac:picMkLst>
            <pc:docMk/>
            <pc:sldMk cId="932176936" sldId="349"/>
            <ac:picMk id="3" creationId="{3A430240-0397-1549-9C71-65E490EFAD6A}"/>
          </ac:picMkLst>
        </pc:picChg>
      </pc:sldChg>
      <pc:sldChg chg="addSp delSp modSp new mod ord delAnim modAnim">
        <pc:chgData name="Daly Donnacha HSLU I" userId="0f22e960-400a-43ff-baeb-4828c8f5cd3a" providerId="ADAL" clId="{48BE1500-AA2B-CB46-9ECE-0332FF21EC00}" dt="2021-12-14T13:14:34.379" v="2236" actId="20577"/>
        <pc:sldMkLst>
          <pc:docMk/>
          <pc:sldMk cId="1927859005" sldId="350"/>
        </pc:sldMkLst>
        <pc:spChg chg="del mod">
          <ac:chgData name="Daly Donnacha HSLU I" userId="0f22e960-400a-43ff-baeb-4828c8f5cd3a" providerId="ADAL" clId="{48BE1500-AA2B-CB46-9ECE-0332FF21EC00}" dt="2021-12-07T09:51:32.835" v="454" actId="478"/>
          <ac:spMkLst>
            <pc:docMk/>
            <pc:sldMk cId="1927859005" sldId="350"/>
            <ac:spMk id="2" creationId="{2A251996-6701-1F44-9E13-770C2F80900A}"/>
          </ac:spMkLst>
        </pc:spChg>
        <pc:spChg chg="add del mod">
          <ac:chgData name="Daly Donnacha HSLU I" userId="0f22e960-400a-43ff-baeb-4828c8f5cd3a" providerId="ADAL" clId="{48BE1500-AA2B-CB46-9ECE-0332FF21EC00}" dt="2021-12-14T13:14:34.379" v="2236" actId="20577"/>
          <ac:spMkLst>
            <pc:docMk/>
            <pc:sldMk cId="1927859005" sldId="350"/>
            <ac:spMk id="7" creationId="{36B7377B-06A9-F241-B170-B7124D0927B0}"/>
          </ac:spMkLst>
        </pc:spChg>
        <pc:spChg chg="add mod">
          <ac:chgData name="Daly Donnacha HSLU I" userId="0f22e960-400a-43ff-baeb-4828c8f5cd3a" providerId="ADAL" clId="{48BE1500-AA2B-CB46-9ECE-0332FF21EC00}" dt="2021-12-07T09:54:34.157" v="477" actId="14100"/>
          <ac:spMkLst>
            <pc:docMk/>
            <pc:sldMk cId="1927859005" sldId="350"/>
            <ac:spMk id="9" creationId="{892809C2-7101-7A4C-913B-1BC1B558E9BD}"/>
          </ac:spMkLst>
        </pc:spChg>
        <pc:picChg chg="add del mod">
          <ac:chgData name="Daly Donnacha HSLU I" userId="0f22e960-400a-43ff-baeb-4828c8f5cd3a" providerId="ADAL" clId="{48BE1500-AA2B-CB46-9ECE-0332FF21EC00}" dt="2021-12-07T09:50:48.967" v="452" actId="478"/>
          <ac:picMkLst>
            <pc:docMk/>
            <pc:sldMk cId="1927859005" sldId="350"/>
            <ac:picMk id="3" creationId="{7A8362FD-5B48-864E-B286-1BB6CA548D49}"/>
          </ac:picMkLst>
        </pc:picChg>
        <pc:picChg chg="add mod">
          <ac:chgData name="Daly Donnacha HSLU I" userId="0f22e960-400a-43ff-baeb-4828c8f5cd3a" providerId="ADAL" clId="{48BE1500-AA2B-CB46-9ECE-0332FF21EC00}" dt="2021-12-07T10:00:24.781" v="514" actId="14100"/>
          <ac:picMkLst>
            <pc:docMk/>
            <pc:sldMk cId="1927859005" sldId="350"/>
            <ac:picMk id="4" creationId="{D76383C5-8E68-4143-86A2-59FEE08EB59D}"/>
          </ac:picMkLst>
        </pc:picChg>
        <pc:picChg chg="add mod modCrop">
          <ac:chgData name="Daly Donnacha HSLU I" userId="0f22e960-400a-43ff-baeb-4828c8f5cd3a" providerId="ADAL" clId="{48BE1500-AA2B-CB46-9ECE-0332FF21EC00}" dt="2021-12-07T10:00:18.494" v="512" actId="1076"/>
          <ac:picMkLst>
            <pc:docMk/>
            <pc:sldMk cId="1927859005" sldId="350"/>
            <ac:picMk id="5" creationId="{FB5F477D-2393-654F-99D7-8C245584F092}"/>
          </ac:picMkLst>
        </pc:picChg>
        <pc:picChg chg="add del mod">
          <ac:chgData name="Daly Donnacha HSLU I" userId="0f22e960-400a-43ff-baeb-4828c8f5cd3a" providerId="ADAL" clId="{48BE1500-AA2B-CB46-9ECE-0332FF21EC00}" dt="2021-12-07T09:50:49.429" v="453" actId="478"/>
          <ac:picMkLst>
            <pc:docMk/>
            <pc:sldMk cId="1927859005" sldId="350"/>
            <ac:picMk id="6" creationId="{5E7DD9A7-F3A0-3F49-A385-17893190AE21}"/>
          </ac:picMkLst>
        </pc:picChg>
        <pc:picChg chg="add mod">
          <ac:chgData name="Daly Donnacha HSLU I" userId="0f22e960-400a-43ff-baeb-4828c8f5cd3a" providerId="ADAL" clId="{48BE1500-AA2B-CB46-9ECE-0332FF21EC00}" dt="2021-12-07T09:59:47.416" v="510" actId="1076"/>
          <ac:picMkLst>
            <pc:docMk/>
            <pc:sldMk cId="1927859005" sldId="350"/>
            <ac:picMk id="8" creationId="{E3D4B075-4621-484A-B8DD-E3E52A5906E3}"/>
          </ac:picMkLst>
        </pc:picChg>
      </pc:sldChg>
      <pc:sldChg chg="addSp modSp new mod ord modAnim">
        <pc:chgData name="Daly Donnacha HSLU I" userId="0f22e960-400a-43ff-baeb-4828c8f5cd3a" providerId="ADAL" clId="{48BE1500-AA2B-CB46-9ECE-0332FF21EC00}" dt="2021-12-07T12:19:58.493" v="1330" actId="20578"/>
        <pc:sldMkLst>
          <pc:docMk/>
          <pc:sldMk cId="3124936421" sldId="351"/>
        </pc:sldMkLst>
        <pc:spChg chg="mod">
          <ac:chgData name="Daly Donnacha HSLU I" userId="0f22e960-400a-43ff-baeb-4828c8f5cd3a" providerId="ADAL" clId="{48BE1500-AA2B-CB46-9ECE-0332FF21EC00}" dt="2021-12-07T12:19:17.244" v="1305" actId="20577"/>
          <ac:spMkLst>
            <pc:docMk/>
            <pc:sldMk cId="3124936421" sldId="351"/>
            <ac:spMk id="2" creationId="{9C29D712-16D4-0045-B3CF-C3462E4C5782}"/>
          </ac:spMkLst>
        </pc:spChg>
        <pc:spChg chg="add mod">
          <ac:chgData name="Daly Donnacha HSLU I" userId="0f22e960-400a-43ff-baeb-4828c8f5cd3a" providerId="ADAL" clId="{48BE1500-AA2B-CB46-9ECE-0332FF21EC00}" dt="2021-12-07T09:57:56.671" v="494" actId="1076"/>
          <ac:spMkLst>
            <pc:docMk/>
            <pc:sldMk cId="3124936421" sldId="351"/>
            <ac:spMk id="4" creationId="{0D89EB44-2DFF-BB4F-B253-AAFC89115E26}"/>
          </ac:spMkLst>
        </pc:spChg>
        <pc:picChg chg="add mod">
          <ac:chgData name="Daly Donnacha HSLU I" userId="0f22e960-400a-43ff-baeb-4828c8f5cd3a" providerId="ADAL" clId="{48BE1500-AA2B-CB46-9ECE-0332FF21EC00}" dt="2021-12-07T10:00:38.314" v="515" actId="14100"/>
          <ac:picMkLst>
            <pc:docMk/>
            <pc:sldMk cId="3124936421" sldId="351"/>
            <ac:picMk id="3" creationId="{EBAE621A-6FF0-8C4B-AC92-B90DC288527E}"/>
          </ac:picMkLst>
        </pc:picChg>
        <pc:picChg chg="add mod">
          <ac:chgData name="Daly Donnacha HSLU I" userId="0f22e960-400a-43ff-baeb-4828c8f5cd3a" providerId="ADAL" clId="{48BE1500-AA2B-CB46-9ECE-0332FF21EC00}" dt="2021-12-07T10:02:29.801" v="536" actId="14100"/>
          <ac:picMkLst>
            <pc:docMk/>
            <pc:sldMk cId="3124936421" sldId="351"/>
            <ac:picMk id="5" creationId="{0F547F04-6D21-3745-885B-39AA56A03907}"/>
          </ac:picMkLst>
        </pc:picChg>
        <pc:picChg chg="add mod modCrop">
          <ac:chgData name="Daly Donnacha HSLU I" userId="0f22e960-400a-43ff-baeb-4828c8f5cd3a" providerId="ADAL" clId="{48BE1500-AA2B-CB46-9ECE-0332FF21EC00}" dt="2021-12-07T10:02:32.678" v="537" actId="1076"/>
          <ac:picMkLst>
            <pc:docMk/>
            <pc:sldMk cId="3124936421" sldId="351"/>
            <ac:picMk id="6" creationId="{6E7EAC5A-8C13-0A4D-8AB6-8DF7A7B00E8C}"/>
          </ac:picMkLst>
        </pc:picChg>
      </pc:sldChg>
      <pc:sldChg chg="addSp modSp new mod ord modAnim">
        <pc:chgData name="Daly Donnacha HSLU I" userId="0f22e960-400a-43ff-baeb-4828c8f5cd3a" providerId="ADAL" clId="{48BE1500-AA2B-CB46-9ECE-0332FF21EC00}" dt="2021-12-14T09:20:06.482" v="2042" actId="20577"/>
        <pc:sldMkLst>
          <pc:docMk/>
          <pc:sldMk cId="58802849" sldId="352"/>
        </pc:sldMkLst>
        <pc:spChg chg="mod">
          <ac:chgData name="Daly Donnacha HSLU I" userId="0f22e960-400a-43ff-baeb-4828c8f5cd3a" providerId="ADAL" clId="{48BE1500-AA2B-CB46-9ECE-0332FF21EC00}" dt="2021-12-14T09:20:06.482" v="2042" actId="20577"/>
          <ac:spMkLst>
            <pc:docMk/>
            <pc:sldMk cId="58802849" sldId="352"/>
            <ac:spMk id="2" creationId="{EAAEAC96-36FE-3A41-A9B3-4B7D6B228F40}"/>
          </ac:spMkLst>
        </pc:spChg>
        <pc:spChg chg="add mod">
          <ac:chgData name="Daly Donnacha HSLU I" userId="0f22e960-400a-43ff-baeb-4828c8f5cd3a" providerId="ADAL" clId="{48BE1500-AA2B-CB46-9ECE-0332FF21EC00}" dt="2021-12-07T10:08:57.926" v="573" actId="1076"/>
          <ac:spMkLst>
            <pc:docMk/>
            <pc:sldMk cId="58802849" sldId="352"/>
            <ac:spMk id="4" creationId="{529927B4-883A-E24D-9A89-15BF9295BE16}"/>
          </ac:spMkLst>
        </pc:spChg>
        <pc:picChg chg="add mod">
          <ac:chgData name="Daly Donnacha HSLU I" userId="0f22e960-400a-43ff-baeb-4828c8f5cd3a" providerId="ADAL" clId="{48BE1500-AA2B-CB46-9ECE-0332FF21EC00}" dt="2021-12-07T10:09:36.931" v="579" actId="14100"/>
          <ac:picMkLst>
            <pc:docMk/>
            <pc:sldMk cId="58802849" sldId="352"/>
            <ac:picMk id="3" creationId="{5EF64E90-20AF-454A-961C-0B1FC1183172}"/>
          </ac:picMkLst>
        </pc:picChg>
        <pc:picChg chg="add mod">
          <ac:chgData name="Daly Donnacha HSLU I" userId="0f22e960-400a-43ff-baeb-4828c8f5cd3a" providerId="ADAL" clId="{48BE1500-AA2B-CB46-9ECE-0332FF21EC00}" dt="2021-12-07T10:09:41.071" v="581" actId="14100"/>
          <ac:picMkLst>
            <pc:docMk/>
            <pc:sldMk cId="58802849" sldId="352"/>
            <ac:picMk id="5" creationId="{9B6FAC81-BAED-C84C-B90A-9E1111BFA7E6}"/>
          </ac:picMkLst>
        </pc:picChg>
        <pc:picChg chg="add mod">
          <ac:chgData name="Daly Donnacha HSLU I" userId="0f22e960-400a-43ff-baeb-4828c8f5cd3a" providerId="ADAL" clId="{48BE1500-AA2B-CB46-9ECE-0332FF21EC00}" dt="2021-12-07T10:10:01.978" v="584" actId="1076"/>
          <ac:picMkLst>
            <pc:docMk/>
            <pc:sldMk cId="58802849" sldId="352"/>
            <ac:picMk id="6" creationId="{463988BF-D5D7-994E-9815-CCFB7A4BA54E}"/>
          </ac:picMkLst>
        </pc:picChg>
      </pc:sldChg>
      <pc:sldChg chg="addSp delSp modSp new mod ord">
        <pc:chgData name="Daly Donnacha HSLU I" userId="0f22e960-400a-43ff-baeb-4828c8f5cd3a" providerId="ADAL" clId="{48BE1500-AA2B-CB46-9ECE-0332FF21EC00}" dt="2021-12-07T12:18:56.525" v="1265" actId="20578"/>
        <pc:sldMkLst>
          <pc:docMk/>
          <pc:sldMk cId="1254328164" sldId="353"/>
        </pc:sldMkLst>
        <pc:spChg chg="mod">
          <ac:chgData name="Daly Donnacha HSLU I" userId="0f22e960-400a-43ff-baeb-4828c8f5cd3a" providerId="ADAL" clId="{48BE1500-AA2B-CB46-9ECE-0332FF21EC00}" dt="2021-12-07T12:18:20.220" v="1245" actId="20577"/>
          <ac:spMkLst>
            <pc:docMk/>
            <pc:sldMk cId="1254328164" sldId="353"/>
            <ac:spMk id="2" creationId="{F52ED7C8-5041-C449-A015-4976E21A6E2E}"/>
          </ac:spMkLst>
        </pc:spChg>
        <pc:spChg chg="add mod">
          <ac:chgData name="Daly Donnacha HSLU I" userId="0f22e960-400a-43ff-baeb-4828c8f5cd3a" providerId="ADAL" clId="{48BE1500-AA2B-CB46-9ECE-0332FF21EC00}" dt="2021-12-07T10:16:30.401" v="606" actId="20577"/>
          <ac:spMkLst>
            <pc:docMk/>
            <pc:sldMk cId="1254328164" sldId="353"/>
            <ac:spMk id="6" creationId="{8A6092DF-587E-5E48-B20E-62221CF159A2}"/>
          </ac:spMkLst>
        </pc:spChg>
        <pc:picChg chg="add del mod">
          <ac:chgData name="Daly Donnacha HSLU I" userId="0f22e960-400a-43ff-baeb-4828c8f5cd3a" providerId="ADAL" clId="{48BE1500-AA2B-CB46-9ECE-0332FF21EC00}" dt="2021-12-07T10:14:37.159" v="588" actId="478"/>
          <ac:picMkLst>
            <pc:docMk/>
            <pc:sldMk cId="1254328164" sldId="353"/>
            <ac:picMk id="3" creationId="{29D2E0A8-FA51-114F-B4EF-51329461A558}"/>
          </ac:picMkLst>
        </pc:picChg>
        <pc:picChg chg="add mod">
          <ac:chgData name="Daly Donnacha HSLU I" userId="0f22e960-400a-43ff-baeb-4828c8f5cd3a" providerId="ADAL" clId="{48BE1500-AA2B-CB46-9ECE-0332FF21EC00}" dt="2021-12-07T10:14:51.621" v="595" actId="14100"/>
          <ac:picMkLst>
            <pc:docMk/>
            <pc:sldMk cId="1254328164" sldId="353"/>
            <ac:picMk id="4" creationId="{73AE2F97-DCC5-7646-978D-C2AA7D006457}"/>
          </ac:picMkLst>
        </pc:picChg>
        <pc:picChg chg="add mod">
          <ac:chgData name="Daly Donnacha HSLU I" userId="0f22e960-400a-43ff-baeb-4828c8f5cd3a" providerId="ADAL" clId="{48BE1500-AA2B-CB46-9ECE-0332FF21EC00}" dt="2021-12-07T10:15:53.848" v="599" actId="14100"/>
          <ac:picMkLst>
            <pc:docMk/>
            <pc:sldMk cId="1254328164" sldId="353"/>
            <ac:picMk id="5" creationId="{0F56A5A7-DA4F-BA4F-BB5A-4FF9EC62A5FE}"/>
          </ac:picMkLst>
        </pc:picChg>
      </pc:sldChg>
      <pc:sldChg chg="addSp modSp new del mod">
        <pc:chgData name="Daly Donnacha HSLU I" userId="0f22e960-400a-43ff-baeb-4828c8f5cd3a" providerId="ADAL" clId="{48BE1500-AA2B-CB46-9ECE-0332FF21EC00}" dt="2021-12-14T08:56:57.994" v="1641" actId="2696"/>
        <pc:sldMkLst>
          <pc:docMk/>
          <pc:sldMk cId="4066453760" sldId="354"/>
        </pc:sldMkLst>
        <pc:spChg chg="add mod">
          <ac:chgData name="Daly Donnacha HSLU I" userId="0f22e960-400a-43ff-baeb-4828c8f5cd3a" providerId="ADAL" clId="{48BE1500-AA2B-CB46-9ECE-0332FF21EC00}" dt="2021-12-07T10:06:25.102" v="561" actId="1076"/>
          <ac:spMkLst>
            <pc:docMk/>
            <pc:sldMk cId="4066453760" sldId="354"/>
            <ac:spMk id="6" creationId="{347E7EBE-11A6-784D-8503-D3EB46F01ABD}"/>
          </ac:spMkLst>
        </pc:spChg>
        <pc:picChg chg="add mod">
          <ac:chgData name="Daly Donnacha HSLU I" userId="0f22e960-400a-43ff-baeb-4828c8f5cd3a" providerId="ADAL" clId="{48BE1500-AA2B-CB46-9ECE-0332FF21EC00}" dt="2021-12-07T10:04:10.191" v="550" actId="1076"/>
          <ac:picMkLst>
            <pc:docMk/>
            <pc:sldMk cId="4066453760" sldId="354"/>
            <ac:picMk id="4" creationId="{7028BAFF-4BB7-4843-9429-103AB6E06209}"/>
          </ac:picMkLst>
        </pc:picChg>
        <pc:picChg chg="add mod">
          <ac:chgData name="Daly Donnacha HSLU I" userId="0f22e960-400a-43ff-baeb-4828c8f5cd3a" providerId="ADAL" clId="{48BE1500-AA2B-CB46-9ECE-0332FF21EC00}" dt="2021-12-07T10:04:14.376" v="551" actId="1076"/>
          <ac:picMkLst>
            <pc:docMk/>
            <pc:sldMk cId="4066453760" sldId="354"/>
            <ac:picMk id="1026" creationId="{F05502A4-ABA4-5F4B-A322-E47996094790}"/>
          </ac:picMkLst>
        </pc:picChg>
        <pc:cxnChg chg="add mod">
          <ac:chgData name="Daly Donnacha HSLU I" userId="0f22e960-400a-43ff-baeb-4828c8f5cd3a" providerId="ADAL" clId="{48BE1500-AA2B-CB46-9ECE-0332FF21EC00}" dt="2021-12-07T10:05:05.335" v="555" actId="1076"/>
          <ac:cxnSpMkLst>
            <pc:docMk/>
            <pc:sldMk cId="4066453760" sldId="354"/>
            <ac:cxnSpMk id="5" creationId="{FBF5F3B4-0A69-8742-91E2-AEE4FA9D0BFD}"/>
          </ac:cxnSpMkLst>
        </pc:cxnChg>
      </pc:sldChg>
      <pc:sldChg chg="addSp modSp new mod ord">
        <pc:chgData name="Daly Donnacha HSLU I" userId="0f22e960-400a-43ff-baeb-4828c8f5cd3a" providerId="ADAL" clId="{48BE1500-AA2B-CB46-9ECE-0332FF21EC00}" dt="2021-12-07T12:18:11.932" v="1239" actId="20577"/>
        <pc:sldMkLst>
          <pc:docMk/>
          <pc:sldMk cId="672894107" sldId="355"/>
        </pc:sldMkLst>
        <pc:spChg chg="mod">
          <ac:chgData name="Daly Donnacha HSLU I" userId="0f22e960-400a-43ff-baeb-4828c8f5cd3a" providerId="ADAL" clId="{48BE1500-AA2B-CB46-9ECE-0332FF21EC00}" dt="2021-12-07T12:18:11.932" v="1239" actId="20577"/>
          <ac:spMkLst>
            <pc:docMk/>
            <pc:sldMk cId="672894107" sldId="355"/>
            <ac:spMk id="2" creationId="{1A301FC5-2C9A-4B48-BD8B-2C5CD61CE00B}"/>
          </ac:spMkLst>
        </pc:spChg>
        <pc:spChg chg="add mod">
          <ac:chgData name="Daly Donnacha HSLU I" userId="0f22e960-400a-43ff-baeb-4828c8f5cd3a" providerId="ADAL" clId="{48BE1500-AA2B-CB46-9ECE-0332FF21EC00}" dt="2021-12-07T10:22:01.317" v="639" actId="6549"/>
          <ac:spMkLst>
            <pc:docMk/>
            <pc:sldMk cId="672894107" sldId="355"/>
            <ac:spMk id="3" creationId="{6FA7D69E-D08F-E145-A047-1933E854F56E}"/>
          </ac:spMkLst>
        </pc:spChg>
        <pc:picChg chg="add mod">
          <ac:chgData name="Daly Donnacha HSLU I" userId="0f22e960-400a-43ff-baeb-4828c8f5cd3a" providerId="ADAL" clId="{48BE1500-AA2B-CB46-9ECE-0332FF21EC00}" dt="2021-12-07T10:21:11.089" v="626" actId="14100"/>
          <ac:picMkLst>
            <pc:docMk/>
            <pc:sldMk cId="672894107" sldId="355"/>
            <ac:picMk id="4" creationId="{BBEDE637-44E8-4B44-A35C-3596EA47E187}"/>
          </ac:picMkLst>
        </pc:picChg>
        <pc:picChg chg="add mod">
          <ac:chgData name="Daly Donnacha HSLU I" userId="0f22e960-400a-43ff-baeb-4828c8f5cd3a" providerId="ADAL" clId="{48BE1500-AA2B-CB46-9ECE-0332FF21EC00}" dt="2021-12-07T10:21:44.060" v="634" actId="1076"/>
          <ac:picMkLst>
            <pc:docMk/>
            <pc:sldMk cId="672894107" sldId="355"/>
            <ac:picMk id="5" creationId="{0C680EBB-6C84-DD42-90DB-0D783051E19D}"/>
          </ac:picMkLst>
        </pc:picChg>
        <pc:picChg chg="add mod">
          <ac:chgData name="Daly Donnacha HSLU I" userId="0f22e960-400a-43ff-baeb-4828c8f5cd3a" providerId="ADAL" clId="{48BE1500-AA2B-CB46-9ECE-0332FF21EC00}" dt="2021-12-07T10:19:14.864" v="620" actId="14100"/>
          <ac:picMkLst>
            <pc:docMk/>
            <pc:sldMk cId="672894107" sldId="355"/>
            <ac:picMk id="2050" creationId="{B772056C-366E-044D-8AD5-1506390C7E6E}"/>
          </ac:picMkLst>
        </pc:picChg>
      </pc:sldChg>
      <pc:sldChg chg="addSp modSp new del mod">
        <pc:chgData name="Daly Donnacha HSLU I" userId="0f22e960-400a-43ff-baeb-4828c8f5cd3a" providerId="ADAL" clId="{48BE1500-AA2B-CB46-9ECE-0332FF21EC00}" dt="2021-12-07T11:32:24.116" v="855" actId="2696"/>
        <pc:sldMkLst>
          <pc:docMk/>
          <pc:sldMk cId="1982517203" sldId="356"/>
        </pc:sldMkLst>
        <pc:picChg chg="add mod">
          <ac:chgData name="Daly Donnacha HSLU I" userId="0f22e960-400a-43ff-baeb-4828c8f5cd3a" providerId="ADAL" clId="{48BE1500-AA2B-CB46-9ECE-0332FF21EC00}" dt="2021-12-07T11:00:04.185" v="646" actId="14100"/>
          <ac:picMkLst>
            <pc:docMk/>
            <pc:sldMk cId="1982517203" sldId="356"/>
            <ac:picMk id="3" creationId="{7332F37A-BB92-3D4D-915E-B2F8D5B60153}"/>
          </ac:picMkLst>
        </pc:picChg>
        <pc:picChg chg="add mod">
          <ac:chgData name="Daly Donnacha HSLU I" userId="0f22e960-400a-43ff-baeb-4828c8f5cd3a" providerId="ADAL" clId="{48BE1500-AA2B-CB46-9ECE-0332FF21EC00}" dt="2021-12-07T11:00:26.464" v="650" actId="14100"/>
          <ac:picMkLst>
            <pc:docMk/>
            <pc:sldMk cId="1982517203" sldId="356"/>
            <ac:picMk id="3074" creationId="{AE598DDB-D738-D44F-B065-2AAFBD46E24D}"/>
          </ac:picMkLst>
        </pc:picChg>
      </pc:sldChg>
      <pc:sldChg chg="addSp modSp new mod ord">
        <pc:chgData name="Daly Donnacha HSLU I" userId="0f22e960-400a-43ff-baeb-4828c8f5cd3a" providerId="ADAL" clId="{48BE1500-AA2B-CB46-9ECE-0332FF21EC00}" dt="2021-12-14T09:25:03.894" v="2155" actId="20577"/>
        <pc:sldMkLst>
          <pc:docMk/>
          <pc:sldMk cId="717512525" sldId="357"/>
        </pc:sldMkLst>
        <pc:spChg chg="mod">
          <ac:chgData name="Daly Donnacha HSLU I" userId="0f22e960-400a-43ff-baeb-4828c8f5cd3a" providerId="ADAL" clId="{48BE1500-AA2B-CB46-9ECE-0332FF21EC00}" dt="2021-12-14T09:25:03.894" v="2155" actId="20577"/>
          <ac:spMkLst>
            <pc:docMk/>
            <pc:sldMk cId="717512525" sldId="357"/>
            <ac:spMk id="2" creationId="{826821F0-9C86-1B4E-9E5A-AD0B50BD36B4}"/>
          </ac:spMkLst>
        </pc:spChg>
        <pc:spChg chg="add mod">
          <ac:chgData name="Daly Donnacha HSLU I" userId="0f22e960-400a-43ff-baeb-4828c8f5cd3a" providerId="ADAL" clId="{48BE1500-AA2B-CB46-9ECE-0332FF21EC00}" dt="2021-12-07T11:18:55.777" v="676" actId="1076"/>
          <ac:spMkLst>
            <pc:docMk/>
            <pc:sldMk cId="717512525" sldId="357"/>
            <ac:spMk id="6" creationId="{CC53DD8E-C75E-3C47-A8EF-82E7BAD4FEDC}"/>
          </ac:spMkLst>
        </pc:spChg>
        <pc:picChg chg="add mod">
          <ac:chgData name="Daly Donnacha HSLU I" userId="0f22e960-400a-43ff-baeb-4828c8f5cd3a" providerId="ADAL" clId="{48BE1500-AA2B-CB46-9ECE-0332FF21EC00}" dt="2021-12-07T11:12:54.960" v="656" actId="14100"/>
          <ac:picMkLst>
            <pc:docMk/>
            <pc:sldMk cId="717512525" sldId="357"/>
            <ac:picMk id="3" creationId="{D440BB7F-0D0F-EC4F-A562-B968964F4103}"/>
          </ac:picMkLst>
        </pc:picChg>
        <pc:picChg chg="add mod modCrop">
          <ac:chgData name="Daly Donnacha HSLU I" userId="0f22e960-400a-43ff-baeb-4828c8f5cd3a" providerId="ADAL" clId="{48BE1500-AA2B-CB46-9ECE-0332FF21EC00}" dt="2021-12-07T11:18:10.157" v="666" actId="732"/>
          <ac:picMkLst>
            <pc:docMk/>
            <pc:sldMk cId="717512525" sldId="357"/>
            <ac:picMk id="4" creationId="{013E83F2-BCF9-4043-B90F-1E4410B684B8}"/>
          </ac:picMkLst>
        </pc:picChg>
        <pc:picChg chg="add mod">
          <ac:chgData name="Daly Donnacha HSLU I" userId="0f22e960-400a-43ff-baeb-4828c8f5cd3a" providerId="ADAL" clId="{48BE1500-AA2B-CB46-9ECE-0332FF21EC00}" dt="2021-12-07T11:18:15.077" v="668" actId="14100"/>
          <ac:picMkLst>
            <pc:docMk/>
            <pc:sldMk cId="717512525" sldId="357"/>
            <ac:picMk id="5" creationId="{F0FAFEDA-5900-2748-AE13-06F0F347B828}"/>
          </ac:picMkLst>
        </pc:picChg>
        <pc:picChg chg="add mod">
          <ac:chgData name="Daly Donnacha HSLU I" userId="0f22e960-400a-43ff-baeb-4828c8f5cd3a" providerId="ADAL" clId="{48BE1500-AA2B-CB46-9ECE-0332FF21EC00}" dt="2021-12-07T11:19:18.536" v="681" actId="1076"/>
          <ac:picMkLst>
            <pc:docMk/>
            <pc:sldMk cId="717512525" sldId="357"/>
            <ac:picMk id="4098" creationId="{573039A3-9A6A-AC4D-B1FA-1A423B1F10B3}"/>
          </ac:picMkLst>
        </pc:picChg>
      </pc:sldChg>
      <pc:sldChg chg="addSp delSp modSp new mod modAnim">
        <pc:chgData name="Daly Donnacha HSLU I" userId="0f22e960-400a-43ff-baeb-4828c8f5cd3a" providerId="ADAL" clId="{48BE1500-AA2B-CB46-9ECE-0332FF21EC00}" dt="2021-12-07T12:18:16.260" v="1242" actId="20577"/>
        <pc:sldMkLst>
          <pc:docMk/>
          <pc:sldMk cId="1966182517" sldId="358"/>
        </pc:sldMkLst>
        <pc:spChg chg="mod">
          <ac:chgData name="Daly Donnacha HSLU I" userId="0f22e960-400a-43ff-baeb-4828c8f5cd3a" providerId="ADAL" clId="{48BE1500-AA2B-CB46-9ECE-0332FF21EC00}" dt="2021-12-07T12:18:16.260" v="1242" actId="20577"/>
          <ac:spMkLst>
            <pc:docMk/>
            <pc:sldMk cId="1966182517" sldId="358"/>
            <ac:spMk id="2" creationId="{1B96AC57-3173-8746-8D06-0CB2F399F088}"/>
          </ac:spMkLst>
        </pc:spChg>
        <pc:spChg chg="add mod">
          <ac:chgData name="Daly Donnacha HSLU I" userId="0f22e960-400a-43ff-baeb-4828c8f5cd3a" providerId="ADAL" clId="{48BE1500-AA2B-CB46-9ECE-0332FF21EC00}" dt="2021-12-07T11:23:41.893" v="714" actId="207"/>
          <ac:spMkLst>
            <pc:docMk/>
            <pc:sldMk cId="1966182517" sldId="358"/>
            <ac:spMk id="6" creationId="{F51B7ABB-63D4-0042-9BA8-278D8344C357}"/>
          </ac:spMkLst>
        </pc:spChg>
        <pc:spChg chg="add del mod">
          <ac:chgData name="Daly Donnacha HSLU I" userId="0f22e960-400a-43ff-baeb-4828c8f5cd3a" providerId="ADAL" clId="{48BE1500-AA2B-CB46-9ECE-0332FF21EC00}" dt="2021-12-07T11:23:33.158" v="710" actId="478"/>
          <ac:spMkLst>
            <pc:docMk/>
            <pc:sldMk cId="1966182517" sldId="358"/>
            <ac:spMk id="7" creationId="{C6CAE524-54CF-E544-A81D-CAF0707F6FD8}"/>
          </ac:spMkLst>
        </pc:spChg>
        <pc:spChg chg="add del mod">
          <ac:chgData name="Daly Donnacha HSLU I" userId="0f22e960-400a-43ff-baeb-4828c8f5cd3a" providerId="ADAL" clId="{48BE1500-AA2B-CB46-9ECE-0332FF21EC00}" dt="2021-12-07T11:23:36.894" v="712" actId="478"/>
          <ac:spMkLst>
            <pc:docMk/>
            <pc:sldMk cId="1966182517" sldId="358"/>
            <ac:spMk id="8" creationId="{7D7524B7-AFB3-394C-A30D-6409B1029046}"/>
          </ac:spMkLst>
        </pc:spChg>
        <pc:picChg chg="add mod">
          <ac:chgData name="Daly Donnacha HSLU I" userId="0f22e960-400a-43ff-baeb-4828c8f5cd3a" providerId="ADAL" clId="{48BE1500-AA2B-CB46-9ECE-0332FF21EC00}" dt="2021-12-07T11:21:01.158" v="687" actId="14100"/>
          <ac:picMkLst>
            <pc:docMk/>
            <pc:sldMk cId="1966182517" sldId="358"/>
            <ac:picMk id="3" creationId="{1453B135-03A5-9E40-9C44-C8E7E8E66DEF}"/>
          </ac:picMkLst>
        </pc:picChg>
        <pc:picChg chg="add del mod">
          <ac:chgData name="Daly Donnacha HSLU I" userId="0f22e960-400a-43ff-baeb-4828c8f5cd3a" providerId="ADAL" clId="{48BE1500-AA2B-CB46-9ECE-0332FF21EC00}" dt="2021-12-07T11:22:21.941" v="697" actId="478"/>
          <ac:picMkLst>
            <pc:docMk/>
            <pc:sldMk cId="1966182517" sldId="358"/>
            <ac:picMk id="4" creationId="{10C07BD7-CCF5-A44A-A1B9-439E9D7BD83D}"/>
          </ac:picMkLst>
        </pc:picChg>
        <pc:picChg chg="add mod">
          <ac:chgData name="Daly Donnacha HSLU I" userId="0f22e960-400a-43ff-baeb-4828c8f5cd3a" providerId="ADAL" clId="{48BE1500-AA2B-CB46-9ECE-0332FF21EC00}" dt="2021-12-07T11:22:49.830" v="701" actId="14100"/>
          <ac:picMkLst>
            <pc:docMk/>
            <pc:sldMk cId="1966182517" sldId="358"/>
            <ac:picMk id="5" creationId="{A5DDEE21-592A-054B-A958-7AB373FB89E9}"/>
          </ac:picMkLst>
        </pc:picChg>
      </pc:sldChg>
      <pc:sldChg chg="addSp modSp new mod ord">
        <pc:chgData name="Daly Donnacha HSLU I" userId="0f22e960-400a-43ff-baeb-4828c8f5cd3a" providerId="ADAL" clId="{48BE1500-AA2B-CB46-9ECE-0332FF21EC00}" dt="2021-12-14T09:27:02.638" v="2214" actId="20577"/>
        <pc:sldMkLst>
          <pc:docMk/>
          <pc:sldMk cId="2744634031" sldId="359"/>
        </pc:sldMkLst>
        <pc:spChg chg="mod">
          <ac:chgData name="Daly Donnacha HSLU I" userId="0f22e960-400a-43ff-baeb-4828c8f5cd3a" providerId="ADAL" clId="{48BE1500-AA2B-CB46-9ECE-0332FF21EC00}" dt="2021-12-14T09:27:02.638" v="2214" actId="20577"/>
          <ac:spMkLst>
            <pc:docMk/>
            <pc:sldMk cId="2744634031" sldId="359"/>
            <ac:spMk id="2" creationId="{60DC4480-3E1E-3F4D-BF8D-40C8E0EDDAFD}"/>
          </ac:spMkLst>
        </pc:spChg>
        <pc:spChg chg="add mod">
          <ac:chgData name="Daly Donnacha HSLU I" userId="0f22e960-400a-43ff-baeb-4828c8f5cd3a" providerId="ADAL" clId="{48BE1500-AA2B-CB46-9ECE-0332FF21EC00}" dt="2021-12-07T11:31:04.363" v="762" actId="207"/>
          <ac:spMkLst>
            <pc:docMk/>
            <pc:sldMk cId="2744634031" sldId="359"/>
            <ac:spMk id="9" creationId="{FA608FD6-0FA7-AB42-B605-24FE10F046D8}"/>
          </ac:spMkLst>
        </pc:spChg>
        <pc:picChg chg="add mod">
          <ac:chgData name="Daly Donnacha HSLU I" userId="0f22e960-400a-43ff-baeb-4828c8f5cd3a" providerId="ADAL" clId="{48BE1500-AA2B-CB46-9ECE-0332FF21EC00}" dt="2021-12-07T11:25:36.267" v="722" actId="14100"/>
          <ac:picMkLst>
            <pc:docMk/>
            <pc:sldMk cId="2744634031" sldId="359"/>
            <ac:picMk id="3" creationId="{158870DE-DA01-944B-B8CB-AD35418AA437}"/>
          </ac:picMkLst>
        </pc:picChg>
        <pc:picChg chg="add mod modCrop">
          <ac:chgData name="Daly Donnacha HSLU I" userId="0f22e960-400a-43ff-baeb-4828c8f5cd3a" providerId="ADAL" clId="{48BE1500-AA2B-CB46-9ECE-0332FF21EC00}" dt="2021-12-07T11:28:52.390" v="749" actId="1076"/>
          <ac:picMkLst>
            <pc:docMk/>
            <pc:sldMk cId="2744634031" sldId="359"/>
            <ac:picMk id="4" creationId="{656CCD87-4AB0-954D-9282-319E14F836F6}"/>
          </ac:picMkLst>
        </pc:picChg>
        <pc:picChg chg="add mod">
          <ac:chgData name="Daly Donnacha HSLU I" userId="0f22e960-400a-43ff-baeb-4828c8f5cd3a" providerId="ADAL" clId="{48BE1500-AA2B-CB46-9ECE-0332FF21EC00}" dt="2021-12-07T11:28:50.352" v="748" actId="1076"/>
          <ac:picMkLst>
            <pc:docMk/>
            <pc:sldMk cId="2744634031" sldId="359"/>
            <ac:picMk id="5" creationId="{03D180D1-6FEF-4D44-BAF2-784A293B9377}"/>
          </ac:picMkLst>
        </pc:picChg>
        <pc:picChg chg="add mod modCrop">
          <ac:chgData name="Daly Donnacha HSLU I" userId="0f22e960-400a-43ff-baeb-4828c8f5cd3a" providerId="ADAL" clId="{48BE1500-AA2B-CB46-9ECE-0332FF21EC00}" dt="2021-12-07T11:28:04.319" v="737" actId="1076"/>
          <ac:picMkLst>
            <pc:docMk/>
            <pc:sldMk cId="2744634031" sldId="359"/>
            <ac:picMk id="6" creationId="{2379CAA0-6C57-6840-9375-4933A158887F}"/>
          </ac:picMkLst>
        </pc:picChg>
        <pc:picChg chg="add mod modCrop">
          <ac:chgData name="Daly Donnacha HSLU I" userId="0f22e960-400a-43ff-baeb-4828c8f5cd3a" providerId="ADAL" clId="{48BE1500-AA2B-CB46-9ECE-0332FF21EC00}" dt="2021-12-07T11:29:34.589" v="755" actId="1076"/>
          <ac:picMkLst>
            <pc:docMk/>
            <pc:sldMk cId="2744634031" sldId="359"/>
            <ac:picMk id="7" creationId="{E69B7CBC-745D-6E48-A427-849ECF80B9B9}"/>
          </ac:picMkLst>
        </pc:picChg>
        <pc:picChg chg="add mod modCrop">
          <ac:chgData name="Daly Donnacha HSLU I" userId="0f22e960-400a-43ff-baeb-4828c8f5cd3a" providerId="ADAL" clId="{48BE1500-AA2B-CB46-9ECE-0332FF21EC00}" dt="2021-12-07T11:29:30.855" v="754" actId="1076"/>
          <ac:picMkLst>
            <pc:docMk/>
            <pc:sldMk cId="2744634031" sldId="359"/>
            <ac:picMk id="8" creationId="{1DD5D7C5-B20C-274B-9256-84EF48384915}"/>
          </ac:picMkLst>
        </pc:picChg>
      </pc:sldChg>
      <pc:sldChg chg="addSp delSp modSp new mod ord">
        <pc:chgData name="Daly Donnacha HSLU I" userId="0f22e960-400a-43ff-baeb-4828c8f5cd3a" providerId="ADAL" clId="{48BE1500-AA2B-CB46-9ECE-0332FF21EC00}" dt="2021-12-14T09:28:01.541" v="2229" actId="20577"/>
        <pc:sldMkLst>
          <pc:docMk/>
          <pc:sldMk cId="3435519794" sldId="360"/>
        </pc:sldMkLst>
        <pc:spChg chg="mod">
          <ac:chgData name="Daly Donnacha HSLU I" userId="0f22e960-400a-43ff-baeb-4828c8f5cd3a" providerId="ADAL" clId="{48BE1500-AA2B-CB46-9ECE-0332FF21EC00}" dt="2021-12-14T09:28:01.541" v="2229" actId="20577"/>
          <ac:spMkLst>
            <pc:docMk/>
            <pc:sldMk cId="3435519794" sldId="360"/>
            <ac:spMk id="2" creationId="{204A2092-BDCB-FA49-BDF6-A76D36F47B94}"/>
          </ac:spMkLst>
        </pc:spChg>
        <pc:spChg chg="add mod">
          <ac:chgData name="Daly Donnacha HSLU I" userId="0f22e960-400a-43ff-baeb-4828c8f5cd3a" providerId="ADAL" clId="{48BE1500-AA2B-CB46-9ECE-0332FF21EC00}" dt="2021-12-13T12:58:54.692" v="1429" actId="1076"/>
          <ac:spMkLst>
            <pc:docMk/>
            <pc:sldMk cId="3435519794" sldId="360"/>
            <ac:spMk id="3" creationId="{208E292A-CBD9-954A-9AE3-FF341720D797}"/>
          </ac:spMkLst>
        </pc:spChg>
        <pc:picChg chg="add del mod">
          <ac:chgData name="Daly Donnacha HSLU I" userId="0f22e960-400a-43ff-baeb-4828c8f5cd3a" providerId="ADAL" clId="{48BE1500-AA2B-CB46-9ECE-0332FF21EC00}" dt="2021-12-07T11:34:59.978" v="867" actId="478"/>
          <ac:picMkLst>
            <pc:docMk/>
            <pc:sldMk cId="3435519794" sldId="360"/>
            <ac:picMk id="3" creationId="{642C9C65-E72A-6149-AF77-F0DDD2D361AF}"/>
          </ac:picMkLst>
        </pc:picChg>
        <pc:picChg chg="add mod">
          <ac:chgData name="Daly Donnacha HSLU I" userId="0f22e960-400a-43ff-baeb-4828c8f5cd3a" providerId="ADAL" clId="{48BE1500-AA2B-CB46-9ECE-0332FF21EC00}" dt="2021-12-07T11:36:36.700" v="933" actId="1036"/>
          <ac:picMkLst>
            <pc:docMk/>
            <pc:sldMk cId="3435519794" sldId="360"/>
            <ac:picMk id="4" creationId="{7D7ECC9F-4F51-E440-AF36-3ABC407A04A0}"/>
          </ac:picMkLst>
        </pc:picChg>
        <pc:picChg chg="add mod">
          <ac:chgData name="Daly Donnacha HSLU I" userId="0f22e960-400a-43ff-baeb-4828c8f5cd3a" providerId="ADAL" clId="{48BE1500-AA2B-CB46-9ECE-0332FF21EC00}" dt="2021-12-07T11:35:07.314" v="912" actId="1076"/>
          <ac:picMkLst>
            <pc:docMk/>
            <pc:sldMk cId="3435519794" sldId="360"/>
            <ac:picMk id="5" creationId="{3DC4AA83-DF09-A04E-A507-3B4B7ADB9D00}"/>
          </ac:picMkLst>
        </pc:picChg>
        <pc:picChg chg="add mod">
          <ac:chgData name="Daly Donnacha HSLU I" userId="0f22e960-400a-43ff-baeb-4828c8f5cd3a" providerId="ADAL" clId="{48BE1500-AA2B-CB46-9ECE-0332FF21EC00}" dt="2021-12-07T11:35:51.176" v="921" actId="14100"/>
          <ac:picMkLst>
            <pc:docMk/>
            <pc:sldMk cId="3435519794" sldId="360"/>
            <ac:picMk id="6" creationId="{638EF813-A59E-0A4A-9F5F-9DF290D84199}"/>
          </ac:picMkLst>
        </pc:picChg>
        <pc:picChg chg="add mod">
          <ac:chgData name="Daly Donnacha HSLU I" userId="0f22e960-400a-43ff-baeb-4828c8f5cd3a" providerId="ADAL" clId="{48BE1500-AA2B-CB46-9ECE-0332FF21EC00}" dt="2021-12-07T11:36:36.700" v="933" actId="1036"/>
          <ac:picMkLst>
            <pc:docMk/>
            <pc:sldMk cId="3435519794" sldId="360"/>
            <ac:picMk id="7" creationId="{CAB5D456-B884-0D4D-8D31-5A9A63B25E7F}"/>
          </ac:picMkLst>
        </pc:picChg>
      </pc:sldChg>
      <pc:sldChg chg="addSp delSp modSp new mod ord">
        <pc:chgData name="Daly Donnacha HSLU I" userId="0f22e960-400a-43ff-baeb-4828c8f5cd3a" providerId="ADAL" clId="{48BE1500-AA2B-CB46-9ECE-0332FF21EC00}" dt="2021-12-14T09:21:05.992" v="2105" actId="20577"/>
        <pc:sldMkLst>
          <pc:docMk/>
          <pc:sldMk cId="3229606873" sldId="361"/>
        </pc:sldMkLst>
        <pc:spChg chg="mod">
          <ac:chgData name="Daly Donnacha HSLU I" userId="0f22e960-400a-43ff-baeb-4828c8f5cd3a" providerId="ADAL" clId="{48BE1500-AA2B-CB46-9ECE-0332FF21EC00}" dt="2021-12-14T09:21:05.992" v="2105" actId="20577"/>
          <ac:spMkLst>
            <pc:docMk/>
            <pc:sldMk cId="3229606873" sldId="361"/>
            <ac:spMk id="2" creationId="{5E490BC6-33B6-AA49-9F86-4AFD0D56244B}"/>
          </ac:spMkLst>
        </pc:spChg>
        <pc:spChg chg="add mod">
          <ac:chgData name="Daly Donnacha HSLU I" userId="0f22e960-400a-43ff-baeb-4828c8f5cd3a" providerId="ADAL" clId="{48BE1500-AA2B-CB46-9ECE-0332FF21EC00}" dt="2021-12-07T11:45:17.951" v="978" actId="20577"/>
          <ac:spMkLst>
            <pc:docMk/>
            <pc:sldMk cId="3229606873" sldId="361"/>
            <ac:spMk id="7" creationId="{DD394D55-B79A-4A40-A969-567D258DBBF1}"/>
          </ac:spMkLst>
        </pc:spChg>
        <pc:picChg chg="add mod modCrop">
          <ac:chgData name="Daly Donnacha HSLU I" userId="0f22e960-400a-43ff-baeb-4828c8f5cd3a" providerId="ADAL" clId="{48BE1500-AA2B-CB46-9ECE-0332FF21EC00}" dt="2021-12-07T11:44:05.655" v="961" actId="14100"/>
          <ac:picMkLst>
            <pc:docMk/>
            <pc:sldMk cId="3229606873" sldId="361"/>
            <ac:picMk id="3" creationId="{3A5996B7-2018-F748-842B-012B6F38A72A}"/>
          </ac:picMkLst>
        </pc:picChg>
        <pc:picChg chg="add mod">
          <ac:chgData name="Daly Donnacha HSLU I" userId="0f22e960-400a-43ff-baeb-4828c8f5cd3a" providerId="ADAL" clId="{48BE1500-AA2B-CB46-9ECE-0332FF21EC00}" dt="2021-12-07T11:44:10.207" v="963" actId="1076"/>
          <ac:picMkLst>
            <pc:docMk/>
            <pc:sldMk cId="3229606873" sldId="361"/>
            <ac:picMk id="4" creationId="{8FC4E8B2-DCE8-C24D-927B-6B3E972EB6C0}"/>
          </ac:picMkLst>
        </pc:picChg>
        <pc:picChg chg="add del mod">
          <ac:chgData name="Daly Donnacha HSLU I" userId="0f22e960-400a-43ff-baeb-4828c8f5cd3a" providerId="ADAL" clId="{48BE1500-AA2B-CB46-9ECE-0332FF21EC00}" dt="2021-12-07T11:43:25.803" v="949" actId="478"/>
          <ac:picMkLst>
            <pc:docMk/>
            <pc:sldMk cId="3229606873" sldId="361"/>
            <ac:picMk id="5" creationId="{9D5E2600-C578-2F4A-B31E-A8804C3A1C01}"/>
          </ac:picMkLst>
        </pc:picChg>
        <pc:picChg chg="add mod">
          <ac:chgData name="Daly Donnacha HSLU I" userId="0f22e960-400a-43ff-baeb-4828c8f5cd3a" providerId="ADAL" clId="{48BE1500-AA2B-CB46-9ECE-0332FF21EC00}" dt="2021-12-07T11:44:49.112" v="969" actId="1076"/>
          <ac:picMkLst>
            <pc:docMk/>
            <pc:sldMk cId="3229606873" sldId="361"/>
            <ac:picMk id="6" creationId="{9F9968CD-0C3C-AA40-9583-E95BA2EA38C2}"/>
          </ac:picMkLst>
        </pc:picChg>
        <pc:picChg chg="add mod">
          <ac:chgData name="Daly Donnacha HSLU I" userId="0f22e960-400a-43ff-baeb-4828c8f5cd3a" providerId="ADAL" clId="{48BE1500-AA2B-CB46-9ECE-0332FF21EC00}" dt="2021-12-07T11:44:18.421" v="964" actId="1076"/>
          <ac:picMkLst>
            <pc:docMk/>
            <pc:sldMk cId="3229606873" sldId="361"/>
            <ac:picMk id="5122" creationId="{BC25CC9B-6B9D-6C4B-BEB0-7FC29EC66013}"/>
          </ac:picMkLst>
        </pc:picChg>
      </pc:sldChg>
      <pc:sldChg chg="addSp modSp new mod ord">
        <pc:chgData name="Daly Donnacha HSLU I" userId="0f22e960-400a-43ff-baeb-4828c8f5cd3a" providerId="ADAL" clId="{48BE1500-AA2B-CB46-9ECE-0332FF21EC00}" dt="2021-12-14T08:52:21.405" v="1616" actId="20577"/>
        <pc:sldMkLst>
          <pc:docMk/>
          <pc:sldMk cId="996039338" sldId="362"/>
        </pc:sldMkLst>
        <pc:spChg chg="mod">
          <ac:chgData name="Daly Donnacha HSLU I" userId="0f22e960-400a-43ff-baeb-4828c8f5cd3a" providerId="ADAL" clId="{48BE1500-AA2B-CB46-9ECE-0332FF21EC00}" dt="2021-12-14T08:52:21.405" v="1616" actId="20577"/>
          <ac:spMkLst>
            <pc:docMk/>
            <pc:sldMk cId="996039338" sldId="362"/>
            <ac:spMk id="2" creationId="{E6369F95-7626-4B44-BDBF-F8A2619365C3}"/>
          </ac:spMkLst>
        </pc:spChg>
        <pc:spChg chg="add mod">
          <ac:chgData name="Daly Donnacha HSLU I" userId="0f22e960-400a-43ff-baeb-4828c8f5cd3a" providerId="ADAL" clId="{48BE1500-AA2B-CB46-9ECE-0332FF21EC00}" dt="2021-12-07T11:46:46.346" v="993" actId="1076"/>
          <ac:spMkLst>
            <pc:docMk/>
            <pc:sldMk cId="996039338" sldId="362"/>
            <ac:spMk id="4" creationId="{79810212-28D9-2742-98DB-5EDEEF78C340}"/>
          </ac:spMkLst>
        </pc:spChg>
        <pc:picChg chg="add mod">
          <ac:chgData name="Daly Donnacha HSLU I" userId="0f22e960-400a-43ff-baeb-4828c8f5cd3a" providerId="ADAL" clId="{48BE1500-AA2B-CB46-9ECE-0332FF21EC00}" dt="2021-12-07T11:46:19.135" v="983" actId="14100"/>
          <ac:picMkLst>
            <pc:docMk/>
            <pc:sldMk cId="996039338" sldId="362"/>
            <ac:picMk id="3" creationId="{CD5ED6DC-7E46-7645-9301-9039DED702CC}"/>
          </ac:picMkLst>
        </pc:picChg>
        <pc:picChg chg="add mod modCrop">
          <ac:chgData name="Daly Donnacha HSLU I" userId="0f22e960-400a-43ff-baeb-4828c8f5cd3a" providerId="ADAL" clId="{48BE1500-AA2B-CB46-9ECE-0332FF21EC00}" dt="2021-12-07T11:47:14.075" v="999" actId="14100"/>
          <ac:picMkLst>
            <pc:docMk/>
            <pc:sldMk cId="996039338" sldId="362"/>
            <ac:picMk id="5" creationId="{B74EC1B5-E67F-1E45-80C8-5756C4180ADE}"/>
          </ac:picMkLst>
        </pc:picChg>
      </pc:sldChg>
      <pc:sldChg chg="addSp modSp new mod ord">
        <pc:chgData name="Daly Donnacha HSLU I" userId="0f22e960-400a-43ff-baeb-4828c8f5cd3a" providerId="ADAL" clId="{48BE1500-AA2B-CB46-9ECE-0332FF21EC00}" dt="2021-12-14T09:15:47.205" v="1917" actId="313"/>
        <pc:sldMkLst>
          <pc:docMk/>
          <pc:sldMk cId="2797220100" sldId="363"/>
        </pc:sldMkLst>
        <pc:spChg chg="mod">
          <ac:chgData name="Daly Donnacha HSLU I" userId="0f22e960-400a-43ff-baeb-4828c8f5cd3a" providerId="ADAL" clId="{48BE1500-AA2B-CB46-9ECE-0332FF21EC00}" dt="2021-12-14T09:15:47.205" v="1917" actId="313"/>
          <ac:spMkLst>
            <pc:docMk/>
            <pc:sldMk cId="2797220100" sldId="363"/>
            <ac:spMk id="2" creationId="{3F1AEF23-C987-A343-BE1C-769A25F7596F}"/>
          </ac:spMkLst>
        </pc:spChg>
        <pc:spChg chg="add mod">
          <ac:chgData name="Daly Donnacha HSLU I" userId="0f22e960-400a-43ff-baeb-4828c8f5cd3a" providerId="ADAL" clId="{48BE1500-AA2B-CB46-9ECE-0332FF21EC00}" dt="2021-12-07T11:50:45.176" v="1035" actId="14100"/>
          <ac:spMkLst>
            <pc:docMk/>
            <pc:sldMk cId="2797220100" sldId="363"/>
            <ac:spMk id="5" creationId="{E5D97170-C322-F54E-92DB-1107A12CE342}"/>
          </ac:spMkLst>
        </pc:spChg>
        <pc:picChg chg="add mod">
          <ac:chgData name="Daly Donnacha HSLU I" userId="0f22e960-400a-43ff-baeb-4828c8f5cd3a" providerId="ADAL" clId="{48BE1500-AA2B-CB46-9ECE-0332FF21EC00}" dt="2021-12-14T08:54:14.082" v="1629" actId="14100"/>
          <ac:picMkLst>
            <pc:docMk/>
            <pc:sldMk cId="2797220100" sldId="363"/>
            <ac:picMk id="3" creationId="{33FB194A-B8CA-7644-8BA8-C707C3FD639A}"/>
          </ac:picMkLst>
        </pc:picChg>
        <pc:picChg chg="add mod">
          <ac:chgData name="Daly Donnacha HSLU I" userId="0f22e960-400a-43ff-baeb-4828c8f5cd3a" providerId="ADAL" clId="{48BE1500-AA2B-CB46-9ECE-0332FF21EC00}" dt="2021-12-14T08:53:58.157" v="1626" actId="1440"/>
          <ac:picMkLst>
            <pc:docMk/>
            <pc:sldMk cId="2797220100" sldId="363"/>
            <ac:picMk id="4" creationId="{1B05B8C7-C7AB-A542-A41C-A24024C55125}"/>
          </ac:picMkLst>
        </pc:picChg>
        <pc:picChg chg="add mod">
          <ac:chgData name="Daly Donnacha HSLU I" userId="0f22e960-400a-43ff-baeb-4828c8f5cd3a" providerId="ADAL" clId="{48BE1500-AA2B-CB46-9ECE-0332FF21EC00}" dt="2021-12-14T08:54:16.774" v="1630" actId="14100"/>
          <ac:picMkLst>
            <pc:docMk/>
            <pc:sldMk cId="2797220100" sldId="363"/>
            <ac:picMk id="1026" creationId="{3C1ECB9A-883E-0E40-A5FF-C01CACF573D2}"/>
          </ac:picMkLst>
        </pc:picChg>
      </pc:sldChg>
      <pc:sldChg chg="addSp modSp new mod ord">
        <pc:chgData name="Daly Donnacha HSLU I" userId="0f22e960-400a-43ff-baeb-4828c8f5cd3a" providerId="ADAL" clId="{48BE1500-AA2B-CB46-9ECE-0332FF21EC00}" dt="2021-12-14T09:16:21.250" v="1948" actId="20577"/>
        <pc:sldMkLst>
          <pc:docMk/>
          <pc:sldMk cId="3224471294" sldId="364"/>
        </pc:sldMkLst>
        <pc:spChg chg="mod">
          <ac:chgData name="Daly Donnacha HSLU I" userId="0f22e960-400a-43ff-baeb-4828c8f5cd3a" providerId="ADAL" clId="{48BE1500-AA2B-CB46-9ECE-0332FF21EC00}" dt="2021-12-14T09:16:21.250" v="1948" actId="20577"/>
          <ac:spMkLst>
            <pc:docMk/>
            <pc:sldMk cId="3224471294" sldId="364"/>
            <ac:spMk id="2" creationId="{F37B9E8D-4323-2840-A9FB-F4246FA85C54}"/>
          </ac:spMkLst>
        </pc:spChg>
        <pc:spChg chg="add mod">
          <ac:chgData name="Daly Donnacha HSLU I" userId="0f22e960-400a-43ff-baeb-4828c8f5cd3a" providerId="ADAL" clId="{48BE1500-AA2B-CB46-9ECE-0332FF21EC00}" dt="2021-12-07T11:54:21.978" v="1054" actId="1076"/>
          <ac:spMkLst>
            <pc:docMk/>
            <pc:sldMk cId="3224471294" sldId="364"/>
            <ac:spMk id="5" creationId="{DC0D69EF-B874-B94B-A457-49C781539231}"/>
          </ac:spMkLst>
        </pc:spChg>
        <pc:picChg chg="add mod">
          <ac:chgData name="Daly Donnacha HSLU I" userId="0f22e960-400a-43ff-baeb-4828c8f5cd3a" providerId="ADAL" clId="{48BE1500-AA2B-CB46-9ECE-0332FF21EC00}" dt="2021-12-07T11:53:55.486" v="1043" actId="14100"/>
          <ac:picMkLst>
            <pc:docMk/>
            <pc:sldMk cId="3224471294" sldId="364"/>
            <ac:picMk id="3" creationId="{0CB66D7D-F8EF-1A42-941B-255320811E70}"/>
          </ac:picMkLst>
        </pc:picChg>
        <pc:picChg chg="add mod">
          <ac:chgData name="Daly Donnacha HSLU I" userId="0f22e960-400a-43ff-baeb-4828c8f5cd3a" providerId="ADAL" clId="{48BE1500-AA2B-CB46-9ECE-0332FF21EC00}" dt="2021-12-07T11:54:02.850" v="1048" actId="14100"/>
          <ac:picMkLst>
            <pc:docMk/>
            <pc:sldMk cId="3224471294" sldId="364"/>
            <ac:picMk id="4" creationId="{88D7D15A-8DFE-5F4E-A102-66EF4A0819F1}"/>
          </ac:picMkLst>
        </pc:picChg>
        <pc:picChg chg="add mod">
          <ac:chgData name="Daly Donnacha HSLU I" userId="0f22e960-400a-43ff-baeb-4828c8f5cd3a" providerId="ADAL" clId="{48BE1500-AA2B-CB46-9ECE-0332FF21EC00}" dt="2021-12-07T11:55:16.557" v="1061" actId="1076"/>
          <ac:picMkLst>
            <pc:docMk/>
            <pc:sldMk cId="3224471294" sldId="364"/>
            <ac:picMk id="6" creationId="{1F80CD7C-4E5F-274F-BB1E-D102BC20C8E0}"/>
          </ac:picMkLst>
        </pc:picChg>
      </pc:sldChg>
      <pc:sldChg chg="addSp modSp new mod">
        <pc:chgData name="Daly Donnacha HSLU I" userId="0f22e960-400a-43ff-baeb-4828c8f5cd3a" providerId="ADAL" clId="{48BE1500-AA2B-CB46-9ECE-0332FF21EC00}" dt="2021-12-07T11:57:51.557" v="1082" actId="1076"/>
        <pc:sldMkLst>
          <pc:docMk/>
          <pc:sldMk cId="2542399751" sldId="365"/>
        </pc:sldMkLst>
        <pc:spChg chg="add mod">
          <ac:chgData name="Daly Donnacha HSLU I" userId="0f22e960-400a-43ff-baeb-4828c8f5cd3a" providerId="ADAL" clId="{48BE1500-AA2B-CB46-9ECE-0332FF21EC00}" dt="2021-12-07T11:57:07.391" v="1076" actId="2085"/>
          <ac:spMkLst>
            <pc:docMk/>
            <pc:sldMk cId="2542399751" sldId="365"/>
            <ac:spMk id="3" creationId="{F75E32B1-DD57-6F47-8F02-BB8EB1C46A3E}"/>
          </ac:spMkLst>
        </pc:spChg>
        <pc:picChg chg="add mod">
          <ac:chgData name="Daly Donnacha HSLU I" userId="0f22e960-400a-43ff-baeb-4828c8f5cd3a" providerId="ADAL" clId="{48BE1500-AA2B-CB46-9ECE-0332FF21EC00}" dt="2021-12-07T11:57:33.861" v="1079" actId="1076"/>
          <ac:picMkLst>
            <pc:docMk/>
            <pc:sldMk cId="2542399751" sldId="365"/>
            <ac:picMk id="4" creationId="{2ACB9A7E-921F-E046-800F-F74D16CB3D36}"/>
          </ac:picMkLst>
        </pc:picChg>
        <pc:picChg chg="add mod">
          <ac:chgData name="Daly Donnacha HSLU I" userId="0f22e960-400a-43ff-baeb-4828c8f5cd3a" providerId="ADAL" clId="{48BE1500-AA2B-CB46-9ECE-0332FF21EC00}" dt="2021-12-07T11:57:51.557" v="1082" actId="1076"/>
          <ac:picMkLst>
            <pc:docMk/>
            <pc:sldMk cId="2542399751" sldId="365"/>
            <ac:picMk id="5" creationId="{15D2572A-A7CB-C44A-B878-08683F245D67}"/>
          </ac:picMkLst>
        </pc:picChg>
        <pc:picChg chg="add mod">
          <ac:chgData name="Daly Donnacha HSLU I" userId="0f22e960-400a-43ff-baeb-4828c8f5cd3a" providerId="ADAL" clId="{48BE1500-AA2B-CB46-9ECE-0332FF21EC00}" dt="2021-12-07T11:56:43.689" v="1073" actId="1038"/>
          <ac:picMkLst>
            <pc:docMk/>
            <pc:sldMk cId="2542399751" sldId="365"/>
            <ac:picMk id="6146" creationId="{433B9A02-0551-7D40-9C32-84E8E1A94327}"/>
          </ac:picMkLst>
        </pc:picChg>
      </pc:sldChg>
      <pc:sldChg chg="addSp delSp modSp new mod ord modAnim">
        <pc:chgData name="Daly Donnacha HSLU I" userId="0f22e960-400a-43ff-baeb-4828c8f5cd3a" providerId="ADAL" clId="{48BE1500-AA2B-CB46-9ECE-0332FF21EC00}" dt="2021-12-07T12:18:52.784" v="1264" actId="20578"/>
        <pc:sldMkLst>
          <pc:docMk/>
          <pc:sldMk cId="2305926195" sldId="366"/>
        </pc:sldMkLst>
        <pc:spChg chg="mod">
          <ac:chgData name="Daly Donnacha HSLU I" userId="0f22e960-400a-43ff-baeb-4828c8f5cd3a" providerId="ADAL" clId="{48BE1500-AA2B-CB46-9ECE-0332FF21EC00}" dt="2021-12-07T12:18:44.694" v="1263" actId="20577"/>
          <ac:spMkLst>
            <pc:docMk/>
            <pc:sldMk cId="2305926195" sldId="366"/>
            <ac:spMk id="2" creationId="{B60A78EB-1720-9F4D-82B9-691565010214}"/>
          </ac:spMkLst>
        </pc:spChg>
        <pc:spChg chg="add del mod">
          <ac:chgData name="Daly Donnacha HSLU I" userId="0f22e960-400a-43ff-baeb-4828c8f5cd3a" providerId="ADAL" clId="{48BE1500-AA2B-CB46-9ECE-0332FF21EC00}" dt="2021-12-07T12:00:07.677" v="1086" actId="478"/>
          <ac:spMkLst>
            <pc:docMk/>
            <pc:sldMk cId="2305926195" sldId="366"/>
            <ac:spMk id="3" creationId="{C3A4B298-B5F3-7541-A34B-E7B1DAD3D098}"/>
          </ac:spMkLst>
        </pc:spChg>
        <pc:spChg chg="add mod">
          <ac:chgData name="Daly Donnacha HSLU I" userId="0f22e960-400a-43ff-baeb-4828c8f5cd3a" providerId="ADAL" clId="{48BE1500-AA2B-CB46-9ECE-0332FF21EC00}" dt="2021-12-07T12:02:34.460" v="1106" actId="1076"/>
          <ac:spMkLst>
            <pc:docMk/>
            <pc:sldMk cId="2305926195" sldId="366"/>
            <ac:spMk id="6" creationId="{D5FEC422-6FB5-E346-BF46-BFCEDDBC48C8}"/>
          </ac:spMkLst>
        </pc:spChg>
        <pc:picChg chg="add mod">
          <ac:chgData name="Daly Donnacha HSLU I" userId="0f22e960-400a-43ff-baeb-4828c8f5cd3a" providerId="ADAL" clId="{48BE1500-AA2B-CB46-9ECE-0332FF21EC00}" dt="2021-12-07T12:01:29.225" v="1092" actId="1076"/>
          <ac:picMkLst>
            <pc:docMk/>
            <pc:sldMk cId="2305926195" sldId="366"/>
            <ac:picMk id="4" creationId="{FF812D35-91CA-BB4B-8725-0DB14F86CD5C}"/>
          </ac:picMkLst>
        </pc:picChg>
        <pc:picChg chg="add mod modCrop">
          <ac:chgData name="Daly Donnacha HSLU I" userId="0f22e960-400a-43ff-baeb-4828c8f5cd3a" providerId="ADAL" clId="{48BE1500-AA2B-CB46-9ECE-0332FF21EC00}" dt="2021-12-07T12:02:03.651" v="1099" actId="14100"/>
          <ac:picMkLst>
            <pc:docMk/>
            <pc:sldMk cId="2305926195" sldId="366"/>
            <ac:picMk id="5" creationId="{3E746238-C15F-AA41-A188-BA19035226EF}"/>
          </ac:picMkLst>
        </pc:picChg>
      </pc:sldChg>
      <pc:sldChg chg="addSp delSp modSp new mod ord">
        <pc:chgData name="Daly Donnacha HSLU I" userId="0f22e960-400a-43ff-baeb-4828c8f5cd3a" providerId="ADAL" clId="{48BE1500-AA2B-CB46-9ECE-0332FF21EC00}" dt="2021-12-14T09:18:57.259" v="1982" actId="313"/>
        <pc:sldMkLst>
          <pc:docMk/>
          <pc:sldMk cId="728045409" sldId="367"/>
        </pc:sldMkLst>
        <pc:spChg chg="mod">
          <ac:chgData name="Daly Donnacha HSLU I" userId="0f22e960-400a-43ff-baeb-4828c8f5cd3a" providerId="ADAL" clId="{48BE1500-AA2B-CB46-9ECE-0332FF21EC00}" dt="2021-12-14T09:18:57.259" v="1982" actId="313"/>
          <ac:spMkLst>
            <pc:docMk/>
            <pc:sldMk cId="728045409" sldId="367"/>
            <ac:spMk id="2" creationId="{07223CDB-F494-D74C-A282-C28012BA5D10}"/>
          </ac:spMkLst>
        </pc:spChg>
        <pc:spChg chg="add mod">
          <ac:chgData name="Daly Donnacha HSLU I" userId="0f22e960-400a-43ff-baeb-4828c8f5cd3a" providerId="ADAL" clId="{48BE1500-AA2B-CB46-9ECE-0332FF21EC00}" dt="2021-12-07T12:05:36.477" v="1126" actId="1076"/>
          <ac:spMkLst>
            <pc:docMk/>
            <pc:sldMk cId="728045409" sldId="367"/>
            <ac:spMk id="4" creationId="{152AEB8D-3C72-BA41-887B-3AC2C4509C96}"/>
          </ac:spMkLst>
        </pc:spChg>
        <pc:picChg chg="add mod">
          <ac:chgData name="Daly Donnacha HSLU I" userId="0f22e960-400a-43ff-baeb-4828c8f5cd3a" providerId="ADAL" clId="{48BE1500-AA2B-CB46-9ECE-0332FF21EC00}" dt="2021-12-07T12:04:40.974" v="1113" actId="14100"/>
          <ac:picMkLst>
            <pc:docMk/>
            <pc:sldMk cId="728045409" sldId="367"/>
            <ac:picMk id="3" creationId="{DFF0ED6A-8DBE-C541-B999-FDA51D1D372C}"/>
          </ac:picMkLst>
        </pc:picChg>
        <pc:picChg chg="add mod">
          <ac:chgData name="Daly Donnacha HSLU I" userId="0f22e960-400a-43ff-baeb-4828c8f5cd3a" providerId="ADAL" clId="{48BE1500-AA2B-CB46-9ECE-0332FF21EC00}" dt="2021-12-07T12:05:10.781" v="1117" actId="14100"/>
          <ac:picMkLst>
            <pc:docMk/>
            <pc:sldMk cId="728045409" sldId="367"/>
            <ac:picMk id="7170" creationId="{7300FD26-BC6E-1448-98D0-7AE130B49B29}"/>
          </ac:picMkLst>
        </pc:picChg>
        <pc:picChg chg="add del">
          <ac:chgData name="Daly Donnacha HSLU I" userId="0f22e960-400a-43ff-baeb-4828c8f5cd3a" providerId="ADAL" clId="{48BE1500-AA2B-CB46-9ECE-0332FF21EC00}" dt="2021-12-07T12:05:15.199" v="1119" actId="478"/>
          <ac:picMkLst>
            <pc:docMk/>
            <pc:sldMk cId="728045409" sldId="367"/>
            <ac:picMk id="7172" creationId="{41B22545-51F9-D74B-8AC9-50B99E305093}"/>
          </ac:picMkLst>
        </pc:picChg>
      </pc:sldChg>
      <pc:sldChg chg="addSp delSp modSp new mod ord modAnim">
        <pc:chgData name="Daly Donnacha HSLU I" userId="0f22e960-400a-43ff-baeb-4828c8f5cd3a" providerId="ADAL" clId="{48BE1500-AA2B-CB46-9ECE-0332FF21EC00}" dt="2021-12-14T08:27:06.772" v="1506" actId="207"/>
        <pc:sldMkLst>
          <pc:docMk/>
          <pc:sldMk cId="167387305" sldId="368"/>
        </pc:sldMkLst>
        <pc:spChg chg="mod">
          <ac:chgData name="Daly Donnacha HSLU I" userId="0f22e960-400a-43ff-baeb-4828c8f5cd3a" providerId="ADAL" clId="{48BE1500-AA2B-CB46-9ECE-0332FF21EC00}" dt="2021-12-07T12:20:18.717" v="1346" actId="20577"/>
          <ac:spMkLst>
            <pc:docMk/>
            <pc:sldMk cId="167387305" sldId="368"/>
            <ac:spMk id="2" creationId="{8F30A129-4120-1043-BCE7-1CE144081E09}"/>
          </ac:spMkLst>
        </pc:spChg>
        <pc:spChg chg="add mod">
          <ac:chgData name="Daly Donnacha HSLU I" userId="0f22e960-400a-43ff-baeb-4828c8f5cd3a" providerId="ADAL" clId="{48BE1500-AA2B-CB46-9ECE-0332FF21EC00}" dt="2021-12-14T08:27:06.772" v="1506" actId="207"/>
          <ac:spMkLst>
            <pc:docMk/>
            <pc:sldMk cId="167387305" sldId="368"/>
            <ac:spMk id="4" creationId="{91B5C5CE-3DD3-6E46-A636-C8983AEA0F6B}"/>
          </ac:spMkLst>
        </pc:spChg>
        <pc:picChg chg="add mod">
          <ac:chgData name="Daly Donnacha HSLU I" userId="0f22e960-400a-43ff-baeb-4828c8f5cd3a" providerId="ADAL" clId="{48BE1500-AA2B-CB46-9ECE-0332FF21EC00}" dt="2021-12-07T12:20:45.215" v="1349" actId="14100"/>
          <ac:picMkLst>
            <pc:docMk/>
            <pc:sldMk cId="167387305" sldId="368"/>
            <ac:picMk id="3" creationId="{6EE16B5E-7C44-7F42-9F22-A97EA83678F2}"/>
          </ac:picMkLst>
        </pc:picChg>
        <pc:picChg chg="add del">
          <ac:chgData name="Daly Donnacha HSLU I" userId="0f22e960-400a-43ff-baeb-4828c8f5cd3a" providerId="ADAL" clId="{48BE1500-AA2B-CB46-9ECE-0332FF21EC00}" dt="2021-12-07T12:21:19.806" v="1351" actId="478"/>
          <ac:picMkLst>
            <pc:docMk/>
            <pc:sldMk cId="167387305" sldId="368"/>
            <ac:picMk id="4" creationId="{89E58AE6-1089-FB4F-90E6-0329993C1802}"/>
          </ac:picMkLst>
        </pc:picChg>
        <pc:picChg chg="add mod">
          <ac:chgData name="Daly Donnacha HSLU I" userId="0f22e960-400a-43ff-baeb-4828c8f5cd3a" providerId="ADAL" clId="{48BE1500-AA2B-CB46-9ECE-0332FF21EC00}" dt="2021-12-07T12:21:40.391" v="1357" actId="14100"/>
          <ac:picMkLst>
            <pc:docMk/>
            <pc:sldMk cId="167387305" sldId="368"/>
            <ac:picMk id="5" creationId="{C43F492E-143B-1E48-97C6-2DCAADB8EB9D}"/>
          </ac:picMkLst>
        </pc:picChg>
      </pc:sldChg>
      <pc:sldChg chg="addSp modSp new mod ord">
        <pc:chgData name="Daly Donnacha HSLU I" userId="0f22e960-400a-43ff-baeb-4828c8f5cd3a" providerId="ADAL" clId="{48BE1500-AA2B-CB46-9ECE-0332FF21EC00}" dt="2021-12-14T09:20:26.867" v="2069" actId="20577"/>
        <pc:sldMkLst>
          <pc:docMk/>
          <pc:sldMk cId="2474932059" sldId="369"/>
        </pc:sldMkLst>
        <pc:spChg chg="mod">
          <ac:chgData name="Daly Donnacha HSLU I" userId="0f22e960-400a-43ff-baeb-4828c8f5cd3a" providerId="ADAL" clId="{48BE1500-AA2B-CB46-9ECE-0332FF21EC00}" dt="2021-12-14T09:20:26.867" v="2069" actId="20577"/>
          <ac:spMkLst>
            <pc:docMk/>
            <pc:sldMk cId="2474932059" sldId="369"/>
            <ac:spMk id="2" creationId="{02F418C6-7D06-8B4E-BA0F-6E1FF93A4827}"/>
          </ac:spMkLst>
        </pc:spChg>
        <pc:spChg chg="add mod">
          <ac:chgData name="Daly Donnacha HSLU I" userId="0f22e960-400a-43ff-baeb-4828c8f5cd3a" providerId="ADAL" clId="{48BE1500-AA2B-CB46-9ECE-0332FF21EC00}" dt="2021-12-07T12:25:26.330" v="1374" actId="207"/>
          <ac:spMkLst>
            <pc:docMk/>
            <pc:sldMk cId="2474932059" sldId="369"/>
            <ac:spMk id="4" creationId="{1EB6D289-54F1-C142-AD16-5F316572F069}"/>
          </ac:spMkLst>
        </pc:spChg>
        <pc:picChg chg="add mod">
          <ac:chgData name="Daly Donnacha HSLU I" userId="0f22e960-400a-43ff-baeb-4828c8f5cd3a" providerId="ADAL" clId="{48BE1500-AA2B-CB46-9ECE-0332FF21EC00}" dt="2021-12-07T12:24:59.187" v="1367" actId="14100"/>
          <ac:picMkLst>
            <pc:docMk/>
            <pc:sldMk cId="2474932059" sldId="369"/>
            <ac:picMk id="3" creationId="{BB5ECAF3-5F0D-D94D-B46E-4E675F1B4AAB}"/>
          </ac:picMkLst>
        </pc:picChg>
        <pc:picChg chg="add mod">
          <ac:chgData name="Daly Donnacha HSLU I" userId="0f22e960-400a-43ff-baeb-4828c8f5cd3a" providerId="ADAL" clId="{48BE1500-AA2B-CB46-9ECE-0332FF21EC00}" dt="2021-12-07T12:24:56.474" v="1366" actId="14100"/>
          <ac:picMkLst>
            <pc:docMk/>
            <pc:sldMk cId="2474932059" sldId="369"/>
            <ac:picMk id="9218" creationId="{E1462A6A-BC74-CE41-8AEE-EAB5BD353464}"/>
          </ac:picMkLst>
        </pc:picChg>
      </pc:sldChg>
      <pc:sldChg chg="addSp delSp modSp new mod ord">
        <pc:chgData name="Daly Donnacha HSLU I" userId="0f22e960-400a-43ff-baeb-4828c8f5cd3a" providerId="ADAL" clId="{48BE1500-AA2B-CB46-9ECE-0332FF21EC00}" dt="2021-12-14T09:24:47.196" v="2132" actId="20577"/>
        <pc:sldMkLst>
          <pc:docMk/>
          <pc:sldMk cId="3784875878" sldId="370"/>
        </pc:sldMkLst>
        <pc:spChg chg="mod">
          <ac:chgData name="Daly Donnacha HSLU I" userId="0f22e960-400a-43ff-baeb-4828c8f5cd3a" providerId="ADAL" clId="{48BE1500-AA2B-CB46-9ECE-0332FF21EC00}" dt="2021-12-14T09:24:47.196" v="2132" actId="20577"/>
          <ac:spMkLst>
            <pc:docMk/>
            <pc:sldMk cId="3784875878" sldId="370"/>
            <ac:spMk id="2" creationId="{4B76F05D-36EF-1643-A6A0-E2F452CCB71B}"/>
          </ac:spMkLst>
        </pc:spChg>
        <pc:spChg chg="add del mod">
          <ac:chgData name="Daly Donnacha HSLU I" userId="0f22e960-400a-43ff-baeb-4828c8f5cd3a" providerId="ADAL" clId="{48BE1500-AA2B-CB46-9ECE-0332FF21EC00}" dt="2021-12-07T12:28:25.844" v="1397" actId="478"/>
          <ac:spMkLst>
            <pc:docMk/>
            <pc:sldMk cId="3784875878" sldId="370"/>
            <ac:spMk id="8" creationId="{216B3E7B-F5D7-A24A-9A21-4EC1950E22D7}"/>
          </ac:spMkLst>
        </pc:spChg>
        <pc:picChg chg="add mod">
          <ac:chgData name="Daly Donnacha HSLU I" userId="0f22e960-400a-43ff-baeb-4828c8f5cd3a" providerId="ADAL" clId="{48BE1500-AA2B-CB46-9ECE-0332FF21EC00}" dt="2021-12-07T12:27:47.034" v="1393" actId="14100"/>
          <ac:picMkLst>
            <pc:docMk/>
            <pc:sldMk cId="3784875878" sldId="370"/>
            <ac:picMk id="3" creationId="{00679F83-B3D7-A74D-B721-C264945C7179}"/>
          </ac:picMkLst>
        </pc:picChg>
        <pc:picChg chg="add del mod">
          <ac:chgData name="Daly Donnacha HSLU I" userId="0f22e960-400a-43ff-baeb-4828c8f5cd3a" providerId="ADAL" clId="{48BE1500-AA2B-CB46-9ECE-0332FF21EC00}" dt="2021-12-07T12:27:29.718" v="1387" actId="478"/>
          <ac:picMkLst>
            <pc:docMk/>
            <pc:sldMk cId="3784875878" sldId="370"/>
            <ac:picMk id="4" creationId="{A2C77587-1BA9-CE41-99F7-DA543D87C5DA}"/>
          </ac:picMkLst>
        </pc:picChg>
        <pc:picChg chg="add del mod">
          <ac:chgData name="Daly Donnacha HSLU I" userId="0f22e960-400a-43ff-baeb-4828c8f5cd3a" providerId="ADAL" clId="{48BE1500-AA2B-CB46-9ECE-0332FF21EC00}" dt="2021-12-07T12:27:28.037" v="1386" actId="478"/>
          <ac:picMkLst>
            <pc:docMk/>
            <pc:sldMk cId="3784875878" sldId="370"/>
            <ac:picMk id="5" creationId="{7304B27D-3BB2-A64B-A2AE-115A9F96C194}"/>
          </ac:picMkLst>
        </pc:picChg>
        <pc:picChg chg="add del mod">
          <ac:chgData name="Daly Donnacha HSLU I" userId="0f22e960-400a-43ff-baeb-4828c8f5cd3a" providerId="ADAL" clId="{48BE1500-AA2B-CB46-9ECE-0332FF21EC00}" dt="2021-12-07T12:27:35.981" v="1391" actId="478"/>
          <ac:picMkLst>
            <pc:docMk/>
            <pc:sldMk cId="3784875878" sldId="370"/>
            <ac:picMk id="6" creationId="{3D5DE894-13BA-B94C-81AA-A16C906A7ED3}"/>
          </ac:picMkLst>
        </pc:picChg>
        <pc:picChg chg="add mod modCrop">
          <ac:chgData name="Daly Donnacha HSLU I" userId="0f22e960-400a-43ff-baeb-4828c8f5cd3a" providerId="ADAL" clId="{48BE1500-AA2B-CB46-9ECE-0332FF21EC00}" dt="2021-12-07T12:27:56.226" v="1395" actId="1076"/>
          <ac:picMkLst>
            <pc:docMk/>
            <pc:sldMk cId="3784875878" sldId="370"/>
            <ac:picMk id="7" creationId="{4ADE7B64-DCCF-B442-97A3-88AC3336D466}"/>
          </ac:picMkLst>
        </pc:picChg>
        <pc:picChg chg="add mod">
          <ac:chgData name="Daly Donnacha HSLU I" userId="0f22e960-400a-43ff-baeb-4828c8f5cd3a" providerId="ADAL" clId="{48BE1500-AA2B-CB46-9ECE-0332FF21EC00}" dt="2021-12-07T12:28:36.918" v="1401" actId="1076"/>
          <ac:picMkLst>
            <pc:docMk/>
            <pc:sldMk cId="3784875878" sldId="370"/>
            <ac:picMk id="9" creationId="{CC3B875C-578E-DC4C-9E92-C8FB95490824}"/>
          </ac:picMkLst>
        </pc:picChg>
        <pc:picChg chg="add">
          <ac:chgData name="Daly Donnacha HSLU I" userId="0f22e960-400a-43ff-baeb-4828c8f5cd3a" providerId="ADAL" clId="{48BE1500-AA2B-CB46-9ECE-0332FF21EC00}" dt="2021-12-07T12:28:57.920" v="1402"/>
          <ac:picMkLst>
            <pc:docMk/>
            <pc:sldMk cId="3784875878" sldId="370"/>
            <ac:picMk id="10" creationId="{D9262306-265A-AB4B-BB14-A06A34B6B4D8}"/>
          </ac:picMkLst>
        </pc:picChg>
        <pc:picChg chg="add del mod">
          <ac:chgData name="Daly Donnacha HSLU I" userId="0f22e960-400a-43ff-baeb-4828c8f5cd3a" providerId="ADAL" clId="{48BE1500-AA2B-CB46-9ECE-0332FF21EC00}" dt="2021-12-07T12:29:01.739" v="1404"/>
          <ac:picMkLst>
            <pc:docMk/>
            <pc:sldMk cId="3784875878" sldId="370"/>
            <ac:picMk id="11" creationId="{3DCA35CD-7801-684C-B694-20BA38E3DDFB}"/>
          </ac:picMkLst>
        </pc:picChg>
        <pc:picChg chg="add del mod modCrop">
          <ac:chgData name="Daly Donnacha HSLU I" userId="0f22e960-400a-43ff-baeb-4828c8f5cd3a" providerId="ADAL" clId="{48BE1500-AA2B-CB46-9ECE-0332FF21EC00}" dt="2021-12-07T12:29:38.190" v="1412" actId="478"/>
          <ac:picMkLst>
            <pc:docMk/>
            <pc:sldMk cId="3784875878" sldId="370"/>
            <ac:picMk id="12" creationId="{7B48F389-3A91-F74C-8BFA-66446E9BBF3B}"/>
          </ac:picMkLst>
        </pc:picChg>
        <pc:picChg chg="add mod">
          <ac:chgData name="Daly Donnacha HSLU I" userId="0f22e960-400a-43ff-baeb-4828c8f5cd3a" providerId="ADAL" clId="{48BE1500-AA2B-CB46-9ECE-0332FF21EC00}" dt="2021-12-07T12:30:49.363" v="1417" actId="14100"/>
          <ac:picMkLst>
            <pc:docMk/>
            <pc:sldMk cId="3784875878" sldId="370"/>
            <ac:picMk id="10242" creationId="{0EA161CD-07B9-F94E-A78A-93C664693AEA}"/>
          </ac:picMkLst>
        </pc:picChg>
      </pc:sldChg>
      <pc:sldChg chg="add">
        <pc:chgData name="Daly Donnacha HSLU I" userId="0f22e960-400a-43ff-baeb-4828c8f5cd3a" providerId="ADAL" clId="{48BE1500-AA2B-CB46-9ECE-0332FF21EC00}" dt="2021-12-14T08:19:51.139" v="1432"/>
        <pc:sldMkLst>
          <pc:docMk/>
          <pc:sldMk cId="3410524800" sldId="371"/>
        </pc:sldMkLst>
      </pc:sldChg>
      <pc:sldChg chg="new del">
        <pc:chgData name="Daly Donnacha HSLU I" userId="0f22e960-400a-43ff-baeb-4828c8f5cd3a" providerId="ADAL" clId="{48BE1500-AA2B-CB46-9ECE-0332FF21EC00}" dt="2021-12-14T08:19:44.956" v="1431" actId="2696"/>
        <pc:sldMkLst>
          <pc:docMk/>
          <pc:sldMk cId="4114052316" sldId="371"/>
        </pc:sldMkLst>
      </pc:sldChg>
      <pc:sldChg chg="add ord">
        <pc:chgData name="Daly Donnacha HSLU I" userId="0f22e960-400a-43ff-baeb-4828c8f5cd3a" providerId="ADAL" clId="{48BE1500-AA2B-CB46-9ECE-0332FF21EC00}" dt="2021-12-14T08:55:33.789" v="1634" actId="20578"/>
        <pc:sldMkLst>
          <pc:docMk/>
          <pc:sldMk cId="3478115596" sldId="372"/>
        </pc:sldMkLst>
      </pc:sldChg>
      <pc:sldChg chg="addSp modSp new del mod modAnim">
        <pc:chgData name="Daly Donnacha HSLU I" userId="0f22e960-400a-43ff-baeb-4828c8f5cd3a" providerId="ADAL" clId="{48BE1500-AA2B-CB46-9ECE-0332FF21EC00}" dt="2021-12-14T08:26:24.367" v="1500" actId="2696"/>
        <pc:sldMkLst>
          <pc:docMk/>
          <pc:sldMk cId="449326483" sldId="373"/>
        </pc:sldMkLst>
        <pc:spChg chg="mod">
          <ac:chgData name="Daly Donnacha HSLU I" userId="0f22e960-400a-43ff-baeb-4828c8f5cd3a" providerId="ADAL" clId="{48BE1500-AA2B-CB46-9ECE-0332FF21EC00}" dt="2021-12-14T08:25:32.974" v="1499" actId="14100"/>
          <ac:spMkLst>
            <pc:docMk/>
            <pc:sldMk cId="449326483" sldId="373"/>
            <ac:spMk id="2" creationId="{AC8EE27D-8CCB-2A43-A133-44B204D840CD}"/>
          </ac:spMkLst>
        </pc:spChg>
        <pc:spChg chg="add mod">
          <ac:chgData name="Daly Donnacha HSLU I" userId="0f22e960-400a-43ff-baeb-4828c8f5cd3a" providerId="ADAL" clId="{48BE1500-AA2B-CB46-9ECE-0332FF21EC00}" dt="2021-12-14T08:25:14.463" v="1495" actId="1076"/>
          <ac:spMkLst>
            <pc:docMk/>
            <pc:sldMk cId="449326483" sldId="373"/>
            <ac:spMk id="4" creationId="{C87FC97D-4136-764A-A1AE-B51776A363B7}"/>
          </ac:spMkLst>
        </pc:spChg>
        <pc:picChg chg="add mod">
          <ac:chgData name="Daly Donnacha HSLU I" userId="0f22e960-400a-43ff-baeb-4828c8f5cd3a" providerId="ADAL" clId="{48BE1500-AA2B-CB46-9ECE-0332FF21EC00}" dt="2021-12-14T08:24:33.007" v="1489" actId="14100"/>
          <ac:picMkLst>
            <pc:docMk/>
            <pc:sldMk cId="449326483" sldId="373"/>
            <ac:picMk id="3" creationId="{E43FCB24-D23B-DB41-B3F0-DE90B34BB8B0}"/>
          </ac:picMkLst>
        </pc:picChg>
      </pc:sldChg>
      <pc:sldChg chg="addSp modSp new mod">
        <pc:chgData name="Daly Donnacha HSLU I" userId="0f22e960-400a-43ff-baeb-4828c8f5cd3a" providerId="ADAL" clId="{48BE1500-AA2B-CB46-9ECE-0332FF21EC00}" dt="2021-12-14T08:32:17.547" v="1571" actId="1076"/>
        <pc:sldMkLst>
          <pc:docMk/>
          <pc:sldMk cId="2227612139" sldId="373"/>
        </pc:sldMkLst>
        <pc:spChg chg="mod">
          <ac:chgData name="Daly Donnacha HSLU I" userId="0f22e960-400a-43ff-baeb-4828c8f5cd3a" providerId="ADAL" clId="{48BE1500-AA2B-CB46-9ECE-0332FF21EC00}" dt="2021-12-14T08:30:17.003" v="1538" actId="20577"/>
          <ac:spMkLst>
            <pc:docMk/>
            <pc:sldMk cId="2227612139" sldId="373"/>
            <ac:spMk id="2" creationId="{B941D68D-8B83-4E46-A434-C7EC9A2476B7}"/>
          </ac:spMkLst>
        </pc:spChg>
        <pc:spChg chg="add mod">
          <ac:chgData name="Daly Donnacha HSLU I" userId="0f22e960-400a-43ff-baeb-4828c8f5cd3a" providerId="ADAL" clId="{48BE1500-AA2B-CB46-9ECE-0332FF21EC00}" dt="2021-12-14T08:32:17.547" v="1571" actId="1076"/>
          <ac:spMkLst>
            <pc:docMk/>
            <pc:sldMk cId="2227612139" sldId="373"/>
            <ac:spMk id="5" creationId="{3E3F8B46-045C-A346-B003-70C1A1F6F495}"/>
          </ac:spMkLst>
        </pc:spChg>
        <pc:picChg chg="add mod modCrop">
          <ac:chgData name="Daly Donnacha HSLU I" userId="0f22e960-400a-43ff-baeb-4828c8f5cd3a" providerId="ADAL" clId="{48BE1500-AA2B-CB46-9ECE-0332FF21EC00}" dt="2021-12-14T08:32:09.757" v="1567" actId="1076"/>
          <ac:picMkLst>
            <pc:docMk/>
            <pc:sldMk cId="2227612139" sldId="373"/>
            <ac:picMk id="3" creationId="{E1F3227B-A38A-6F40-9246-DEF94B852882}"/>
          </ac:picMkLst>
        </pc:picChg>
        <pc:picChg chg="add mod modCrop">
          <ac:chgData name="Daly Donnacha HSLU I" userId="0f22e960-400a-43ff-baeb-4828c8f5cd3a" providerId="ADAL" clId="{48BE1500-AA2B-CB46-9ECE-0332FF21EC00}" dt="2021-12-14T08:31:39.585" v="1559" actId="14100"/>
          <ac:picMkLst>
            <pc:docMk/>
            <pc:sldMk cId="2227612139" sldId="373"/>
            <ac:picMk id="4" creationId="{76D1F55D-3BD3-5C49-8A6D-054877ED7092}"/>
          </ac:picMkLst>
        </pc:picChg>
      </pc:sldChg>
      <pc:sldChg chg="addSp modSp new mod">
        <pc:chgData name="Daly Donnacha HSLU I" userId="0f22e960-400a-43ff-baeb-4828c8f5cd3a" providerId="ADAL" clId="{48BE1500-AA2B-CB46-9ECE-0332FF21EC00}" dt="2021-12-14T09:02:37.767" v="1789" actId="1035"/>
        <pc:sldMkLst>
          <pc:docMk/>
          <pc:sldMk cId="2125362886" sldId="374"/>
        </pc:sldMkLst>
        <pc:spChg chg="mod">
          <ac:chgData name="Daly Donnacha HSLU I" userId="0f22e960-400a-43ff-baeb-4828c8f5cd3a" providerId="ADAL" clId="{48BE1500-AA2B-CB46-9ECE-0332FF21EC00}" dt="2021-12-14T09:02:37.767" v="1789" actId="1035"/>
          <ac:spMkLst>
            <pc:docMk/>
            <pc:sldMk cId="2125362886" sldId="374"/>
            <ac:spMk id="2" creationId="{B2BACC28-143E-AF46-9F19-72E7EEFA2184}"/>
          </ac:spMkLst>
        </pc:spChg>
        <pc:spChg chg="add mod">
          <ac:chgData name="Daly Donnacha HSLU I" userId="0f22e960-400a-43ff-baeb-4828c8f5cd3a" providerId="ADAL" clId="{48BE1500-AA2B-CB46-9ECE-0332FF21EC00}" dt="2021-12-14T09:01:17.176" v="1644" actId="207"/>
          <ac:spMkLst>
            <pc:docMk/>
            <pc:sldMk cId="2125362886" sldId="374"/>
            <ac:spMk id="3" creationId="{64A920E0-25F4-C544-A143-490ABB68044F}"/>
          </ac:spMkLst>
        </pc:spChg>
        <pc:spChg chg="add mod">
          <ac:chgData name="Daly Donnacha HSLU I" userId="0f22e960-400a-43ff-baeb-4828c8f5cd3a" providerId="ADAL" clId="{48BE1500-AA2B-CB46-9ECE-0332FF21EC00}" dt="2021-12-14T09:01:10.122" v="1643"/>
          <ac:spMkLst>
            <pc:docMk/>
            <pc:sldMk cId="2125362886" sldId="374"/>
            <ac:spMk id="4" creationId="{AC9A27EB-B4AC-0A42-B7B9-66BE1C1AEC4B}"/>
          </ac:spMkLst>
        </pc:spChg>
        <pc:spChg chg="add mod">
          <ac:chgData name="Daly Donnacha HSLU I" userId="0f22e960-400a-43ff-baeb-4828c8f5cd3a" providerId="ADAL" clId="{48BE1500-AA2B-CB46-9ECE-0332FF21EC00}" dt="2021-12-14T09:01:10.122" v="1643"/>
          <ac:spMkLst>
            <pc:docMk/>
            <pc:sldMk cId="2125362886" sldId="374"/>
            <ac:spMk id="6" creationId="{6F834AD4-51BD-9345-B657-E18CCE947BA3}"/>
          </ac:spMkLst>
        </pc:spChg>
        <pc:picChg chg="add mod">
          <ac:chgData name="Daly Donnacha HSLU I" userId="0f22e960-400a-43ff-baeb-4828c8f5cd3a" providerId="ADAL" clId="{48BE1500-AA2B-CB46-9ECE-0332FF21EC00}" dt="2021-12-14T09:01:10.122" v="1643"/>
          <ac:picMkLst>
            <pc:docMk/>
            <pc:sldMk cId="2125362886" sldId="374"/>
            <ac:picMk id="5" creationId="{26B4BA6B-43DC-F643-ABDD-C58746829661}"/>
          </ac:picMkLst>
        </pc:picChg>
      </pc:sldChg>
      <pc:sldChg chg="delSp modSp add del mod">
        <pc:chgData name="Daly Donnacha HSLU I" userId="0f22e960-400a-43ff-baeb-4828c8f5cd3a" providerId="ADAL" clId="{48BE1500-AA2B-CB46-9ECE-0332FF21EC00}" dt="2021-12-14T09:30:46.856" v="2233" actId="2696"/>
        <pc:sldMkLst>
          <pc:docMk/>
          <pc:sldMk cId="3029258260" sldId="375"/>
        </pc:sldMkLst>
        <pc:spChg chg="mod">
          <ac:chgData name="Daly Donnacha HSLU I" userId="0f22e960-400a-43ff-baeb-4828c8f5cd3a" providerId="ADAL" clId="{48BE1500-AA2B-CB46-9ECE-0332FF21EC00}" dt="2021-12-14T09:29:33.191" v="2231" actId="6549"/>
          <ac:spMkLst>
            <pc:docMk/>
            <pc:sldMk cId="3029258260" sldId="375"/>
            <ac:spMk id="2" creationId="{23EAFFE3-528F-5044-A2DE-EF7A26CCBC8A}"/>
          </ac:spMkLst>
        </pc:spChg>
        <pc:spChg chg="del">
          <ac:chgData name="Daly Donnacha HSLU I" userId="0f22e960-400a-43ff-baeb-4828c8f5cd3a" providerId="ADAL" clId="{48BE1500-AA2B-CB46-9ECE-0332FF21EC00}" dt="2021-12-14T09:29:36.815" v="2232" actId="478"/>
          <ac:spMkLst>
            <pc:docMk/>
            <pc:sldMk cId="3029258260" sldId="375"/>
            <ac:spMk id="4" creationId="{7E1BA860-53AC-7C43-9855-7627A0AE0181}"/>
          </ac:spMkLst>
        </pc:spChg>
        <pc:spChg chg="del">
          <ac:chgData name="Daly Donnacha HSLU I" userId="0f22e960-400a-43ff-baeb-4828c8f5cd3a" providerId="ADAL" clId="{48BE1500-AA2B-CB46-9ECE-0332FF21EC00}" dt="2021-12-14T09:29:36.815" v="2232" actId="478"/>
          <ac:spMkLst>
            <pc:docMk/>
            <pc:sldMk cId="3029258260" sldId="375"/>
            <ac:spMk id="7" creationId="{A458632E-D6FA-E747-A37D-09E89383F3C7}"/>
          </ac:spMkLst>
        </pc:spChg>
        <pc:picChg chg="del">
          <ac:chgData name="Daly Donnacha HSLU I" userId="0f22e960-400a-43ff-baeb-4828c8f5cd3a" providerId="ADAL" clId="{48BE1500-AA2B-CB46-9ECE-0332FF21EC00}" dt="2021-12-14T09:29:36.815" v="2232" actId="478"/>
          <ac:picMkLst>
            <pc:docMk/>
            <pc:sldMk cId="3029258260" sldId="375"/>
            <ac:picMk id="5" creationId="{2AC44AC0-3684-B542-8F8E-E78F76B58C4B}"/>
          </ac:picMkLst>
        </pc:picChg>
        <pc:picChg chg="del">
          <ac:chgData name="Daly Donnacha HSLU I" userId="0f22e960-400a-43ff-baeb-4828c8f5cd3a" providerId="ADAL" clId="{48BE1500-AA2B-CB46-9ECE-0332FF21EC00}" dt="2021-12-14T09:29:36.815" v="2232" actId="478"/>
          <ac:picMkLst>
            <pc:docMk/>
            <pc:sldMk cId="3029258260" sldId="375"/>
            <ac:picMk id="6" creationId="{436397BE-918B-8043-ACCD-EB34177815A2}"/>
          </ac:picMkLst>
        </pc:picChg>
        <pc:picChg chg="del">
          <ac:chgData name="Daly Donnacha HSLU I" userId="0f22e960-400a-43ff-baeb-4828c8f5cd3a" providerId="ADAL" clId="{48BE1500-AA2B-CB46-9ECE-0332FF21EC00}" dt="2021-12-14T09:29:36.815" v="2232" actId="478"/>
          <ac:picMkLst>
            <pc:docMk/>
            <pc:sldMk cId="3029258260" sldId="375"/>
            <ac:picMk id="8" creationId="{EB092160-5115-DB44-AB16-6C7E416CB298}"/>
          </ac:picMkLst>
        </pc:picChg>
      </pc:sldChg>
      <pc:sldMasterChg chg="addSp delSp modSp mod modSldLayout">
        <pc:chgData name="Daly Donnacha HSLU I" userId="0f22e960-400a-43ff-baeb-4828c8f5cd3a" providerId="ADAL" clId="{48BE1500-AA2B-CB46-9ECE-0332FF21EC00}" dt="2021-12-07T09:04:56.097" v="56" actId="14100"/>
        <pc:sldMasterMkLst>
          <pc:docMk/>
          <pc:sldMasterMk cId="0" sldId="2147483648"/>
        </pc:sldMasterMkLst>
        <pc:spChg chg="add del">
          <ac:chgData name="Daly Donnacha HSLU I" userId="0f22e960-400a-43ff-baeb-4828c8f5cd3a" providerId="ADAL" clId="{48BE1500-AA2B-CB46-9ECE-0332FF21EC00}" dt="2021-12-07T08:59:39.484" v="35" actId="478"/>
          <ac:spMkLst>
            <pc:docMk/>
            <pc:sldMasterMk cId="0" sldId="2147483648"/>
            <ac:spMk id="9" creationId="{E05233D8-8C93-AF41-8289-B701884A50A2}"/>
          </ac:spMkLst>
        </pc:spChg>
        <pc:spChg chg="mod">
          <ac:chgData name="Daly Donnacha HSLU I" userId="0f22e960-400a-43ff-baeb-4828c8f5cd3a" providerId="ADAL" clId="{48BE1500-AA2B-CB46-9ECE-0332FF21EC00}" dt="2021-12-07T08:58:55.402" v="25" actId="207"/>
          <ac:spMkLst>
            <pc:docMk/>
            <pc:sldMasterMk cId="0" sldId="2147483648"/>
            <ac:spMk id="10" creationId="{E69F5C6B-556B-574A-810E-86DF3AE1F1A0}"/>
          </ac:spMkLst>
        </pc:spChg>
        <pc:spChg chg="mod">
          <ac:chgData name="Daly Donnacha HSLU I" userId="0f22e960-400a-43ff-baeb-4828c8f5cd3a" providerId="ADAL" clId="{48BE1500-AA2B-CB46-9ECE-0332FF21EC00}" dt="2021-12-07T08:56:31.730" v="14" actId="207"/>
          <ac:spMkLst>
            <pc:docMk/>
            <pc:sldMasterMk cId="0" sldId="2147483648"/>
            <ac:spMk id="1027" creationId="{00000000-0000-0000-0000-000000000000}"/>
          </ac:spMkLst>
        </pc:spChg>
        <pc:graphicFrameChg chg="modGraphic">
          <ac:chgData name="Daly Donnacha HSLU I" userId="0f22e960-400a-43ff-baeb-4828c8f5cd3a" providerId="ADAL" clId="{48BE1500-AA2B-CB46-9ECE-0332FF21EC00}" dt="2021-12-07T08:58:50.525" v="24" actId="207"/>
          <ac:graphicFrameMkLst>
            <pc:docMk/>
            <pc:sldMasterMk cId="0" sldId="2147483648"/>
            <ac:graphicFrameMk id="8" creationId="{1E932F38-5A20-8349-A03E-D9FC51C350E6}"/>
          </ac:graphicFrameMkLst>
        </pc:graphicFrameChg>
        <pc:picChg chg="add mod modCrop">
          <ac:chgData name="Daly Donnacha HSLU I" userId="0f22e960-400a-43ff-baeb-4828c8f5cd3a" providerId="ADAL" clId="{48BE1500-AA2B-CB46-9ECE-0332FF21EC00}" dt="2021-12-07T08:59:48.952" v="37" actId="1076"/>
          <ac:picMkLst>
            <pc:docMk/>
            <pc:sldMasterMk cId="0" sldId="2147483648"/>
            <ac:picMk id="3" creationId="{DAA3AFCB-433F-4F4A-93A7-3C2C3AD6AA3C}"/>
          </ac:picMkLst>
        </pc:picChg>
        <pc:sldLayoutChg chg="addSp delSp modSp mod">
          <pc:chgData name="Daly Donnacha HSLU I" userId="0f22e960-400a-43ff-baeb-4828c8f5cd3a" providerId="ADAL" clId="{48BE1500-AA2B-CB46-9ECE-0332FF21EC00}" dt="2021-12-07T09:04:56.097" v="56" actId="14100"/>
          <pc:sldLayoutMkLst>
            <pc:docMk/>
            <pc:sldMasterMk cId="0" sldId="2147483648"/>
            <pc:sldLayoutMk cId="3920175854" sldId="2147483731"/>
          </pc:sldLayoutMkLst>
          <pc:spChg chg="mod">
            <ac:chgData name="Daly Donnacha HSLU I" userId="0f22e960-400a-43ff-baeb-4828c8f5cd3a" providerId="ADAL" clId="{48BE1500-AA2B-CB46-9ECE-0332FF21EC00}" dt="2021-12-07T09:02:40.263" v="43" actId="1036"/>
            <ac:spMkLst>
              <pc:docMk/>
              <pc:sldMasterMk cId="0" sldId="2147483648"/>
              <pc:sldLayoutMk cId="3920175854" sldId="2147483731"/>
              <ac:spMk id="12" creationId="{B1631DD4-D0BA-A144-BAC6-763423D7D698}"/>
            </ac:spMkLst>
          </pc:spChg>
          <pc:spChg chg="mod">
            <ac:chgData name="Daly Donnacha HSLU I" userId="0f22e960-400a-43ff-baeb-4828c8f5cd3a" providerId="ADAL" clId="{48BE1500-AA2B-CB46-9ECE-0332FF21EC00}" dt="2021-12-07T09:02:45.391" v="48" actId="1036"/>
            <ac:spMkLst>
              <pc:docMk/>
              <pc:sldMasterMk cId="0" sldId="2147483648"/>
              <pc:sldLayoutMk cId="3920175854" sldId="2147483731"/>
              <ac:spMk id="3074" creationId="{00000000-0000-0000-0000-000000000000}"/>
            </ac:spMkLst>
          </pc:spChg>
          <pc:picChg chg="add mod">
            <ac:chgData name="Daly Donnacha HSLU I" userId="0f22e960-400a-43ff-baeb-4828c8f5cd3a" providerId="ADAL" clId="{48BE1500-AA2B-CB46-9ECE-0332FF21EC00}" dt="2021-12-07T09:04:56.097" v="56" actId="14100"/>
            <ac:picMkLst>
              <pc:docMk/>
              <pc:sldMasterMk cId="0" sldId="2147483648"/>
              <pc:sldLayoutMk cId="3920175854" sldId="2147483731"/>
              <ac:picMk id="6" creationId="{8F06396A-3AF2-EB48-8984-C91702D0461F}"/>
            </ac:picMkLst>
          </pc:picChg>
          <pc:picChg chg="add del">
            <ac:chgData name="Daly Donnacha HSLU I" userId="0f22e960-400a-43ff-baeb-4828c8f5cd3a" providerId="ADAL" clId="{48BE1500-AA2B-CB46-9ECE-0332FF21EC00}" dt="2021-12-07T08:56:40.815" v="15" actId="478"/>
            <ac:picMkLst>
              <pc:docMk/>
              <pc:sldMasterMk cId="0" sldId="2147483648"/>
              <pc:sldLayoutMk cId="3920175854" sldId="2147483731"/>
              <ac:picMk id="9" creationId="{435AE2D2-8BE8-2C47-94C1-612F65E523CB}"/>
            </ac:picMkLst>
          </pc:picChg>
          <pc:picChg chg="add del mod modCrop">
            <ac:chgData name="Daly Donnacha HSLU I" userId="0f22e960-400a-43ff-baeb-4828c8f5cd3a" providerId="ADAL" clId="{48BE1500-AA2B-CB46-9ECE-0332FF21EC00}" dt="2021-12-07T09:04:41.551" v="49" actId="478"/>
            <ac:picMkLst>
              <pc:docMk/>
              <pc:sldMasterMk cId="0" sldId="2147483648"/>
              <pc:sldLayoutMk cId="3920175854" sldId="2147483731"/>
              <ac:picMk id="10" creationId="{450F5AEE-1207-3544-BA93-46091B30A39E}"/>
            </ac:picMkLst>
          </pc:picChg>
        </pc:sldLayoutChg>
      </pc:sldMasterChg>
    </pc:docChg>
  </pc:docChgLst>
  <pc:docChgLst>
    <pc:chgData name="Daly Donnacha HSLU I" userId="0f22e960-400a-43ff-baeb-4828c8f5cd3a" providerId="ADAL" clId="{1A3DD300-9E7D-BF4B-BC8B-F4CA9FD4CE48}"/>
    <pc:docChg chg="undo custSel addSld delSld modSld sldOrd">
      <pc:chgData name="Daly Donnacha HSLU I" userId="0f22e960-400a-43ff-baeb-4828c8f5cd3a" providerId="ADAL" clId="{1A3DD300-9E7D-BF4B-BC8B-F4CA9FD4CE48}" dt="2021-05-28T09:23:57.301" v="4164" actId="20577"/>
      <pc:docMkLst>
        <pc:docMk/>
      </pc:docMkLst>
      <pc:sldChg chg="modSp mod">
        <pc:chgData name="Daly Donnacha HSLU I" userId="0f22e960-400a-43ff-baeb-4828c8f5cd3a" providerId="ADAL" clId="{1A3DD300-9E7D-BF4B-BC8B-F4CA9FD4CE48}" dt="2021-05-27T09:37:47.475" v="805" actId="20577"/>
        <pc:sldMkLst>
          <pc:docMk/>
          <pc:sldMk cId="0" sldId="256"/>
        </pc:sldMkLst>
        <pc:spChg chg="mod">
          <ac:chgData name="Daly Donnacha HSLU I" userId="0f22e960-400a-43ff-baeb-4828c8f5cd3a" providerId="ADAL" clId="{1A3DD300-9E7D-BF4B-BC8B-F4CA9FD4CE48}" dt="2021-05-27T09:37:47.475" v="805" actId="20577"/>
          <ac:spMkLst>
            <pc:docMk/>
            <pc:sldMk cId="0" sldId="256"/>
            <ac:spMk id="3075" creationId="{00000000-0000-0000-0000-000000000000}"/>
          </ac:spMkLst>
        </pc:spChg>
      </pc:sldChg>
      <pc:sldChg chg="addSp delSp modSp mod">
        <pc:chgData name="Daly Donnacha HSLU I" userId="0f22e960-400a-43ff-baeb-4828c8f5cd3a" providerId="ADAL" clId="{1A3DD300-9E7D-BF4B-BC8B-F4CA9FD4CE48}" dt="2021-05-27T14:44:43.601" v="4158" actId="1076"/>
        <pc:sldMkLst>
          <pc:docMk/>
          <pc:sldMk cId="2069180595" sldId="293"/>
        </pc:sldMkLst>
        <pc:spChg chg="add mod">
          <ac:chgData name="Daly Donnacha HSLU I" userId="0f22e960-400a-43ff-baeb-4828c8f5cd3a" providerId="ADAL" clId="{1A3DD300-9E7D-BF4B-BC8B-F4CA9FD4CE48}" dt="2021-05-27T14:44:43.601" v="4158" actId="1076"/>
          <ac:spMkLst>
            <pc:docMk/>
            <pc:sldMk cId="2069180595" sldId="293"/>
            <ac:spMk id="3" creationId="{467FD137-D614-244E-8791-A57327C0A38D}"/>
          </ac:spMkLst>
        </pc:spChg>
        <pc:spChg chg="del">
          <ac:chgData name="Daly Donnacha HSLU I" userId="0f22e960-400a-43ff-baeb-4828c8f5cd3a" providerId="ADAL" clId="{1A3DD300-9E7D-BF4B-BC8B-F4CA9FD4CE48}" dt="2021-05-27T14:42:35.537" v="4139" actId="478"/>
          <ac:spMkLst>
            <pc:docMk/>
            <pc:sldMk cId="2069180595" sldId="293"/>
            <ac:spMk id="4" creationId="{602EED14-5DC6-CE45-ADB6-14D496427BDB}"/>
          </ac:spMkLst>
        </pc:spChg>
        <pc:spChg chg="mod">
          <ac:chgData name="Daly Donnacha HSLU I" userId="0f22e960-400a-43ff-baeb-4828c8f5cd3a" providerId="ADAL" clId="{1A3DD300-9E7D-BF4B-BC8B-F4CA9FD4CE48}" dt="2021-05-27T09:38:07.876" v="813" actId="14100"/>
          <ac:spMkLst>
            <pc:docMk/>
            <pc:sldMk cId="2069180595" sldId="293"/>
            <ac:spMk id="6" creationId="{C5894721-95A2-7141-8609-521552539517}"/>
          </ac:spMkLst>
        </pc:spChg>
        <pc:picChg chg="del">
          <ac:chgData name="Daly Donnacha HSLU I" userId="0f22e960-400a-43ff-baeb-4828c8f5cd3a" providerId="ADAL" clId="{1A3DD300-9E7D-BF4B-BC8B-F4CA9FD4CE48}" dt="2021-05-27T08:48:44.380" v="48" actId="478"/>
          <ac:picMkLst>
            <pc:docMk/>
            <pc:sldMk cId="2069180595" sldId="293"/>
            <ac:picMk id="1026" creationId="{7BC3D81F-9090-E44C-9741-BAACCBED9708}"/>
          </ac:picMkLst>
        </pc:picChg>
        <pc:picChg chg="add del mod">
          <ac:chgData name="Daly Donnacha HSLU I" userId="0f22e960-400a-43ff-baeb-4828c8f5cd3a" providerId="ADAL" clId="{1A3DD300-9E7D-BF4B-BC8B-F4CA9FD4CE48}" dt="2021-05-27T14:42:37.821" v="4140" actId="21"/>
          <ac:picMkLst>
            <pc:docMk/>
            <pc:sldMk cId="2069180595" sldId="293"/>
            <ac:picMk id="9218" creationId="{0414B97C-1BCD-8140-B881-6B0DBEDCA050}"/>
          </ac:picMkLst>
        </pc:picChg>
        <pc:picChg chg="add mod">
          <ac:chgData name="Daly Donnacha HSLU I" userId="0f22e960-400a-43ff-baeb-4828c8f5cd3a" providerId="ADAL" clId="{1A3DD300-9E7D-BF4B-BC8B-F4CA9FD4CE48}" dt="2021-05-27T14:44:03.165" v="4150" actId="1076"/>
          <ac:picMkLst>
            <pc:docMk/>
            <pc:sldMk cId="2069180595" sldId="293"/>
            <ac:picMk id="9220" creationId="{B1068908-3460-AB4A-B557-08B1BD9161F1}"/>
          </ac:picMkLst>
        </pc:picChg>
      </pc:sldChg>
      <pc:sldChg chg="addSp delSp modSp mod">
        <pc:chgData name="Daly Donnacha HSLU I" userId="0f22e960-400a-43ff-baeb-4828c8f5cd3a" providerId="ADAL" clId="{1A3DD300-9E7D-BF4B-BC8B-F4CA9FD4CE48}" dt="2021-05-27T14:43:03.408" v="4147" actId="1076"/>
        <pc:sldMkLst>
          <pc:docMk/>
          <pc:sldMk cId="1191410536" sldId="298"/>
        </pc:sldMkLst>
        <pc:spChg chg="add mod">
          <ac:chgData name="Daly Donnacha HSLU I" userId="0f22e960-400a-43ff-baeb-4828c8f5cd3a" providerId="ADAL" clId="{1A3DD300-9E7D-BF4B-BC8B-F4CA9FD4CE48}" dt="2021-05-27T14:43:03.408" v="4147" actId="1076"/>
          <ac:spMkLst>
            <pc:docMk/>
            <pc:sldMk cId="1191410536" sldId="298"/>
            <ac:spMk id="3" creationId="{665A5F0D-BDAB-A349-859B-51F61504AC9C}"/>
          </ac:spMkLst>
        </pc:spChg>
        <pc:spChg chg="del">
          <ac:chgData name="Daly Donnacha HSLU I" userId="0f22e960-400a-43ff-baeb-4828c8f5cd3a" providerId="ADAL" clId="{1A3DD300-9E7D-BF4B-BC8B-F4CA9FD4CE48}" dt="2021-05-27T08:51:39.619" v="194" actId="478"/>
          <ac:spMkLst>
            <pc:docMk/>
            <pc:sldMk cId="1191410536" sldId="298"/>
            <ac:spMk id="8" creationId="{EE1309DC-8E6D-C34C-9DF9-2B0B975D899B}"/>
          </ac:spMkLst>
        </pc:spChg>
        <pc:spChg chg="del">
          <ac:chgData name="Daly Donnacha HSLU I" userId="0f22e960-400a-43ff-baeb-4828c8f5cd3a" providerId="ADAL" clId="{1A3DD300-9E7D-BF4B-BC8B-F4CA9FD4CE48}" dt="2021-05-27T08:51:36.175" v="193" actId="478"/>
          <ac:spMkLst>
            <pc:docMk/>
            <pc:sldMk cId="1191410536" sldId="298"/>
            <ac:spMk id="9" creationId="{55B6DEFC-EB3B-744D-9C86-E11416C5C28B}"/>
          </ac:spMkLst>
        </pc:spChg>
        <pc:spChg chg="add mod">
          <ac:chgData name="Daly Donnacha HSLU I" userId="0f22e960-400a-43ff-baeb-4828c8f5cd3a" providerId="ADAL" clId="{1A3DD300-9E7D-BF4B-BC8B-F4CA9FD4CE48}" dt="2021-05-27T08:51:54.725" v="195"/>
          <ac:spMkLst>
            <pc:docMk/>
            <pc:sldMk cId="1191410536" sldId="298"/>
            <ac:spMk id="10" creationId="{CE972CBF-679B-A244-B0C0-36DF6F12A685}"/>
          </ac:spMkLst>
        </pc:spChg>
        <pc:picChg chg="del">
          <ac:chgData name="Daly Donnacha HSLU I" userId="0f22e960-400a-43ff-baeb-4828c8f5cd3a" providerId="ADAL" clId="{1A3DD300-9E7D-BF4B-BC8B-F4CA9FD4CE48}" dt="2021-05-27T08:51:39.619" v="194" actId="478"/>
          <ac:picMkLst>
            <pc:docMk/>
            <pc:sldMk cId="1191410536" sldId="298"/>
            <ac:picMk id="5" creationId="{E88C192E-1B39-7D43-8868-D54C2A4EC1E9}"/>
          </ac:picMkLst>
        </pc:picChg>
        <pc:picChg chg="del">
          <ac:chgData name="Daly Donnacha HSLU I" userId="0f22e960-400a-43ff-baeb-4828c8f5cd3a" providerId="ADAL" clId="{1A3DD300-9E7D-BF4B-BC8B-F4CA9FD4CE48}" dt="2021-05-27T08:51:39.619" v="194" actId="478"/>
          <ac:picMkLst>
            <pc:docMk/>
            <pc:sldMk cId="1191410536" sldId="298"/>
            <ac:picMk id="6" creationId="{D613CD2B-72AA-8245-87B8-456D676F47BC}"/>
          </ac:picMkLst>
        </pc:picChg>
        <pc:picChg chg="del">
          <ac:chgData name="Daly Donnacha HSLU I" userId="0f22e960-400a-43ff-baeb-4828c8f5cd3a" providerId="ADAL" clId="{1A3DD300-9E7D-BF4B-BC8B-F4CA9FD4CE48}" dt="2021-05-27T08:51:39.619" v="194" actId="478"/>
          <ac:picMkLst>
            <pc:docMk/>
            <pc:sldMk cId="1191410536" sldId="298"/>
            <ac:picMk id="7" creationId="{81286197-A5E1-C74A-93C4-BAC6355311B7}"/>
          </ac:picMkLst>
        </pc:picChg>
        <pc:picChg chg="add mod">
          <ac:chgData name="Daly Donnacha HSLU I" userId="0f22e960-400a-43ff-baeb-4828c8f5cd3a" providerId="ADAL" clId="{1A3DD300-9E7D-BF4B-BC8B-F4CA9FD4CE48}" dt="2021-05-27T14:42:41.444" v="4141"/>
          <ac:picMkLst>
            <pc:docMk/>
            <pc:sldMk cId="1191410536" sldId="298"/>
            <ac:picMk id="11" creationId="{DFFBB02B-DE47-2745-8634-083CFA30A1A2}"/>
          </ac:picMkLst>
        </pc:picChg>
      </pc:sldChg>
      <pc:sldChg chg="modSp mod">
        <pc:chgData name="Daly Donnacha HSLU I" userId="0f22e960-400a-43ff-baeb-4828c8f5cd3a" providerId="ADAL" clId="{1A3DD300-9E7D-BF4B-BC8B-F4CA9FD4CE48}" dt="2021-05-27T08:50:09.699" v="158" actId="20577"/>
        <pc:sldMkLst>
          <pc:docMk/>
          <pc:sldMk cId="2208137706" sldId="315"/>
        </pc:sldMkLst>
        <pc:spChg chg="mod">
          <ac:chgData name="Daly Donnacha HSLU I" userId="0f22e960-400a-43ff-baeb-4828c8f5cd3a" providerId="ADAL" clId="{1A3DD300-9E7D-BF4B-BC8B-F4CA9FD4CE48}" dt="2021-05-27T08:50:09.699" v="158" actId="20577"/>
          <ac:spMkLst>
            <pc:docMk/>
            <pc:sldMk cId="2208137706" sldId="315"/>
            <ac:spMk id="3" creationId="{63132F41-5235-6647-AE60-DA2A6069816C}"/>
          </ac:spMkLst>
        </pc:spChg>
      </pc:sldChg>
      <pc:sldChg chg="modSp add mod">
        <pc:chgData name="Daly Donnacha HSLU I" userId="0f22e960-400a-43ff-baeb-4828c8f5cd3a" providerId="ADAL" clId="{1A3DD300-9E7D-BF4B-BC8B-F4CA9FD4CE48}" dt="2021-05-27T12:20:04.884" v="2179" actId="20577"/>
        <pc:sldMkLst>
          <pc:docMk/>
          <pc:sldMk cId="1732174701" sldId="316"/>
        </pc:sldMkLst>
        <pc:spChg chg="mod">
          <ac:chgData name="Daly Donnacha HSLU I" userId="0f22e960-400a-43ff-baeb-4828c8f5cd3a" providerId="ADAL" clId="{1A3DD300-9E7D-BF4B-BC8B-F4CA9FD4CE48}" dt="2021-05-27T08:52:06.186" v="198" actId="20577"/>
          <ac:spMkLst>
            <pc:docMk/>
            <pc:sldMk cId="1732174701" sldId="316"/>
            <ac:spMk id="2" creationId="{069B8F1E-027C-6440-9E6A-40BB8DAAAB65}"/>
          </ac:spMkLst>
        </pc:spChg>
        <pc:spChg chg="mod">
          <ac:chgData name="Daly Donnacha HSLU I" userId="0f22e960-400a-43ff-baeb-4828c8f5cd3a" providerId="ADAL" clId="{1A3DD300-9E7D-BF4B-BC8B-F4CA9FD4CE48}" dt="2021-05-27T12:20:04.884" v="2179" actId="20577"/>
          <ac:spMkLst>
            <pc:docMk/>
            <pc:sldMk cId="1732174701" sldId="316"/>
            <ac:spMk id="3" creationId="{63132F41-5235-6647-AE60-DA2A6069816C}"/>
          </ac:spMkLst>
        </pc:spChg>
      </pc:sldChg>
      <pc:sldChg chg="modSp add mod">
        <pc:chgData name="Daly Donnacha HSLU I" userId="0f22e960-400a-43ff-baeb-4828c8f5cd3a" providerId="ADAL" clId="{1A3DD300-9E7D-BF4B-BC8B-F4CA9FD4CE48}" dt="2021-05-28T09:23:51.182" v="4162" actId="20577"/>
        <pc:sldMkLst>
          <pc:docMk/>
          <pc:sldMk cId="603013962" sldId="317"/>
        </pc:sldMkLst>
        <pc:spChg chg="mod">
          <ac:chgData name="Daly Donnacha HSLU I" userId="0f22e960-400a-43ff-baeb-4828c8f5cd3a" providerId="ADAL" clId="{1A3DD300-9E7D-BF4B-BC8B-F4CA9FD4CE48}" dt="2021-05-28T09:23:51.182" v="4162" actId="20577"/>
          <ac:spMkLst>
            <pc:docMk/>
            <pc:sldMk cId="603013962" sldId="317"/>
            <ac:spMk id="2" creationId="{069B8F1E-027C-6440-9E6A-40BB8DAAAB65}"/>
          </ac:spMkLst>
        </pc:spChg>
        <pc:spChg chg="mod">
          <ac:chgData name="Daly Donnacha HSLU I" userId="0f22e960-400a-43ff-baeb-4828c8f5cd3a" providerId="ADAL" clId="{1A3DD300-9E7D-BF4B-BC8B-F4CA9FD4CE48}" dt="2021-05-27T08:52:25.746" v="241" actId="20577"/>
          <ac:spMkLst>
            <pc:docMk/>
            <pc:sldMk cId="603013962" sldId="317"/>
            <ac:spMk id="3" creationId="{63132F41-5235-6647-AE60-DA2A6069816C}"/>
          </ac:spMkLst>
        </pc:spChg>
      </pc:sldChg>
      <pc:sldChg chg="modSp add mod">
        <pc:chgData name="Daly Donnacha HSLU I" userId="0f22e960-400a-43ff-baeb-4828c8f5cd3a" providerId="ADAL" clId="{1A3DD300-9E7D-BF4B-BC8B-F4CA9FD4CE48}" dt="2021-05-28T09:23:57.301" v="4164" actId="20577"/>
        <pc:sldMkLst>
          <pc:docMk/>
          <pc:sldMk cId="1318894941" sldId="318"/>
        </pc:sldMkLst>
        <pc:spChg chg="mod">
          <ac:chgData name="Daly Donnacha HSLU I" userId="0f22e960-400a-43ff-baeb-4828c8f5cd3a" providerId="ADAL" clId="{1A3DD300-9E7D-BF4B-BC8B-F4CA9FD4CE48}" dt="2021-05-28T09:23:57.301" v="4164" actId="20577"/>
          <ac:spMkLst>
            <pc:docMk/>
            <pc:sldMk cId="1318894941" sldId="318"/>
            <ac:spMk id="2" creationId="{069B8F1E-027C-6440-9E6A-40BB8DAAAB65}"/>
          </ac:spMkLst>
        </pc:spChg>
        <pc:spChg chg="mod">
          <ac:chgData name="Daly Donnacha HSLU I" userId="0f22e960-400a-43ff-baeb-4828c8f5cd3a" providerId="ADAL" clId="{1A3DD300-9E7D-BF4B-BC8B-F4CA9FD4CE48}" dt="2021-05-27T08:52:39.770" v="266" actId="20577"/>
          <ac:spMkLst>
            <pc:docMk/>
            <pc:sldMk cId="1318894941" sldId="318"/>
            <ac:spMk id="3" creationId="{63132F41-5235-6647-AE60-DA2A6069816C}"/>
          </ac:spMkLst>
        </pc:spChg>
      </pc:sldChg>
      <pc:sldChg chg="addSp delSp modSp new mod ord">
        <pc:chgData name="Daly Donnacha HSLU I" userId="0f22e960-400a-43ff-baeb-4828c8f5cd3a" providerId="ADAL" clId="{1A3DD300-9E7D-BF4B-BC8B-F4CA9FD4CE48}" dt="2021-05-27T12:43:32.780" v="2500" actId="20578"/>
        <pc:sldMkLst>
          <pc:docMk/>
          <pc:sldMk cId="4139861583" sldId="319"/>
        </pc:sldMkLst>
        <pc:spChg chg="mod">
          <ac:chgData name="Daly Donnacha HSLU I" userId="0f22e960-400a-43ff-baeb-4828c8f5cd3a" providerId="ADAL" clId="{1A3DD300-9E7D-BF4B-BC8B-F4CA9FD4CE48}" dt="2021-05-27T10:14:11.005" v="1298" actId="6549"/>
          <ac:spMkLst>
            <pc:docMk/>
            <pc:sldMk cId="4139861583" sldId="319"/>
            <ac:spMk id="2" creationId="{E4C303DD-BC77-FA49-8A18-9E884AF355F8}"/>
          </ac:spMkLst>
        </pc:spChg>
        <pc:spChg chg="add mod">
          <ac:chgData name="Daly Donnacha HSLU I" userId="0f22e960-400a-43ff-baeb-4828c8f5cd3a" providerId="ADAL" clId="{1A3DD300-9E7D-BF4B-BC8B-F4CA9FD4CE48}" dt="2021-05-27T08:55:08.242" v="328" actId="1076"/>
          <ac:spMkLst>
            <pc:docMk/>
            <pc:sldMk cId="4139861583" sldId="319"/>
            <ac:spMk id="4" creationId="{D0DD3A66-5EE2-9A4B-B138-EDBBE8163D1B}"/>
          </ac:spMkLst>
        </pc:spChg>
        <pc:spChg chg="add del mod">
          <ac:chgData name="Daly Donnacha HSLU I" userId="0f22e960-400a-43ff-baeb-4828c8f5cd3a" providerId="ADAL" clId="{1A3DD300-9E7D-BF4B-BC8B-F4CA9FD4CE48}" dt="2021-05-27T08:57:31.549" v="332"/>
          <ac:spMkLst>
            <pc:docMk/>
            <pc:sldMk cId="4139861583" sldId="319"/>
            <ac:spMk id="5" creationId="{56CBB14D-914E-354C-B003-BC95F66978EF}"/>
          </ac:spMkLst>
        </pc:spChg>
        <pc:spChg chg="add mod">
          <ac:chgData name="Daly Donnacha HSLU I" userId="0f22e960-400a-43ff-baeb-4828c8f5cd3a" providerId="ADAL" clId="{1A3DD300-9E7D-BF4B-BC8B-F4CA9FD4CE48}" dt="2021-05-27T08:58:39.314" v="352" actId="1035"/>
          <ac:spMkLst>
            <pc:docMk/>
            <pc:sldMk cId="4139861583" sldId="319"/>
            <ac:spMk id="6" creationId="{434538D4-77C3-D24A-BE85-606680D207A3}"/>
          </ac:spMkLst>
        </pc:spChg>
        <pc:spChg chg="add mod">
          <ac:chgData name="Daly Donnacha HSLU I" userId="0f22e960-400a-43ff-baeb-4828c8f5cd3a" providerId="ADAL" clId="{1A3DD300-9E7D-BF4B-BC8B-F4CA9FD4CE48}" dt="2021-05-27T08:59:00.769" v="356" actId="167"/>
          <ac:spMkLst>
            <pc:docMk/>
            <pc:sldMk cId="4139861583" sldId="319"/>
            <ac:spMk id="7" creationId="{A8FD7056-254A-DD4E-9485-C477D70363A9}"/>
          </ac:spMkLst>
        </pc:spChg>
        <pc:spChg chg="add mod">
          <ac:chgData name="Daly Donnacha HSLU I" userId="0f22e960-400a-43ff-baeb-4828c8f5cd3a" providerId="ADAL" clId="{1A3DD300-9E7D-BF4B-BC8B-F4CA9FD4CE48}" dt="2021-05-27T09:38:37.885" v="825" actId="20577"/>
          <ac:spMkLst>
            <pc:docMk/>
            <pc:sldMk cId="4139861583" sldId="319"/>
            <ac:spMk id="8" creationId="{D3C28576-3173-744E-885C-DB09482F0D74}"/>
          </ac:spMkLst>
        </pc:spChg>
        <pc:spChg chg="add del mod">
          <ac:chgData name="Daly Donnacha HSLU I" userId="0f22e960-400a-43ff-baeb-4828c8f5cd3a" providerId="ADAL" clId="{1A3DD300-9E7D-BF4B-BC8B-F4CA9FD4CE48}" dt="2021-05-27T09:25:24.986" v="485" actId="478"/>
          <ac:spMkLst>
            <pc:docMk/>
            <pc:sldMk cId="4139861583" sldId="319"/>
            <ac:spMk id="9" creationId="{796256E9-029F-C54D-8135-E8C34D42AC20}"/>
          </ac:spMkLst>
        </pc:spChg>
        <pc:picChg chg="add mod">
          <ac:chgData name="Daly Donnacha HSLU I" userId="0f22e960-400a-43ff-baeb-4828c8f5cd3a" providerId="ADAL" clId="{1A3DD300-9E7D-BF4B-BC8B-F4CA9FD4CE48}" dt="2021-05-27T08:53:47.526" v="277" actId="14100"/>
          <ac:picMkLst>
            <pc:docMk/>
            <pc:sldMk cId="4139861583" sldId="319"/>
            <ac:picMk id="3" creationId="{DDC53D7C-CEDC-944E-B95A-24EB8DD0E75C}"/>
          </ac:picMkLst>
        </pc:picChg>
        <pc:picChg chg="add mod">
          <ac:chgData name="Daly Donnacha HSLU I" userId="0f22e960-400a-43ff-baeb-4828c8f5cd3a" providerId="ADAL" clId="{1A3DD300-9E7D-BF4B-BC8B-F4CA9FD4CE48}" dt="2021-05-27T09:00:38.773" v="368" actId="1076"/>
          <ac:picMkLst>
            <pc:docMk/>
            <pc:sldMk cId="4139861583" sldId="319"/>
            <ac:picMk id="1026" creationId="{D3A1A17D-750B-7241-915C-11BAE4C1927C}"/>
          </ac:picMkLst>
        </pc:picChg>
      </pc:sldChg>
      <pc:sldChg chg="addSp modSp new mod">
        <pc:chgData name="Daly Donnacha HSLU I" userId="0f22e960-400a-43ff-baeb-4828c8f5cd3a" providerId="ADAL" clId="{1A3DD300-9E7D-BF4B-BC8B-F4CA9FD4CE48}" dt="2021-05-27T13:55:27.561" v="3707" actId="14100"/>
        <pc:sldMkLst>
          <pc:docMk/>
          <pc:sldMk cId="867480082" sldId="320"/>
        </pc:sldMkLst>
        <pc:spChg chg="mod">
          <ac:chgData name="Daly Donnacha HSLU I" userId="0f22e960-400a-43ff-baeb-4828c8f5cd3a" providerId="ADAL" clId="{1A3DD300-9E7D-BF4B-BC8B-F4CA9FD4CE48}" dt="2021-05-27T13:54:53.186" v="3703" actId="20577"/>
          <ac:spMkLst>
            <pc:docMk/>
            <pc:sldMk cId="867480082" sldId="320"/>
            <ac:spMk id="2" creationId="{FD9ED8EB-D8AF-9644-A730-9EF1B4C2AF65}"/>
          </ac:spMkLst>
        </pc:spChg>
        <pc:spChg chg="add mod">
          <ac:chgData name="Daly Donnacha HSLU I" userId="0f22e960-400a-43ff-baeb-4828c8f5cd3a" providerId="ADAL" clId="{1A3DD300-9E7D-BF4B-BC8B-F4CA9FD4CE48}" dt="2021-05-27T09:30:42.729" v="683" actId="1076"/>
          <ac:spMkLst>
            <pc:docMk/>
            <pc:sldMk cId="867480082" sldId="320"/>
            <ac:spMk id="4" creationId="{D0AAA00E-6F4D-684E-ADEE-CB0B278D5AEF}"/>
          </ac:spMkLst>
        </pc:spChg>
        <pc:picChg chg="add mod">
          <ac:chgData name="Daly Donnacha HSLU I" userId="0f22e960-400a-43ff-baeb-4828c8f5cd3a" providerId="ADAL" clId="{1A3DD300-9E7D-BF4B-BC8B-F4CA9FD4CE48}" dt="2021-05-27T09:39:26.929" v="827" actId="1037"/>
          <ac:picMkLst>
            <pc:docMk/>
            <pc:sldMk cId="867480082" sldId="320"/>
            <ac:picMk id="3" creationId="{FB7E51FC-E52F-6343-AFFA-7AB269677D32}"/>
          </ac:picMkLst>
        </pc:picChg>
        <pc:picChg chg="add mod">
          <ac:chgData name="Daly Donnacha HSLU I" userId="0f22e960-400a-43ff-baeb-4828c8f5cd3a" providerId="ADAL" clId="{1A3DD300-9E7D-BF4B-BC8B-F4CA9FD4CE48}" dt="2021-05-27T09:39:30.847" v="829" actId="1037"/>
          <ac:picMkLst>
            <pc:docMk/>
            <pc:sldMk cId="867480082" sldId="320"/>
            <ac:picMk id="5" creationId="{E1B9FD18-5CFC-B644-A9B2-5E43FF475A87}"/>
          </ac:picMkLst>
        </pc:picChg>
        <pc:picChg chg="add mod modCrop">
          <ac:chgData name="Daly Donnacha HSLU I" userId="0f22e960-400a-43ff-baeb-4828c8f5cd3a" providerId="ADAL" clId="{1A3DD300-9E7D-BF4B-BC8B-F4CA9FD4CE48}" dt="2021-05-27T13:44:28.948" v="3380" actId="732"/>
          <ac:picMkLst>
            <pc:docMk/>
            <pc:sldMk cId="867480082" sldId="320"/>
            <ac:picMk id="6" creationId="{C9306B20-AFA9-9541-805E-D9FC8AA48A21}"/>
          </ac:picMkLst>
        </pc:picChg>
        <pc:picChg chg="add mod">
          <ac:chgData name="Daly Donnacha HSLU I" userId="0f22e960-400a-43ff-baeb-4828c8f5cd3a" providerId="ADAL" clId="{1A3DD300-9E7D-BF4B-BC8B-F4CA9FD4CE48}" dt="2021-05-27T13:55:27.561" v="3707" actId="14100"/>
          <ac:picMkLst>
            <pc:docMk/>
            <pc:sldMk cId="867480082" sldId="320"/>
            <ac:picMk id="7170" creationId="{C8110DC9-99C3-5F4E-9A79-32F795DFF6BF}"/>
          </ac:picMkLst>
        </pc:picChg>
      </pc:sldChg>
      <pc:sldChg chg="addSp delSp modSp new mod">
        <pc:chgData name="Daly Donnacha HSLU I" userId="0f22e960-400a-43ff-baeb-4828c8f5cd3a" providerId="ADAL" clId="{1A3DD300-9E7D-BF4B-BC8B-F4CA9FD4CE48}" dt="2021-05-27T09:37:11.370" v="771" actId="1035"/>
        <pc:sldMkLst>
          <pc:docMk/>
          <pc:sldMk cId="668365657" sldId="321"/>
        </pc:sldMkLst>
        <pc:spChg chg="mod">
          <ac:chgData name="Daly Donnacha HSLU I" userId="0f22e960-400a-43ff-baeb-4828c8f5cd3a" providerId="ADAL" clId="{1A3DD300-9E7D-BF4B-BC8B-F4CA9FD4CE48}" dt="2021-05-27T09:35:37.273" v="757" actId="20577"/>
          <ac:spMkLst>
            <pc:docMk/>
            <pc:sldMk cId="668365657" sldId="321"/>
            <ac:spMk id="2" creationId="{5C2792AD-E940-244A-B474-649342A96E98}"/>
          </ac:spMkLst>
        </pc:spChg>
        <pc:spChg chg="add mod">
          <ac:chgData name="Daly Donnacha HSLU I" userId="0f22e960-400a-43ff-baeb-4828c8f5cd3a" providerId="ADAL" clId="{1A3DD300-9E7D-BF4B-BC8B-F4CA9FD4CE48}" dt="2021-05-27T09:36:58.236" v="768" actId="1076"/>
          <ac:spMkLst>
            <pc:docMk/>
            <pc:sldMk cId="668365657" sldId="321"/>
            <ac:spMk id="11" creationId="{CD70DB5D-E139-1B40-BED8-33837EF151FD}"/>
          </ac:spMkLst>
        </pc:spChg>
        <pc:picChg chg="add mod modCrop">
          <ac:chgData name="Daly Donnacha HSLU I" userId="0f22e960-400a-43ff-baeb-4828c8f5cd3a" providerId="ADAL" clId="{1A3DD300-9E7D-BF4B-BC8B-F4CA9FD4CE48}" dt="2021-05-27T09:36:33.404" v="764" actId="1076"/>
          <ac:picMkLst>
            <pc:docMk/>
            <pc:sldMk cId="668365657" sldId="321"/>
            <ac:picMk id="3" creationId="{604D9CC3-D93A-AE4B-AD4C-5DFF29C52C94}"/>
          </ac:picMkLst>
        </pc:picChg>
        <pc:picChg chg="add mod modCrop">
          <ac:chgData name="Daly Donnacha HSLU I" userId="0f22e960-400a-43ff-baeb-4828c8f5cd3a" providerId="ADAL" clId="{1A3DD300-9E7D-BF4B-BC8B-F4CA9FD4CE48}" dt="2021-05-27T09:37:11.370" v="771" actId="1035"/>
          <ac:picMkLst>
            <pc:docMk/>
            <pc:sldMk cId="668365657" sldId="321"/>
            <ac:picMk id="4" creationId="{7EF5CAB1-BA23-DD40-AD24-257A07598065}"/>
          </ac:picMkLst>
        </pc:picChg>
        <pc:cxnChg chg="add del mod">
          <ac:chgData name="Daly Donnacha HSLU I" userId="0f22e960-400a-43ff-baeb-4828c8f5cd3a" providerId="ADAL" clId="{1A3DD300-9E7D-BF4B-BC8B-F4CA9FD4CE48}" dt="2021-05-27T09:35:57.618" v="759" actId="478"/>
          <ac:cxnSpMkLst>
            <pc:docMk/>
            <pc:sldMk cId="668365657" sldId="321"/>
            <ac:cxnSpMk id="6" creationId="{31A5EA65-D4D3-D24B-86F7-67A9734A5DF7}"/>
          </ac:cxnSpMkLst>
        </pc:cxnChg>
        <pc:cxnChg chg="add del mod">
          <ac:chgData name="Daly Donnacha HSLU I" userId="0f22e960-400a-43ff-baeb-4828c8f5cd3a" providerId="ADAL" clId="{1A3DD300-9E7D-BF4B-BC8B-F4CA9FD4CE48}" dt="2021-05-27T09:35:55.458" v="758" actId="478"/>
          <ac:cxnSpMkLst>
            <pc:docMk/>
            <pc:sldMk cId="668365657" sldId="321"/>
            <ac:cxnSpMk id="7" creationId="{A5A561D7-A449-6148-A368-878E14948EFB}"/>
          </ac:cxnSpMkLst>
        </pc:cxnChg>
      </pc:sldChg>
      <pc:sldChg chg="addSp delSp modSp new mod">
        <pc:chgData name="Daly Donnacha HSLU I" userId="0f22e960-400a-43ff-baeb-4828c8f5cd3a" providerId="ADAL" clId="{1A3DD300-9E7D-BF4B-BC8B-F4CA9FD4CE48}" dt="2021-05-27T09:54:49.972" v="1086" actId="1076"/>
        <pc:sldMkLst>
          <pc:docMk/>
          <pc:sldMk cId="2312035558" sldId="322"/>
        </pc:sldMkLst>
        <pc:spChg chg="mod">
          <ac:chgData name="Daly Donnacha HSLU I" userId="0f22e960-400a-43ff-baeb-4828c8f5cd3a" providerId="ADAL" clId="{1A3DD300-9E7D-BF4B-BC8B-F4CA9FD4CE48}" dt="2021-05-27T09:54:24.901" v="1079" actId="20577"/>
          <ac:spMkLst>
            <pc:docMk/>
            <pc:sldMk cId="2312035558" sldId="322"/>
            <ac:spMk id="2" creationId="{004D5E18-B3C8-F748-ADED-3CC07B8AC693}"/>
          </ac:spMkLst>
        </pc:spChg>
        <pc:spChg chg="add del mod">
          <ac:chgData name="Daly Donnacha HSLU I" userId="0f22e960-400a-43ff-baeb-4828c8f5cd3a" providerId="ADAL" clId="{1A3DD300-9E7D-BF4B-BC8B-F4CA9FD4CE48}" dt="2021-05-27T09:52:20.341" v="1049" actId="478"/>
          <ac:spMkLst>
            <pc:docMk/>
            <pc:sldMk cId="2312035558" sldId="322"/>
            <ac:spMk id="4" creationId="{4D15FD1E-DDFF-BF44-AE57-05CB1AC18782}"/>
          </ac:spMkLst>
        </pc:spChg>
        <pc:spChg chg="add mod">
          <ac:chgData name="Daly Donnacha HSLU I" userId="0f22e960-400a-43ff-baeb-4828c8f5cd3a" providerId="ADAL" clId="{1A3DD300-9E7D-BF4B-BC8B-F4CA9FD4CE48}" dt="2021-05-27T09:54:49.972" v="1086" actId="1076"/>
          <ac:spMkLst>
            <pc:docMk/>
            <pc:sldMk cId="2312035558" sldId="322"/>
            <ac:spMk id="6" creationId="{8B7E0D0B-A79B-314E-B370-AE77B915C8AB}"/>
          </ac:spMkLst>
        </pc:spChg>
        <pc:picChg chg="add mod modCrop">
          <ac:chgData name="Daly Donnacha HSLU I" userId="0f22e960-400a-43ff-baeb-4828c8f5cd3a" providerId="ADAL" clId="{1A3DD300-9E7D-BF4B-BC8B-F4CA9FD4CE48}" dt="2021-05-27T09:42:49.070" v="840" actId="14100"/>
          <ac:picMkLst>
            <pc:docMk/>
            <pc:sldMk cId="2312035558" sldId="322"/>
            <ac:picMk id="3" creationId="{4DE66DA7-512F-9541-A508-BA2FE53CAF86}"/>
          </ac:picMkLst>
        </pc:picChg>
        <pc:picChg chg="add mod">
          <ac:chgData name="Daly Donnacha HSLU I" userId="0f22e960-400a-43ff-baeb-4828c8f5cd3a" providerId="ADAL" clId="{1A3DD300-9E7D-BF4B-BC8B-F4CA9FD4CE48}" dt="2021-05-27T09:54:05.457" v="1063" actId="14100"/>
          <ac:picMkLst>
            <pc:docMk/>
            <pc:sldMk cId="2312035558" sldId="322"/>
            <ac:picMk id="5" creationId="{8EEE872B-ACBE-6049-8E7E-6DA0B402B8D8}"/>
          </ac:picMkLst>
        </pc:picChg>
      </pc:sldChg>
      <pc:sldChg chg="addSp delSp modSp new mod">
        <pc:chgData name="Daly Donnacha HSLU I" userId="0f22e960-400a-43ff-baeb-4828c8f5cd3a" providerId="ADAL" clId="{1A3DD300-9E7D-BF4B-BC8B-F4CA9FD4CE48}" dt="2021-05-27T10:16:12.465" v="1309" actId="1076"/>
        <pc:sldMkLst>
          <pc:docMk/>
          <pc:sldMk cId="2458404373" sldId="323"/>
        </pc:sldMkLst>
        <pc:spChg chg="mod">
          <ac:chgData name="Daly Donnacha HSLU I" userId="0f22e960-400a-43ff-baeb-4828c8f5cd3a" providerId="ADAL" clId="{1A3DD300-9E7D-BF4B-BC8B-F4CA9FD4CE48}" dt="2021-05-27T10:13:41.752" v="1259" actId="20577"/>
          <ac:spMkLst>
            <pc:docMk/>
            <pc:sldMk cId="2458404373" sldId="323"/>
            <ac:spMk id="2" creationId="{23EAFFE3-528F-5044-A2DE-EF7A26CCBC8A}"/>
          </ac:spMkLst>
        </pc:spChg>
        <pc:spChg chg="add del mod">
          <ac:chgData name="Daly Donnacha HSLU I" userId="0f22e960-400a-43ff-baeb-4828c8f5cd3a" providerId="ADAL" clId="{1A3DD300-9E7D-BF4B-BC8B-F4CA9FD4CE48}" dt="2021-05-27T10:13:09.150" v="1233" actId="478"/>
          <ac:spMkLst>
            <pc:docMk/>
            <pc:sldMk cId="2458404373" sldId="323"/>
            <ac:spMk id="3" creationId="{7C31CF7B-7B95-894A-A395-8E0D032F5159}"/>
          </ac:spMkLst>
        </pc:spChg>
        <pc:spChg chg="add mod">
          <ac:chgData name="Daly Donnacha HSLU I" userId="0f22e960-400a-43ff-baeb-4828c8f5cd3a" providerId="ADAL" clId="{1A3DD300-9E7D-BF4B-BC8B-F4CA9FD4CE48}" dt="2021-05-27T10:15:45.207" v="1306" actId="20577"/>
          <ac:spMkLst>
            <pc:docMk/>
            <pc:sldMk cId="2458404373" sldId="323"/>
            <ac:spMk id="4" creationId="{7E1BA860-53AC-7C43-9855-7627A0AE0181}"/>
          </ac:spMkLst>
        </pc:spChg>
        <pc:spChg chg="add mod">
          <ac:chgData name="Daly Donnacha HSLU I" userId="0f22e960-400a-43ff-baeb-4828c8f5cd3a" providerId="ADAL" clId="{1A3DD300-9E7D-BF4B-BC8B-F4CA9FD4CE48}" dt="2021-05-27T10:15:18.419" v="1300" actId="1076"/>
          <ac:spMkLst>
            <pc:docMk/>
            <pc:sldMk cId="2458404373" sldId="323"/>
            <ac:spMk id="7" creationId="{A458632E-D6FA-E747-A37D-09E89383F3C7}"/>
          </ac:spMkLst>
        </pc:spChg>
        <pc:picChg chg="add mod">
          <ac:chgData name="Daly Donnacha HSLU I" userId="0f22e960-400a-43ff-baeb-4828c8f5cd3a" providerId="ADAL" clId="{1A3DD300-9E7D-BF4B-BC8B-F4CA9FD4CE48}" dt="2021-05-27T10:15:32.059" v="1304" actId="1038"/>
          <ac:picMkLst>
            <pc:docMk/>
            <pc:sldMk cId="2458404373" sldId="323"/>
            <ac:picMk id="5" creationId="{2AC44AC0-3684-B542-8F8E-E78F76B58C4B}"/>
          </ac:picMkLst>
        </pc:picChg>
        <pc:picChg chg="add mod">
          <ac:chgData name="Daly Donnacha HSLU I" userId="0f22e960-400a-43ff-baeb-4828c8f5cd3a" providerId="ADAL" clId="{1A3DD300-9E7D-BF4B-BC8B-F4CA9FD4CE48}" dt="2021-05-27T10:15:18.419" v="1300" actId="1076"/>
          <ac:picMkLst>
            <pc:docMk/>
            <pc:sldMk cId="2458404373" sldId="323"/>
            <ac:picMk id="6" creationId="{436397BE-918B-8043-ACCD-EB34177815A2}"/>
          </ac:picMkLst>
        </pc:picChg>
        <pc:picChg chg="add mod">
          <ac:chgData name="Daly Donnacha HSLU I" userId="0f22e960-400a-43ff-baeb-4828c8f5cd3a" providerId="ADAL" clId="{1A3DD300-9E7D-BF4B-BC8B-F4CA9FD4CE48}" dt="2021-05-27T10:16:12.465" v="1309" actId="1076"/>
          <ac:picMkLst>
            <pc:docMk/>
            <pc:sldMk cId="2458404373" sldId="323"/>
            <ac:picMk id="8" creationId="{EB092160-5115-DB44-AB16-6C7E416CB298}"/>
          </ac:picMkLst>
        </pc:picChg>
      </pc:sldChg>
      <pc:sldChg chg="addSp modSp add mod ord">
        <pc:chgData name="Daly Donnacha HSLU I" userId="0f22e960-400a-43ff-baeb-4828c8f5cd3a" providerId="ADAL" clId="{1A3DD300-9E7D-BF4B-BC8B-F4CA9FD4CE48}" dt="2021-05-27T12:15:43.888" v="2152" actId="20577"/>
        <pc:sldMkLst>
          <pc:docMk/>
          <pc:sldMk cId="1161815850" sldId="324"/>
        </pc:sldMkLst>
        <pc:spChg chg="mod">
          <ac:chgData name="Daly Donnacha HSLU I" userId="0f22e960-400a-43ff-baeb-4828c8f5cd3a" providerId="ADAL" clId="{1A3DD300-9E7D-BF4B-BC8B-F4CA9FD4CE48}" dt="2021-05-27T12:15:43.888" v="2152" actId="20577"/>
          <ac:spMkLst>
            <pc:docMk/>
            <pc:sldMk cId="1161815850" sldId="324"/>
            <ac:spMk id="2" creationId="{23EAFFE3-528F-5044-A2DE-EF7A26CCBC8A}"/>
          </ac:spMkLst>
        </pc:spChg>
        <pc:spChg chg="mod">
          <ac:chgData name="Daly Donnacha HSLU I" userId="0f22e960-400a-43ff-baeb-4828c8f5cd3a" providerId="ADAL" clId="{1A3DD300-9E7D-BF4B-BC8B-F4CA9FD4CE48}" dt="2021-05-27T10:22:54.530" v="1352" actId="1076"/>
          <ac:spMkLst>
            <pc:docMk/>
            <pc:sldMk cId="1161815850" sldId="324"/>
            <ac:spMk id="3" creationId="{7C31CF7B-7B95-894A-A395-8E0D032F5159}"/>
          </ac:spMkLst>
        </pc:spChg>
        <pc:spChg chg="add mod">
          <ac:chgData name="Daly Donnacha HSLU I" userId="0f22e960-400a-43ff-baeb-4828c8f5cd3a" providerId="ADAL" clId="{1A3DD300-9E7D-BF4B-BC8B-F4CA9FD4CE48}" dt="2021-05-27T10:10:41.123" v="1216" actId="167"/>
          <ac:spMkLst>
            <pc:docMk/>
            <pc:sldMk cId="1161815850" sldId="324"/>
            <ac:spMk id="7" creationId="{3F363D33-18BF-9A47-AB32-2B5F7F60E848}"/>
          </ac:spMkLst>
        </pc:spChg>
        <pc:picChg chg="add mod">
          <ac:chgData name="Daly Donnacha HSLU I" userId="0f22e960-400a-43ff-baeb-4828c8f5cd3a" providerId="ADAL" clId="{1A3DD300-9E7D-BF4B-BC8B-F4CA9FD4CE48}" dt="2021-05-27T10:10:04.763" v="1208" actId="1076"/>
          <ac:picMkLst>
            <pc:docMk/>
            <pc:sldMk cId="1161815850" sldId="324"/>
            <ac:picMk id="5" creationId="{6CC00BFF-D434-834B-90D9-4FD794CD684D}"/>
          </ac:picMkLst>
        </pc:picChg>
        <pc:picChg chg="add mod">
          <ac:chgData name="Daly Donnacha HSLU I" userId="0f22e960-400a-43ff-baeb-4828c8f5cd3a" providerId="ADAL" clId="{1A3DD300-9E7D-BF4B-BC8B-F4CA9FD4CE48}" dt="2021-05-27T10:10:17.897" v="1212" actId="1076"/>
          <ac:picMkLst>
            <pc:docMk/>
            <pc:sldMk cId="1161815850" sldId="324"/>
            <ac:picMk id="6" creationId="{0D2C431D-D7A2-5E4D-A696-39A51EB3A8A9}"/>
          </ac:picMkLst>
        </pc:picChg>
      </pc:sldChg>
      <pc:sldChg chg="addSp modSp new mod">
        <pc:chgData name="Daly Donnacha HSLU I" userId="0f22e960-400a-43ff-baeb-4828c8f5cd3a" providerId="ADAL" clId="{1A3DD300-9E7D-BF4B-BC8B-F4CA9FD4CE48}" dt="2021-05-27T12:45:23.294" v="2566" actId="20577"/>
        <pc:sldMkLst>
          <pc:docMk/>
          <pc:sldMk cId="3015124961" sldId="325"/>
        </pc:sldMkLst>
        <pc:spChg chg="mod">
          <ac:chgData name="Daly Donnacha HSLU I" userId="0f22e960-400a-43ff-baeb-4828c8f5cd3a" providerId="ADAL" clId="{1A3DD300-9E7D-BF4B-BC8B-F4CA9FD4CE48}" dt="2021-05-27T10:18:20.661" v="1338" actId="20577"/>
          <ac:spMkLst>
            <pc:docMk/>
            <pc:sldMk cId="3015124961" sldId="325"/>
            <ac:spMk id="2" creationId="{9C3C680B-1C60-824C-B3D9-1591806D9185}"/>
          </ac:spMkLst>
        </pc:spChg>
        <pc:spChg chg="add mod">
          <ac:chgData name="Daly Donnacha HSLU I" userId="0f22e960-400a-43ff-baeb-4828c8f5cd3a" providerId="ADAL" clId="{1A3DD300-9E7D-BF4B-BC8B-F4CA9FD4CE48}" dt="2021-05-27T10:21:47.987" v="1349" actId="1076"/>
          <ac:spMkLst>
            <pc:docMk/>
            <pc:sldMk cId="3015124961" sldId="325"/>
            <ac:spMk id="4" creationId="{FBAD9ABE-60C8-7F46-9AC2-2E8247E2B8C4}"/>
          </ac:spMkLst>
        </pc:spChg>
        <pc:spChg chg="add mod">
          <ac:chgData name="Daly Donnacha HSLU I" userId="0f22e960-400a-43ff-baeb-4828c8f5cd3a" providerId="ADAL" clId="{1A3DD300-9E7D-BF4B-BC8B-F4CA9FD4CE48}" dt="2021-05-27T10:28:15.139" v="1678" actId="20577"/>
          <ac:spMkLst>
            <pc:docMk/>
            <pc:sldMk cId="3015124961" sldId="325"/>
            <ac:spMk id="5" creationId="{0C079FDD-3438-5B4F-BE9A-5C63F2991380}"/>
          </ac:spMkLst>
        </pc:spChg>
        <pc:spChg chg="add mod">
          <ac:chgData name="Daly Donnacha HSLU I" userId="0f22e960-400a-43ff-baeb-4828c8f5cd3a" providerId="ADAL" clId="{1A3DD300-9E7D-BF4B-BC8B-F4CA9FD4CE48}" dt="2021-05-27T10:28:07.423" v="1676" actId="1037"/>
          <ac:spMkLst>
            <pc:docMk/>
            <pc:sldMk cId="3015124961" sldId="325"/>
            <ac:spMk id="7" creationId="{370D4C99-9608-CF40-854F-5311C0B1E3ED}"/>
          </ac:spMkLst>
        </pc:spChg>
        <pc:spChg chg="add mod">
          <ac:chgData name="Daly Donnacha HSLU I" userId="0f22e960-400a-43ff-baeb-4828c8f5cd3a" providerId="ADAL" clId="{1A3DD300-9E7D-BF4B-BC8B-F4CA9FD4CE48}" dt="2021-05-27T12:45:23.294" v="2566" actId="20577"/>
          <ac:spMkLst>
            <pc:docMk/>
            <pc:sldMk cId="3015124961" sldId="325"/>
            <ac:spMk id="8" creationId="{5B888A67-32EA-8F4F-8F00-BAE284C69D50}"/>
          </ac:spMkLst>
        </pc:spChg>
        <pc:picChg chg="add mod modCrop">
          <ac:chgData name="Daly Donnacha HSLU I" userId="0f22e960-400a-43ff-baeb-4828c8f5cd3a" providerId="ADAL" clId="{1A3DD300-9E7D-BF4B-BC8B-F4CA9FD4CE48}" dt="2021-05-27T10:28:07.423" v="1676" actId="1037"/>
          <ac:picMkLst>
            <pc:docMk/>
            <pc:sldMk cId="3015124961" sldId="325"/>
            <ac:picMk id="3" creationId="{6A15333F-AF85-3240-8DE3-30805920AE9C}"/>
          </ac:picMkLst>
        </pc:picChg>
        <pc:picChg chg="add mod modCrop">
          <ac:chgData name="Daly Donnacha HSLU I" userId="0f22e960-400a-43ff-baeb-4828c8f5cd3a" providerId="ADAL" clId="{1A3DD300-9E7D-BF4B-BC8B-F4CA9FD4CE48}" dt="2021-05-27T10:24:27.549" v="1478" actId="1076"/>
          <ac:picMkLst>
            <pc:docMk/>
            <pc:sldMk cId="3015124961" sldId="325"/>
            <ac:picMk id="6" creationId="{AA63C5C3-D3BF-F146-A95B-0661EC342462}"/>
          </ac:picMkLst>
        </pc:picChg>
      </pc:sldChg>
      <pc:sldChg chg="addSp delSp modSp new mod ord">
        <pc:chgData name="Daly Donnacha HSLU I" userId="0f22e960-400a-43ff-baeb-4828c8f5cd3a" providerId="ADAL" clId="{1A3DD300-9E7D-BF4B-BC8B-F4CA9FD4CE48}" dt="2021-05-27T13:12:22.666" v="3258" actId="20577"/>
        <pc:sldMkLst>
          <pc:docMk/>
          <pc:sldMk cId="3126199846" sldId="326"/>
        </pc:sldMkLst>
        <pc:spChg chg="mod">
          <ac:chgData name="Daly Donnacha HSLU I" userId="0f22e960-400a-43ff-baeb-4828c8f5cd3a" providerId="ADAL" clId="{1A3DD300-9E7D-BF4B-BC8B-F4CA9FD4CE48}" dt="2021-05-27T10:30:24.766" v="1762" actId="6549"/>
          <ac:spMkLst>
            <pc:docMk/>
            <pc:sldMk cId="3126199846" sldId="326"/>
            <ac:spMk id="2" creationId="{63033D76-9073-B044-AC41-0251179E69BA}"/>
          </ac:spMkLst>
        </pc:spChg>
        <pc:spChg chg="add mod">
          <ac:chgData name="Daly Donnacha HSLU I" userId="0f22e960-400a-43ff-baeb-4828c8f5cd3a" providerId="ADAL" clId="{1A3DD300-9E7D-BF4B-BC8B-F4CA9FD4CE48}" dt="2021-05-27T13:10:42.529" v="3106" actId="14100"/>
          <ac:spMkLst>
            <pc:docMk/>
            <pc:sldMk cId="3126199846" sldId="326"/>
            <ac:spMk id="4" creationId="{80FBA0D1-4AD3-CA4A-9430-810614026195}"/>
          </ac:spMkLst>
        </pc:spChg>
        <pc:spChg chg="add mod">
          <ac:chgData name="Daly Donnacha HSLU I" userId="0f22e960-400a-43ff-baeb-4828c8f5cd3a" providerId="ADAL" clId="{1A3DD300-9E7D-BF4B-BC8B-F4CA9FD4CE48}" dt="2021-05-27T13:12:22.666" v="3258" actId="20577"/>
          <ac:spMkLst>
            <pc:docMk/>
            <pc:sldMk cId="3126199846" sldId="326"/>
            <ac:spMk id="5" creationId="{E1F5E55B-A6D1-BB47-A686-663043BFFB83}"/>
          </ac:spMkLst>
        </pc:spChg>
        <pc:picChg chg="add del mod modCrop">
          <ac:chgData name="Daly Donnacha HSLU I" userId="0f22e960-400a-43ff-baeb-4828c8f5cd3a" providerId="ADAL" clId="{1A3DD300-9E7D-BF4B-BC8B-F4CA9FD4CE48}" dt="2021-05-27T13:10:56.846" v="3118" actId="1038"/>
          <ac:picMkLst>
            <pc:docMk/>
            <pc:sldMk cId="3126199846" sldId="326"/>
            <ac:picMk id="3" creationId="{DB58AAF1-57D9-AA4B-8CEF-01119107E413}"/>
          </ac:picMkLst>
        </pc:picChg>
      </pc:sldChg>
      <pc:sldChg chg="addSp delSp modSp new mod">
        <pc:chgData name="Daly Donnacha HSLU I" userId="0f22e960-400a-43ff-baeb-4828c8f5cd3a" providerId="ADAL" clId="{1A3DD300-9E7D-BF4B-BC8B-F4CA9FD4CE48}" dt="2021-05-28T07:41:44.569" v="4160" actId="6549"/>
        <pc:sldMkLst>
          <pc:docMk/>
          <pc:sldMk cId="1865621965" sldId="327"/>
        </pc:sldMkLst>
        <pc:spChg chg="mod">
          <ac:chgData name="Daly Donnacha HSLU I" userId="0f22e960-400a-43ff-baeb-4828c8f5cd3a" providerId="ADAL" clId="{1A3DD300-9E7D-BF4B-BC8B-F4CA9FD4CE48}" dt="2021-05-27T13:50:47.441" v="3394" actId="20577"/>
          <ac:spMkLst>
            <pc:docMk/>
            <pc:sldMk cId="1865621965" sldId="327"/>
            <ac:spMk id="2" creationId="{F0A6043C-819F-6D43-91A5-B99E401AE3A5}"/>
          </ac:spMkLst>
        </pc:spChg>
        <pc:spChg chg="add del mod">
          <ac:chgData name="Daly Donnacha HSLU I" userId="0f22e960-400a-43ff-baeb-4828c8f5cd3a" providerId="ADAL" clId="{1A3DD300-9E7D-BF4B-BC8B-F4CA9FD4CE48}" dt="2021-05-27T13:52:37.385" v="3637" actId="478"/>
          <ac:spMkLst>
            <pc:docMk/>
            <pc:sldMk cId="1865621965" sldId="327"/>
            <ac:spMk id="3" creationId="{A09A2149-E20D-7347-BBFB-CB7F2DF80D53}"/>
          </ac:spMkLst>
        </pc:spChg>
        <pc:spChg chg="add mod">
          <ac:chgData name="Daly Donnacha HSLU I" userId="0f22e960-400a-43ff-baeb-4828c8f5cd3a" providerId="ADAL" clId="{1A3DD300-9E7D-BF4B-BC8B-F4CA9FD4CE48}" dt="2021-05-27T13:53:04.930" v="3646" actId="1076"/>
          <ac:spMkLst>
            <pc:docMk/>
            <pc:sldMk cId="1865621965" sldId="327"/>
            <ac:spMk id="4" creationId="{CF9FDCC4-5FC5-A54E-9144-1AEEE606F1DE}"/>
          </ac:spMkLst>
        </pc:spChg>
        <pc:spChg chg="add del mod">
          <ac:chgData name="Daly Donnacha HSLU I" userId="0f22e960-400a-43ff-baeb-4828c8f5cd3a" providerId="ADAL" clId="{1A3DD300-9E7D-BF4B-BC8B-F4CA9FD4CE48}" dt="2021-05-28T07:41:44.569" v="4160" actId="6549"/>
          <ac:spMkLst>
            <pc:docMk/>
            <pc:sldMk cId="1865621965" sldId="327"/>
            <ac:spMk id="5" creationId="{F928A507-AEE0-DA4A-BDE1-B7BF6EDF9DA2}"/>
          </ac:spMkLst>
        </pc:spChg>
        <pc:spChg chg="add mod">
          <ac:chgData name="Daly Donnacha HSLU I" userId="0f22e960-400a-43ff-baeb-4828c8f5cd3a" providerId="ADAL" clId="{1A3DD300-9E7D-BF4B-BC8B-F4CA9FD4CE48}" dt="2021-05-27T14:10:32.042" v="3962" actId="1036"/>
          <ac:spMkLst>
            <pc:docMk/>
            <pc:sldMk cId="1865621965" sldId="327"/>
            <ac:spMk id="6" creationId="{BB24B80D-F1AB-444A-BEF6-1ABF4F903E5E}"/>
          </ac:spMkLst>
        </pc:spChg>
        <pc:picChg chg="add del">
          <ac:chgData name="Daly Donnacha HSLU I" userId="0f22e960-400a-43ff-baeb-4828c8f5cd3a" providerId="ADAL" clId="{1A3DD300-9E7D-BF4B-BC8B-F4CA9FD4CE48}" dt="2021-05-27T14:06:14.451" v="3719"/>
          <ac:picMkLst>
            <pc:docMk/>
            <pc:sldMk cId="1865621965" sldId="327"/>
            <ac:picMk id="7" creationId="{380AAE98-EE10-8E4E-8113-384F14B779CB}"/>
          </ac:picMkLst>
        </pc:picChg>
        <pc:picChg chg="add del mod">
          <ac:chgData name="Daly Donnacha HSLU I" userId="0f22e960-400a-43ff-baeb-4828c8f5cd3a" providerId="ADAL" clId="{1A3DD300-9E7D-BF4B-BC8B-F4CA9FD4CE48}" dt="2021-05-27T14:06:29.192" v="3725"/>
          <ac:picMkLst>
            <pc:docMk/>
            <pc:sldMk cId="1865621965" sldId="327"/>
            <ac:picMk id="8" creationId="{37211EAF-55DB-1C48-989A-BE4865734839}"/>
          </ac:picMkLst>
        </pc:picChg>
        <pc:picChg chg="add mod">
          <ac:chgData name="Daly Donnacha HSLU I" userId="0f22e960-400a-43ff-baeb-4828c8f5cd3a" providerId="ADAL" clId="{1A3DD300-9E7D-BF4B-BC8B-F4CA9FD4CE48}" dt="2021-05-27T14:06:30.400" v="3726" actId="14100"/>
          <ac:picMkLst>
            <pc:docMk/>
            <pc:sldMk cId="1865621965" sldId="327"/>
            <ac:picMk id="6146" creationId="{B54396EC-BE85-B148-A749-66AE0C8B3E3F}"/>
          </ac:picMkLst>
        </pc:picChg>
      </pc:sldChg>
      <pc:sldChg chg="addSp modSp new mod">
        <pc:chgData name="Daly Donnacha HSLU I" userId="0f22e960-400a-43ff-baeb-4828c8f5cd3a" providerId="ADAL" clId="{1A3DD300-9E7D-BF4B-BC8B-F4CA9FD4CE48}" dt="2021-05-27T11:38:13.540" v="1871" actId="207"/>
        <pc:sldMkLst>
          <pc:docMk/>
          <pc:sldMk cId="3734718292" sldId="328"/>
        </pc:sldMkLst>
        <pc:spChg chg="mod">
          <ac:chgData name="Daly Donnacha HSLU I" userId="0f22e960-400a-43ff-baeb-4828c8f5cd3a" providerId="ADAL" clId="{1A3DD300-9E7D-BF4B-BC8B-F4CA9FD4CE48}" dt="2021-05-27T11:37:54.634" v="1869" actId="20577"/>
          <ac:spMkLst>
            <pc:docMk/>
            <pc:sldMk cId="3734718292" sldId="328"/>
            <ac:spMk id="2" creationId="{4C1CBADB-5CEF-7C49-B075-C237B5481844}"/>
          </ac:spMkLst>
        </pc:spChg>
        <pc:spChg chg="add mod">
          <ac:chgData name="Daly Donnacha HSLU I" userId="0f22e960-400a-43ff-baeb-4828c8f5cd3a" providerId="ADAL" clId="{1A3DD300-9E7D-BF4B-BC8B-F4CA9FD4CE48}" dt="2021-05-27T11:38:13.540" v="1871" actId="207"/>
          <ac:spMkLst>
            <pc:docMk/>
            <pc:sldMk cId="3734718292" sldId="328"/>
            <ac:spMk id="3" creationId="{160B5268-D5A1-594B-A969-9D74F228BB25}"/>
          </ac:spMkLst>
        </pc:spChg>
        <pc:spChg chg="add mod">
          <ac:chgData name="Daly Donnacha HSLU I" userId="0f22e960-400a-43ff-baeb-4828c8f5cd3a" providerId="ADAL" clId="{1A3DD300-9E7D-BF4B-BC8B-F4CA9FD4CE48}" dt="2021-05-27T11:36:09.272" v="1843" actId="14100"/>
          <ac:spMkLst>
            <pc:docMk/>
            <pc:sldMk cId="3734718292" sldId="328"/>
            <ac:spMk id="4" creationId="{7417A982-CFA1-8746-BC63-9DCDA307E0E0}"/>
          </ac:spMkLst>
        </pc:spChg>
        <pc:picChg chg="add mod">
          <ac:chgData name="Daly Donnacha HSLU I" userId="0f22e960-400a-43ff-baeb-4828c8f5cd3a" providerId="ADAL" clId="{1A3DD300-9E7D-BF4B-BC8B-F4CA9FD4CE48}" dt="2021-05-27T11:37:34.555" v="1859" actId="14100"/>
          <ac:picMkLst>
            <pc:docMk/>
            <pc:sldMk cId="3734718292" sldId="328"/>
            <ac:picMk id="5" creationId="{531F89BC-F0CB-444D-935B-4A2E65D32CA9}"/>
          </ac:picMkLst>
        </pc:picChg>
      </pc:sldChg>
      <pc:sldChg chg="addSp modSp new mod">
        <pc:chgData name="Daly Donnacha HSLU I" userId="0f22e960-400a-43ff-baeb-4828c8f5cd3a" providerId="ADAL" clId="{1A3DD300-9E7D-BF4B-BC8B-F4CA9FD4CE48}" dt="2021-05-27T13:55:42.600" v="3712" actId="20577"/>
        <pc:sldMkLst>
          <pc:docMk/>
          <pc:sldMk cId="854468441" sldId="329"/>
        </pc:sldMkLst>
        <pc:spChg chg="mod">
          <ac:chgData name="Daly Donnacha HSLU I" userId="0f22e960-400a-43ff-baeb-4828c8f5cd3a" providerId="ADAL" clId="{1A3DD300-9E7D-BF4B-BC8B-F4CA9FD4CE48}" dt="2021-05-27T13:55:42.600" v="3712" actId="20577"/>
          <ac:spMkLst>
            <pc:docMk/>
            <pc:sldMk cId="854468441" sldId="329"/>
            <ac:spMk id="2" creationId="{45B69284-FCF1-9145-B37C-983CC9FB473D}"/>
          </ac:spMkLst>
        </pc:spChg>
        <pc:spChg chg="add mod">
          <ac:chgData name="Daly Donnacha HSLU I" userId="0f22e960-400a-43ff-baeb-4828c8f5cd3a" providerId="ADAL" clId="{1A3DD300-9E7D-BF4B-BC8B-F4CA9FD4CE48}" dt="2021-05-27T12:01:04.371" v="1887" actId="14100"/>
          <ac:spMkLst>
            <pc:docMk/>
            <pc:sldMk cId="854468441" sldId="329"/>
            <ac:spMk id="5" creationId="{D0630385-A253-6B4D-A6AE-83DF5C0CFEF1}"/>
          </ac:spMkLst>
        </pc:spChg>
        <pc:spChg chg="add mod">
          <ac:chgData name="Daly Donnacha HSLU I" userId="0f22e960-400a-43ff-baeb-4828c8f5cd3a" providerId="ADAL" clId="{1A3DD300-9E7D-BF4B-BC8B-F4CA9FD4CE48}" dt="2021-05-27T12:04:05.567" v="1903" actId="14100"/>
          <ac:spMkLst>
            <pc:docMk/>
            <pc:sldMk cId="854468441" sldId="329"/>
            <ac:spMk id="6" creationId="{1BAD7F7C-73CD-2349-BE5B-5B6A63195673}"/>
          </ac:spMkLst>
        </pc:spChg>
        <pc:spChg chg="add mod">
          <ac:chgData name="Daly Donnacha HSLU I" userId="0f22e960-400a-43ff-baeb-4828c8f5cd3a" providerId="ADAL" clId="{1A3DD300-9E7D-BF4B-BC8B-F4CA9FD4CE48}" dt="2021-05-27T12:06:33.344" v="2009" actId="1035"/>
          <ac:spMkLst>
            <pc:docMk/>
            <pc:sldMk cId="854468441" sldId="329"/>
            <ac:spMk id="7" creationId="{252DD8E6-466F-3240-BDB7-E2467B81B077}"/>
          </ac:spMkLst>
        </pc:spChg>
        <pc:picChg chg="add mod">
          <ac:chgData name="Daly Donnacha HSLU I" userId="0f22e960-400a-43ff-baeb-4828c8f5cd3a" providerId="ADAL" clId="{1A3DD300-9E7D-BF4B-BC8B-F4CA9FD4CE48}" dt="2021-05-27T12:00:15.271" v="1877" actId="1076"/>
          <ac:picMkLst>
            <pc:docMk/>
            <pc:sldMk cId="854468441" sldId="329"/>
            <ac:picMk id="3" creationId="{5CB13E4F-6361-354D-9CF9-64D4206BBE5C}"/>
          </ac:picMkLst>
        </pc:picChg>
        <pc:picChg chg="add mod">
          <ac:chgData name="Daly Donnacha HSLU I" userId="0f22e960-400a-43ff-baeb-4828c8f5cd3a" providerId="ADAL" clId="{1A3DD300-9E7D-BF4B-BC8B-F4CA9FD4CE48}" dt="2021-05-27T12:06:29.504" v="2008" actId="1035"/>
          <ac:picMkLst>
            <pc:docMk/>
            <pc:sldMk cId="854468441" sldId="329"/>
            <ac:picMk id="4" creationId="{CB05C873-5D18-E34A-AD18-D1A85B974FEA}"/>
          </ac:picMkLst>
        </pc:picChg>
      </pc:sldChg>
      <pc:sldChg chg="addSp modSp new mod">
        <pc:chgData name="Daly Donnacha HSLU I" userId="0f22e960-400a-43ff-baeb-4828c8f5cd3a" providerId="ADAL" clId="{1A3DD300-9E7D-BF4B-BC8B-F4CA9FD4CE48}" dt="2021-05-27T13:56:02.877" v="3715" actId="1076"/>
        <pc:sldMkLst>
          <pc:docMk/>
          <pc:sldMk cId="3047620013" sldId="330"/>
        </pc:sldMkLst>
        <pc:spChg chg="mod">
          <ac:chgData name="Daly Donnacha HSLU I" userId="0f22e960-400a-43ff-baeb-4828c8f5cd3a" providerId="ADAL" clId="{1A3DD300-9E7D-BF4B-BC8B-F4CA9FD4CE48}" dt="2021-05-27T12:09:46.040" v="2033" actId="20577"/>
          <ac:spMkLst>
            <pc:docMk/>
            <pc:sldMk cId="3047620013" sldId="330"/>
            <ac:spMk id="2" creationId="{DF9E0D86-2B1B-124F-9173-17849030E855}"/>
          </ac:spMkLst>
        </pc:spChg>
        <pc:spChg chg="add mod">
          <ac:chgData name="Daly Donnacha HSLU I" userId="0f22e960-400a-43ff-baeb-4828c8f5cd3a" providerId="ADAL" clId="{1A3DD300-9E7D-BF4B-BC8B-F4CA9FD4CE48}" dt="2021-05-27T12:10:35.983" v="2052" actId="1076"/>
          <ac:spMkLst>
            <pc:docMk/>
            <pc:sldMk cId="3047620013" sldId="330"/>
            <ac:spMk id="4" creationId="{397A619A-60EA-7846-B683-391C52B6946A}"/>
          </ac:spMkLst>
        </pc:spChg>
        <pc:spChg chg="add mod">
          <ac:chgData name="Daly Donnacha HSLU I" userId="0f22e960-400a-43ff-baeb-4828c8f5cd3a" providerId="ADAL" clId="{1A3DD300-9E7D-BF4B-BC8B-F4CA9FD4CE48}" dt="2021-05-27T13:55:58.082" v="3714" actId="1076"/>
          <ac:spMkLst>
            <pc:docMk/>
            <pc:sldMk cId="3047620013" sldId="330"/>
            <ac:spMk id="5" creationId="{F8FF523F-95D1-8C45-A217-66F4DA3D6B8B}"/>
          </ac:spMkLst>
        </pc:spChg>
        <pc:picChg chg="add mod">
          <ac:chgData name="Daly Donnacha HSLU I" userId="0f22e960-400a-43ff-baeb-4828c8f5cd3a" providerId="ADAL" clId="{1A3DD300-9E7D-BF4B-BC8B-F4CA9FD4CE48}" dt="2021-05-27T13:56:02.877" v="3715" actId="1076"/>
          <ac:picMkLst>
            <pc:docMk/>
            <pc:sldMk cId="3047620013" sldId="330"/>
            <ac:picMk id="3" creationId="{557E555F-3FC1-3848-B849-811157568F53}"/>
          </ac:picMkLst>
        </pc:picChg>
      </pc:sldChg>
      <pc:sldChg chg="addSp modSp new mod">
        <pc:chgData name="Daly Donnacha HSLU I" userId="0f22e960-400a-43ff-baeb-4828c8f5cd3a" providerId="ADAL" clId="{1A3DD300-9E7D-BF4B-BC8B-F4CA9FD4CE48}" dt="2021-05-27T12:24:48.404" v="2230"/>
        <pc:sldMkLst>
          <pc:docMk/>
          <pc:sldMk cId="1616701889" sldId="331"/>
        </pc:sldMkLst>
        <pc:spChg chg="mod">
          <ac:chgData name="Daly Donnacha HSLU I" userId="0f22e960-400a-43ff-baeb-4828c8f5cd3a" providerId="ADAL" clId="{1A3DD300-9E7D-BF4B-BC8B-F4CA9FD4CE48}" dt="2021-05-27T12:13:38.118" v="2082" actId="20577"/>
          <ac:spMkLst>
            <pc:docMk/>
            <pc:sldMk cId="1616701889" sldId="331"/>
            <ac:spMk id="2" creationId="{5D603B40-EC1B-4445-81DF-6DF50C7C31BB}"/>
          </ac:spMkLst>
        </pc:spChg>
        <pc:spChg chg="add mod">
          <ac:chgData name="Daly Donnacha HSLU I" userId="0f22e960-400a-43ff-baeb-4828c8f5cd3a" providerId="ADAL" clId="{1A3DD300-9E7D-BF4B-BC8B-F4CA9FD4CE48}" dt="2021-05-27T12:24:48.404" v="2230"/>
          <ac:spMkLst>
            <pc:docMk/>
            <pc:sldMk cId="1616701889" sldId="331"/>
            <ac:spMk id="3" creationId="{A9D965C4-932E-0444-9CDD-81A09030B258}"/>
          </ac:spMkLst>
        </pc:spChg>
      </pc:sldChg>
      <pc:sldChg chg="addSp modSp new mod ord">
        <pc:chgData name="Daly Donnacha HSLU I" userId="0f22e960-400a-43ff-baeb-4828c8f5cd3a" providerId="ADAL" clId="{1A3DD300-9E7D-BF4B-BC8B-F4CA9FD4CE48}" dt="2021-05-27T12:42:54.986" v="2499" actId="20577"/>
        <pc:sldMkLst>
          <pc:docMk/>
          <pc:sldMk cId="2914426789" sldId="332"/>
        </pc:sldMkLst>
        <pc:spChg chg="mod">
          <ac:chgData name="Daly Donnacha HSLU I" userId="0f22e960-400a-43ff-baeb-4828c8f5cd3a" providerId="ADAL" clId="{1A3DD300-9E7D-BF4B-BC8B-F4CA9FD4CE48}" dt="2021-05-27T12:42:54.986" v="2499" actId="20577"/>
          <ac:spMkLst>
            <pc:docMk/>
            <pc:sldMk cId="2914426789" sldId="332"/>
            <ac:spMk id="2" creationId="{C128A7EF-CAF0-C343-A595-7B0C272B254D}"/>
          </ac:spMkLst>
        </pc:spChg>
        <pc:spChg chg="add mod">
          <ac:chgData name="Daly Donnacha HSLU I" userId="0f22e960-400a-43ff-baeb-4828c8f5cd3a" providerId="ADAL" clId="{1A3DD300-9E7D-BF4B-BC8B-F4CA9FD4CE48}" dt="2021-05-27T12:17:11.824" v="2160" actId="1076"/>
          <ac:spMkLst>
            <pc:docMk/>
            <pc:sldMk cId="2914426789" sldId="332"/>
            <ac:spMk id="3" creationId="{15CFC0BA-2CF6-5748-ADC6-E9696FE69F1F}"/>
          </ac:spMkLst>
        </pc:spChg>
        <pc:picChg chg="add mod">
          <ac:chgData name="Daly Donnacha HSLU I" userId="0f22e960-400a-43ff-baeb-4828c8f5cd3a" providerId="ADAL" clId="{1A3DD300-9E7D-BF4B-BC8B-F4CA9FD4CE48}" dt="2021-05-27T12:15:20.151" v="2149" actId="1035"/>
          <ac:picMkLst>
            <pc:docMk/>
            <pc:sldMk cId="2914426789" sldId="332"/>
            <ac:picMk id="4" creationId="{CFD1D366-7BE5-9846-85DE-C2EB56445988}"/>
          </ac:picMkLst>
        </pc:picChg>
        <pc:picChg chg="add mod">
          <ac:chgData name="Daly Donnacha HSLU I" userId="0f22e960-400a-43ff-baeb-4828c8f5cd3a" providerId="ADAL" clId="{1A3DD300-9E7D-BF4B-BC8B-F4CA9FD4CE48}" dt="2021-05-27T12:15:20.151" v="2149" actId="1035"/>
          <ac:picMkLst>
            <pc:docMk/>
            <pc:sldMk cId="2914426789" sldId="332"/>
            <ac:picMk id="4098" creationId="{7CD84117-12AF-3648-9D2B-B04E0ED33DA6}"/>
          </ac:picMkLst>
        </pc:picChg>
      </pc:sldChg>
      <pc:sldChg chg="addSp delSp modSp new mod ord">
        <pc:chgData name="Daly Donnacha HSLU I" userId="0f22e960-400a-43ff-baeb-4828c8f5cd3a" providerId="ADAL" clId="{1A3DD300-9E7D-BF4B-BC8B-F4CA9FD4CE48}" dt="2021-05-27T12:23:38.876" v="2228" actId="1035"/>
        <pc:sldMkLst>
          <pc:docMk/>
          <pc:sldMk cId="3387146453" sldId="333"/>
        </pc:sldMkLst>
        <pc:spChg chg="mod">
          <ac:chgData name="Daly Donnacha HSLU I" userId="0f22e960-400a-43ff-baeb-4828c8f5cd3a" providerId="ADAL" clId="{1A3DD300-9E7D-BF4B-BC8B-F4CA9FD4CE48}" dt="2021-05-27T12:22:36.556" v="2225" actId="20577"/>
          <ac:spMkLst>
            <pc:docMk/>
            <pc:sldMk cId="3387146453" sldId="333"/>
            <ac:spMk id="2" creationId="{CDA4A161-37B1-D945-A5F6-3E5860A09C57}"/>
          </ac:spMkLst>
        </pc:spChg>
        <pc:spChg chg="add del mod">
          <ac:chgData name="Daly Donnacha HSLU I" userId="0f22e960-400a-43ff-baeb-4828c8f5cd3a" providerId="ADAL" clId="{1A3DD300-9E7D-BF4B-BC8B-F4CA9FD4CE48}" dt="2021-05-27T12:21:37.225" v="2182"/>
          <ac:spMkLst>
            <pc:docMk/>
            <pc:sldMk cId="3387146453" sldId="333"/>
            <ac:spMk id="3" creationId="{ECD295AA-C32D-6446-8FFD-14A6504E4DD9}"/>
          </ac:spMkLst>
        </pc:spChg>
        <pc:spChg chg="add del mod">
          <ac:chgData name="Daly Donnacha HSLU I" userId="0f22e960-400a-43ff-baeb-4828c8f5cd3a" providerId="ADAL" clId="{1A3DD300-9E7D-BF4B-BC8B-F4CA9FD4CE48}" dt="2021-05-27T12:21:37.225" v="2182"/>
          <ac:spMkLst>
            <pc:docMk/>
            <pc:sldMk cId="3387146453" sldId="333"/>
            <ac:spMk id="4" creationId="{A9A57F5D-B5F0-9B47-8738-DA990A7F940C}"/>
          </ac:spMkLst>
        </pc:spChg>
        <pc:spChg chg="add del mod">
          <ac:chgData name="Daly Donnacha HSLU I" userId="0f22e960-400a-43ff-baeb-4828c8f5cd3a" providerId="ADAL" clId="{1A3DD300-9E7D-BF4B-BC8B-F4CA9FD4CE48}" dt="2021-05-27T12:21:37.225" v="2182"/>
          <ac:spMkLst>
            <pc:docMk/>
            <pc:sldMk cId="3387146453" sldId="333"/>
            <ac:spMk id="5" creationId="{EF687811-337C-DB42-8C33-06BA55605CC1}"/>
          </ac:spMkLst>
        </pc:spChg>
        <pc:spChg chg="add del mod">
          <ac:chgData name="Daly Donnacha HSLU I" userId="0f22e960-400a-43ff-baeb-4828c8f5cd3a" providerId="ADAL" clId="{1A3DD300-9E7D-BF4B-BC8B-F4CA9FD4CE48}" dt="2021-05-27T12:21:37.225" v="2182"/>
          <ac:spMkLst>
            <pc:docMk/>
            <pc:sldMk cId="3387146453" sldId="333"/>
            <ac:spMk id="7" creationId="{FD0B990B-3350-3947-AE1A-6FE88E390E94}"/>
          </ac:spMkLst>
        </pc:spChg>
        <pc:spChg chg="add del mod">
          <ac:chgData name="Daly Donnacha HSLU I" userId="0f22e960-400a-43ff-baeb-4828c8f5cd3a" providerId="ADAL" clId="{1A3DD300-9E7D-BF4B-BC8B-F4CA9FD4CE48}" dt="2021-05-27T12:21:37.225" v="2182"/>
          <ac:spMkLst>
            <pc:docMk/>
            <pc:sldMk cId="3387146453" sldId="333"/>
            <ac:spMk id="8" creationId="{B145EFDF-CF24-FF45-B3B4-072943363E7F}"/>
          </ac:spMkLst>
        </pc:spChg>
        <pc:spChg chg="add mod">
          <ac:chgData name="Daly Donnacha HSLU I" userId="0f22e960-400a-43ff-baeb-4828c8f5cd3a" providerId="ADAL" clId="{1A3DD300-9E7D-BF4B-BC8B-F4CA9FD4CE48}" dt="2021-05-27T12:23:34.905" v="2227"/>
          <ac:spMkLst>
            <pc:docMk/>
            <pc:sldMk cId="3387146453" sldId="333"/>
            <ac:spMk id="10" creationId="{18D19499-E248-C048-8F15-905AF5CF6BD2}"/>
          </ac:spMkLst>
        </pc:spChg>
        <pc:picChg chg="add del mod">
          <ac:chgData name="Daly Donnacha HSLU I" userId="0f22e960-400a-43ff-baeb-4828c8f5cd3a" providerId="ADAL" clId="{1A3DD300-9E7D-BF4B-BC8B-F4CA9FD4CE48}" dt="2021-05-27T12:21:37.225" v="2182"/>
          <ac:picMkLst>
            <pc:docMk/>
            <pc:sldMk cId="3387146453" sldId="333"/>
            <ac:picMk id="6" creationId="{FA47E13F-C112-CC4F-9080-65193215D86F}"/>
          </ac:picMkLst>
        </pc:picChg>
        <pc:picChg chg="add mod">
          <ac:chgData name="Daly Donnacha HSLU I" userId="0f22e960-400a-43ff-baeb-4828c8f5cd3a" providerId="ADAL" clId="{1A3DD300-9E7D-BF4B-BC8B-F4CA9FD4CE48}" dt="2021-05-27T12:23:38.876" v="2228" actId="1035"/>
          <ac:picMkLst>
            <pc:docMk/>
            <pc:sldMk cId="3387146453" sldId="333"/>
            <ac:picMk id="9" creationId="{39F0E0C7-9390-104A-9325-F0CB94A22A47}"/>
          </ac:picMkLst>
        </pc:picChg>
      </pc:sldChg>
      <pc:sldChg chg="addSp modSp new mod">
        <pc:chgData name="Daly Donnacha HSLU I" userId="0f22e960-400a-43ff-baeb-4828c8f5cd3a" providerId="ADAL" clId="{1A3DD300-9E7D-BF4B-BC8B-F4CA9FD4CE48}" dt="2021-05-27T12:30:10.543" v="2271"/>
        <pc:sldMkLst>
          <pc:docMk/>
          <pc:sldMk cId="482281205" sldId="334"/>
        </pc:sldMkLst>
        <pc:spChg chg="mod">
          <ac:chgData name="Daly Donnacha HSLU I" userId="0f22e960-400a-43ff-baeb-4828c8f5cd3a" providerId="ADAL" clId="{1A3DD300-9E7D-BF4B-BC8B-F4CA9FD4CE48}" dt="2021-05-27T12:29:44.810" v="2269" actId="20577"/>
          <ac:spMkLst>
            <pc:docMk/>
            <pc:sldMk cId="482281205" sldId="334"/>
            <ac:spMk id="2" creationId="{957E0757-D125-C44A-83EC-25BAD0074CED}"/>
          </ac:spMkLst>
        </pc:spChg>
        <pc:spChg chg="add mod">
          <ac:chgData name="Daly Donnacha HSLU I" userId="0f22e960-400a-43ff-baeb-4828c8f5cd3a" providerId="ADAL" clId="{1A3DD300-9E7D-BF4B-BC8B-F4CA9FD4CE48}" dt="2021-05-27T12:29:53.006" v="2270"/>
          <ac:spMkLst>
            <pc:docMk/>
            <pc:sldMk cId="482281205" sldId="334"/>
            <ac:spMk id="3" creationId="{641BCF29-6A60-7B4B-A188-3895714C8D5A}"/>
          </ac:spMkLst>
        </pc:spChg>
        <pc:spChg chg="add mod">
          <ac:chgData name="Daly Donnacha HSLU I" userId="0f22e960-400a-43ff-baeb-4828c8f5cd3a" providerId="ADAL" clId="{1A3DD300-9E7D-BF4B-BC8B-F4CA9FD4CE48}" dt="2021-05-27T12:30:10.543" v="2271"/>
          <ac:spMkLst>
            <pc:docMk/>
            <pc:sldMk cId="482281205" sldId="334"/>
            <ac:spMk id="4" creationId="{A194C99E-FB4D-174E-B6DA-5E390AE59780}"/>
          </ac:spMkLst>
        </pc:spChg>
      </pc:sldChg>
      <pc:sldChg chg="addSp modSp new mod">
        <pc:chgData name="Daly Donnacha HSLU I" userId="0f22e960-400a-43ff-baeb-4828c8f5cd3a" providerId="ADAL" clId="{1A3DD300-9E7D-BF4B-BC8B-F4CA9FD4CE48}" dt="2021-05-27T12:31:49.104" v="2407" actId="113"/>
        <pc:sldMkLst>
          <pc:docMk/>
          <pc:sldMk cId="1977686734" sldId="335"/>
        </pc:sldMkLst>
        <pc:spChg chg="mod">
          <ac:chgData name="Daly Donnacha HSLU I" userId="0f22e960-400a-43ff-baeb-4828c8f5cd3a" providerId="ADAL" clId="{1A3DD300-9E7D-BF4B-BC8B-F4CA9FD4CE48}" dt="2021-05-27T12:30:42.375" v="2289" actId="20577"/>
          <ac:spMkLst>
            <pc:docMk/>
            <pc:sldMk cId="1977686734" sldId="335"/>
            <ac:spMk id="2" creationId="{56DA25EE-D7CA-574C-9EC9-8A4AD61E0528}"/>
          </ac:spMkLst>
        </pc:spChg>
        <pc:spChg chg="add mod">
          <ac:chgData name="Daly Donnacha HSLU I" userId="0f22e960-400a-43ff-baeb-4828c8f5cd3a" providerId="ADAL" clId="{1A3DD300-9E7D-BF4B-BC8B-F4CA9FD4CE48}" dt="2021-05-27T12:30:36.493" v="2273"/>
          <ac:spMkLst>
            <pc:docMk/>
            <pc:sldMk cId="1977686734" sldId="335"/>
            <ac:spMk id="4" creationId="{A39878A2-329E-D445-9956-DF02837E49B3}"/>
          </ac:spMkLst>
        </pc:spChg>
        <pc:spChg chg="add mod">
          <ac:chgData name="Daly Donnacha HSLU I" userId="0f22e960-400a-43ff-baeb-4828c8f5cd3a" providerId="ADAL" clId="{1A3DD300-9E7D-BF4B-BC8B-F4CA9FD4CE48}" dt="2021-05-27T12:31:49.104" v="2407" actId="113"/>
          <ac:spMkLst>
            <pc:docMk/>
            <pc:sldMk cId="1977686734" sldId="335"/>
            <ac:spMk id="5" creationId="{082331F0-1B9B-3B4A-9B63-E70EC9D7527C}"/>
          </ac:spMkLst>
        </pc:spChg>
        <pc:picChg chg="add mod">
          <ac:chgData name="Daly Donnacha HSLU I" userId="0f22e960-400a-43ff-baeb-4828c8f5cd3a" providerId="ADAL" clId="{1A3DD300-9E7D-BF4B-BC8B-F4CA9FD4CE48}" dt="2021-05-27T12:30:36.493" v="2273"/>
          <ac:picMkLst>
            <pc:docMk/>
            <pc:sldMk cId="1977686734" sldId="335"/>
            <ac:picMk id="3" creationId="{E33E3BAC-86B4-B542-B66F-7F38EADD9588}"/>
          </ac:picMkLst>
        </pc:picChg>
      </pc:sldChg>
      <pc:sldChg chg="addSp delSp modSp new mod">
        <pc:chgData name="Daly Donnacha HSLU I" userId="0f22e960-400a-43ff-baeb-4828c8f5cd3a" providerId="ADAL" clId="{1A3DD300-9E7D-BF4B-BC8B-F4CA9FD4CE48}" dt="2021-05-27T12:41:13.237" v="2475" actId="14100"/>
        <pc:sldMkLst>
          <pc:docMk/>
          <pc:sldMk cId="2106746373" sldId="336"/>
        </pc:sldMkLst>
        <pc:spChg chg="mod">
          <ac:chgData name="Daly Donnacha HSLU I" userId="0f22e960-400a-43ff-baeb-4828c8f5cd3a" providerId="ADAL" clId="{1A3DD300-9E7D-BF4B-BC8B-F4CA9FD4CE48}" dt="2021-05-27T12:33:41.134" v="2462" actId="14100"/>
          <ac:spMkLst>
            <pc:docMk/>
            <pc:sldMk cId="2106746373" sldId="336"/>
            <ac:spMk id="2" creationId="{48F7FFFA-2C68-DE41-ABCD-4EFEEB32D00F}"/>
          </ac:spMkLst>
        </pc:spChg>
        <pc:spChg chg="add del mod">
          <ac:chgData name="Daly Donnacha HSLU I" userId="0f22e960-400a-43ff-baeb-4828c8f5cd3a" providerId="ADAL" clId="{1A3DD300-9E7D-BF4B-BC8B-F4CA9FD4CE48}" dt="2021-05-27T12:34:06.421" v="2469" actId="478"/>
          <ac:spMkLst>
            <pc:docMk/>
            <pc:sldMk cId="2106746373" sldId="336"/>
            <ac:spMk id="4" creationId="{548E0B2E-B897-E548-B048-B499DBD6247C}"/>
          </ac:spMkLst>
        </pc:spChg>
        <pc:spChg chg="add mod">
          <ac:chgData name="Daly Donnacha HSLU I" userId="0f22e960-400a-43ff-baeb-4828c8f5cd3a" providerId="ADAL" clId="{1A3DD300-9E7D-BF4B-BC8B-F4CA9FD4CE48}" dt="2021-05-27T12:34:21.031" v="2470"/>
          <ac:spMkLst>
            <pc:docMk/>
            <pc:sldMk cId="2106746373" sldId="336"/>
            <ac:spMk id="5" creationId="{8F1A3C95-7736-154B-9A99-F663FD96D84D}"/>
          </ac:spMkLst>
        </pc:spChg>
        <pc:picChg chg="add mod">
          <ac:chgData name="Daly Donnacha HSLU I" userId="0f22e960-400a-43ff-baeb-4828c8f5cd3a" providerId="ADAL" clId="{1A3DD300-9E7D-BF4B-BC8B-F4CA9FD4CE48}" dt="2021-05-27T12:41:13.237" v="2475" actId="14100"/>
          <ac:picMkLst>
            <pc:docMk/>
            <pc:sldMk cId="2106746373" sldId="336"/>
            <ac:picMk id="3" creationId="{85AE3721-6FBF-8F4B-BA1A-D557B1D61854}"/>
          </ac:picMkLst>
        </pc:picChg>
        <pc:picChg chg="add mod">
          <ac:chgData name="Daly Donnacha HSLU I" userId="0f22e960-400a-43ff-baeb-4828c8f5cd3a" providerId="ADAL" clId="{1A3DD300-9E7D-BF4B-BC8B-F4CA9FD4CE48}" dt="2021-05-27T12:39:51.467" v="2474" actId="14100"/>
          <ac:picMkLst>
            <pc:docMk/>
            <pc:sldMk cId="2106746373" sldId="336"/>
            <ac:picMk id="5122" creationId="{8BB35FF1-8072-6C4C-B2B8-49939EE00271}"/>
          </ac:picMkLst>
        </pc:picChg>
      </pc:sldChg>
      <pc:sldChg chg="addSp modSp new mod">
        <pc:chgData name="Daly Donnacha HSLU I" userId="0f22e960-400a-43ff-baeb-4828c8f5cd3a" providerId="ADAL" clId="{1A3DD300-9E7D-BF4B-BC8B-F4CA9FD4CE48}" dt="2021-05-27T12:48:09.387" v="2608"/>
        <pc:sldMkLst>
          <pc:docMk/>
          <pc:sldMk cId="2055949347" sldId="337"/>
        </pc:sldMkLst>
        <pc:spChg chg="mod">
          <ac:chgData name="Daly Donnacha HSLU I" userId="0f22e960-400a-43ff-baeb-4828c8f5cd3a" providerId="ADAL" clId="{1A3DD300-9E7D-BF4B-BC8B-F4CA9FD4CE48}" dt="2021-05-27T12:48:02.940" v="2607" actId="20577"/>
          <ac:spMkLst>
            <pc:docMk/>
            <pc:sldMk cId="2055949347" sldId="337"/>
            <ac:spMk id="2" creationId="{1029CF2B-F15F-5C47-8121-7D165BBBA2A6}"/>
          </ac:spMkLst>
        </pc:spChg>
        <pc:spChg chg="add mod">
          <ac:chgData name="Daly Donnacha HSLU I" userId="0f22e960-400a-43ff-baeb-4828c8f5cd3a" providerId="ADAL" clId="{1A3DD300-9E7D-BF4B-BC8B-F4CA9FD4CE48}" dt="2021-05-27T12:48:09.387" v="2608"/>
          <ac:spMkLst>
            <pc:docMk/>
            <pc:sldMk cId="2055949347" sldId="337"/>
            <ac:spMk id="3" creationId="{F9FA9973-BA4D-7A42-8475-55C19F3538B4}"/>
          </ac:spMkLst>
        </pc:spChg>
        <pc:spChg chg="add mod">
          <ac:chgData name="Daly Donnacha HSLU I" userId="0f22e960-400a-43ff-baeb-4828c8f5cd3a" providerId="ADAL" clId="{1A3DD300-9E7D-BF4B-BC8B-F4CA9FD4CE48}" dt="2021-05-27T12:48:09.387" v="2608"/>
          <ac:spMkLst>
            <pc:docMk/>
            <pc:sldMk cId="2055949347" sldId="337"/>
            <ac:spMk id="5" creationId="{8D6BC5CA-ACEC-8843-A6B4-8A90F26D4E47}"/>
          </ac:spMkLst>
        </pc:spChg>
        <pc:picChg chg="add mod">
          <ac:chgData name="Daly Donnacha HSLU I" userId="0f22e960-400a-43ff-baeb-4828c8f5cd3a" providerId="ADAL" clId="{1A3DD300-9E7D-BF4B-BC8B-F4CA9FD4CE48}" dt="2021-05-27T12:48:09.387" v="2608"/>
          <ac:picMkLst>
            <pc:docMk/>
            <pc:sldMk cId="2055949347" sldId="337"/>
            <ac:picMk id="4" creationId="{4B482B65-D323-A943-91BF-307D089CCAFB}"/>
          </ac:picMkLst>
        </pc:picChg>
      </pc:sldChg>
      <pc:sldChg chg="addSp modSp new mod">
        <pc:chgData name="Daly Donnacha HSLU I" userId="0f22e960-400a-43ff-baeb-4828c8f5cd3a" providerId="ADAL" clId="{1A3DD300-9E7D-BF4B-BC8B-F4CA9FD4CE48}" dt="2021-05-27T12:48:37.356" v="2626"/>
        <pc:sldMkLst>
          <pc:docMk/>
          <pc:sldMk cId="89628129" sldId="338"/>
        </pc:sldMkLst>
        <pc:spChg chg="mod">
          <ac:chgData name="Daly Donnacha HSLU I" userId="0f22e960-400a-43ff-baeb-4828c8f5cd3a" providerId="ADAL" clId="{1A3DD300-9E7D-BF4B-BC8B-F4CA9FD4CE48}" dt="2021-05-27T12:48:30.380" v="2625" actId="20577"/>
          <ac:spMkLst>
            <pc:docMk/>
            <pc:sldMk cId="89628129" sldId="338"/>
            <ac:spMk id="2" creationId="{4158CC34-E4F5-0F48-B501-BE307A9E0B4B}"/>
          </ac:spMkLst>
        </pc:spChg>
        <pc:spChg chg="add mod">
          <ac:chgData name="Daly Donnacha HSLU I" userId="0f22e960-400a-43ff-baeb-4828c8f5cd3a" providerId="ADAL" clId="{1A3DD300-9E7D-BF4B-BC8B-F4CA9FD4CE48}" dt="2021-05-27T12:48:37.356" v="2626"/>
          <ac:spMkLst>
            <pc:docMk/>
            <pc:sldMk cId="89628129" sldId="338"/>
            <ac:spMk id="3" creationId="{5B4F0E72-4FC8-C44C-A10D-CDF7062081EC}"/>
          </ac:spMkLst>
        </pc:spChg>
        <pc:spChg chg="add mod">
          <ac:chgData name="Daly Donnacha HSLU I" userId="0f22e960-400a-43ff-baeb-4828c8f5cd3a" providerId="ADAL" clId="{1A3DD300-9E7D-BF4B-BC8B-F4CA9FD4CE48}" dt="2021-05-27T12:48:37.356" v="2626"/>
          <ac:spMkLst>
            <pc:docMk/>
            <pc:sldMk cId="89628129" sldId="338"/>
            <ac:spMk id="4" creationId="{814AA6AF-1110-1D40-904F-C9BFD9142CAD}"/>
          </ac:spMkLst>
        </pc:spChg>
        <pc:picChg chg="add mod">
          <ac:chgData name="Daly Donnacha HSLU I" userId="0f22e960-400a-43ff-baeb-4828c8f5cd3a" providerId="ADAL" clId="{1A3DD300-9E7D-BF4B-BC8B-F4CA9FD4CE48}" dt="2021-05-27T12:48:37.356" v="2626"/>
          <ac:picMkLst>
            <pc:docMk/>
            <pc:sldMk cId="89628129" sldId="338"/>
            <ac:picMk id="5" creationId="{FFB2E3A7-CF1A-A645-B1A7-F370B179C7BE}"/>
          </ac:picMkLst>
        </pc:picChg>
      </pc:sldChg>
      <pc:sldChg chg="addSp modSp new mod">
        <pc:chgData name="Daly Donnacha HSLU I" userId="0f22e960-400a-43ff-baeb-4828c8f5cd3a" providerId="ADAL" clId="{1A3DD300-9E7D-BF4B-BC8B-F4CA9FD4CE48}" dt="2021-05-27T12:49:22.309" v="2642" actId="20577"/>
        <pc:sldMkLst>
          <pc:docMk/>
          <pc:sldMk cId="3587857870" sldId="339"/>
        </pc:sldMkLst>
        <pc:spChg chg="mod">
          <ac:chgData name="Daly Donnacha HSLU I" userId="0f22e960-400a-43ff-baeb-4828c8f5cd3a" providerId="ADAL" clId="{1A3DD300-9E7D-BF4B-BC8B-F4CA9FD4CE48}" dt="2021-05-27T12:49:22.309" v="2642" actId="20577"/>
          <ac:spMkLst>
            <pc:docMk/>
            <pc:sldMk cId="3587857870" sldId="339"/>
            <ac:spMk id="2" creationId="{286E270A-0427-9941-B5E9-4CB21E40E121}"/>
          </ac:spMkLst>
        </pc:spChg>
        <pc:spChg chg="add mod">
          <ac:chgData name="Daly Donnacha HSLU I" userId="0f22e960-400a-43ff-baeb-4828c8f5cd3a" providerId="ADAL" clId="{1A3DD300-9E7D-BF4B-BC8B-F4CA9FD4CE48}" dt="2021-05-27T12:49:17.793" v="2627"/>
          <ac:spMkLst>
            <pc:docMk/>
            <pc:sldMk cId="3587857870" sldId="339"/>
            <ac:spMk id="4" creationId="{CD6D257E-A1AE-0D43-8146-0A87557556B2}"/>
          </ac:spMkLst>
        </pc:spChg>
        <pc:picChg chg="add mod">
          <ac:chgData name="Daly Donnacha HSLU I" userId="0f22e960-400a-43ff-baeb-4828c8f5cd3a" providerId="ADAL" clId="{1A3DD300-9E7D-BF4B-BC8B-F4CA9FD4CE48}" dt="2021-05-27T12:49:17.793" v="2627"/>
          <ac:picMkLst>
            <pc:docMk/>
            <pc:sldMk cId="3587857870" sldId="339"/>
            <ac:picMk id="3" creationId="{FA5CDD18-F466-9443-86CC-96B4423D45E4}"/>
          </ac:picMkLst>
        </pc:picChg>
        <pc:picChg chg="add mod">
          <ac:chgData name="Daly Donnacha HSLU I" userId="0f22e960-400a-43ff-baeb-4828c8f5cd3a" providerId="ADAL" clId="{1A3DD300-9E7D-BF4B-BC8B-F4CA9FD4CE48}" dt="2021-05-27T12:49:17.793" v="2627"/>
          <ac:picMkLst>
            <pc:docMk/>
            <pc:sldMk cId="3587857870" sldId="339"/>
            <ac:picMk id="5" creationId="{464C6C39-A774-AB48-B89F-F4973DDEAAC8}"/>
          </ac:picMkLst>
        </pc:picChg>
      </pc:sldChg>
      <pc:sldChg chg="addSp modSp new mod">
        <pc:chgData name="Daly Donnacha HSLU I" userId="0f22e960-400a-43ff-baeb-4828c8f5cd3a" providerId="ADAL" clId="{1A3DD300-9E7D-BF4B-BC8B-F4CA9FD4CE48}" dt="2021-05-27T13:08:10.281" v="2849" actId="20577"/>
        <pc:sldMkLst>
          <pc:docMk/>
          <pc:sldMk cId="3667360641" sldId="340"/>
        </pc:sldMkLst>
        <pc:spChg chg="mod">
          <ac:chgData name="Daly Donnacha HSLU I" userId="0f22e960-400a-43ff-baeb-4828c8f5cd3a" providerId="ADAL" clId="{1A3DD300-9E7D-BF4B-BC8B-F4CA9FD4CE48}" dt="2021-05-27T13:08:10.281" v="2849" actId="20577"/>
          <ac:spMkLst>
            <pc:docMk/>
            <pc:sldMk cId="3667360641" sldId="340"/>
            <ac:spMk id="2" creationId="{BCE566BA-69D7-094C-95B8-78852204C89D}"/>
          </ac:spMkLst>
        </pc:spChg>
        <pc:spChg chg="add mod">
          <ac:chgData name="Daly Donnacha HSLU I" userId="0f22e960-400a-43ff-baeb-4828c8f5cd3a" providerId="ADAL" clId="{1A3DD300-9E7D-BF4B-BC8B-F4CA9FD4CE48}" dt="2021-05-27T13:05:41.179" v="2816" actId="1076"/>
          <ac:spMkLst>
            <pc:docMk/>
            <pc:sldMk cId="3667360641" sldId="340"/>
            <ac:spMk id="3" creationId="{D1BD6ABB-AC9A-E949-B254-CBED455535C5}"/>
          </ac:spMkLst>
        </pc:spChg>
        <pc:spChg chg="add mod">
          <ac:chgData name="Daly Donnacha HSLU I" userId="0f22e960-400a-43ff-baeb-4828c8f5cd3a" providerId="ADAL" clId="{1A3DD300-9E7D-BF4B-BC8B-F4CA9FD4CE48}" dt="2021-05-27T13:06:00.274" v="2821" actId="1076"/>
          <ac:spMkLst>
            <pc:docMk/>
            <pc:sldMk cId="3667360641" sldId="340"/>
            <ac:spMk id="4" creationId="{F968ACC7-7948-6941-86CE-3AB705E5B47F}"/>
          </ac:spMkLst>
        </pc:spChg>
        <pc:spChg chg="add mod">
          <ac:chgData name="Daly Donnacha HSLU I" userId="0f22e960-400a-43ff-baeb-4828c8f5cd3a" providerId="ADAL" clId="{1A3DD300-9E7D-BF4B-BC8B-F4CA9FD4CE48}" dt="2021-05-27T13:07:54.795" v="2840" actId="167"/>
          <ac:spMkLst>
            <pc:docMk/>
            <pc:sldMk cId="3667360641" sldId="340"/>
            <ac:spMk id="7" creationId="{294AB790-4EAC-F04B-A8D9-A2F4AB3FC5AB}"/>
          </ac:spMkLst>
        </pc:spChg>
        <pc:picChg chg="add mod">
          <ac:chgData name="Daly Donnacha HSLU I" userId="0f22e960-400a-43ff-baeb-4828c8f5cd3a" providerId="ADAL" clId="{1A3DD300-9E7D-BF4B-BC8B-F4CA9FD4CE48}" dt="2021-05-27T13:07:27.805" v="2835" actId="1076"/>
          <ac:picMkLst>
            <pc:docMk/>
            <pc:sldMk cId="3667360641" sldId="340"/>
            <ac:picMk id="5" creationId="{E782B9E0-BC33-234F-B191-DE9FA1AEF610}"/>
          </ac:picMkLst>
        </pc:picChg>
        <pc:picChg chg="add mod">
          <ac:chgData name="Daly Donnacha HSLU I" userId="0f22e960-400a-43ff-baeb-4828c8f5cd3a" providerId="ADAL" clId="{1A3DD300-9E7D-BF4B-BC8B-F4CA9FD4CE48}" dt="2021-05-27T13:07:27.805" v="2835" actId="1076"/>
          <ac:picMkLst>
            <pc:docMk/>
            <pc:sldMk cId="3667360641" sldId="340"/>
            <ac:picMk id="6" creationId="{FD68AC3B-B9D7-6D44-BD65-ED5EBA6AAA3F}"/>
          </ac:picMkLst>
        </pc:picChg>
      </pc:sldChg>
      <pc:sldChg chg="addSp delSp modSp new mod">
        <pc:chgData name="Daly Donnacha HSLU I" userId="0f22e960-400a-43ff-baeb-4828c8f5cd3a" providerId="ADAL" clId="{1A3DD300-9E7D-BF4B-BC8B-F4CA9FD4CE48}" dt="2021-05-27T13:00:09.476" v="2773" actId="20577"/>
        <pc:sldMkLst>
          <pc:docMk/>
          <pc:sldMk cId="3893175129" sldId="341"/>
        </pc:sldMkLst>
        <pc:spChg chg="mod">
          <ac:chgData name="Daly Donnacha HSLU I" userId="0f22e960-400a-43ff-baeb-4828c8f5cd3a" providerId="ADAL" clId="{1A3DD300-9E7D-BF4B-BC8B-F4CA9FD4CE48}" dt="2021-05-27T12:55:20.920" v="2709" actId="20577"/>
          <ac:spMkLst>
            <pc:docMk/>
            <pc:sldMk cId="3893175129" sldId="341"/>
            <ac:spMk id="2" creationId="{3DD5200C-2B23-C240-9E1C-D576AEBDFD3A}"/>
          </ac:spMkLst>
        </pc:spChg>
        <pc:spChg chg="add del mod">
          <ac:chgData name="Daly Donnacha HSLU I" userId="0f22e960-400a-43ff-baeb-4828c8f5cd3a" providerId="ADAL" clId="{1A3DD300-9E7D-BF4B-BC8B-F4CA9FD4CE48}" dt="2021-05-27T12:55:47.324" v="2711"/>
          <ac:spMkLst>
            <pc:docMk/>
            <pc:sldMk cId="3893175129" sldId="341"/>
            <ac:spMk id="4" creationId="{DCEBD696-DF1C-B245-87B4-EDCF50A19923}"/>
          </ac:spMkLst>
        </pc:spChg>
        <pc:spChg chg="add del mod">
          <ac:chgData name="Daly Donnacha HSLU I" userId="0f22e960-400a-43ff-baeb-4828c8f5cd3a" providerId="ADAL" clId="{1A3DD300-9E7D-BF4B-BC8B-F4CA9FD4CE48}" dt="2021-05-27T12:55:47.324" v="2711"/>
          <ac:spMkLst>
            <pc:docMk/>
            <pc:sldMk cId="3893175129" sldId="341"/>
            <ac:spMk id="5" creationId="{E8F05C85-0CB6-3E4C-8868-73B4E09472B9}"/>
          </ac:spMkLst>
        </pc:spChg>
        <pc:spChg chg="add del mod">
          <ac:chgData name="Daly Donnacha HSLU I" userId="0f22e960-400a-43ff-baeb-4828c8f5cd3a" providerId="ADAL" clId="{1A3DD300-9E7D-BF4B-BC8B-F4CA9FD4CE48}" dt="2021-05-27T12:55:47.324" v="2711"/>
          <ac:spMkLst>
            <pc:docMk/>
            <pc:sldMk cId="3893175129" sldId="341"/>
            <ac:spMk id="6" creationId="{30D8B477-FFD5-D04C-A66C-5B21BE6739BE}"/>
          </ac:spMkLst>
        </pc:spChg>
        <pc:spChg chg="add del mod">
          <ac:chgData name="Daly Donnacha HSLU I" userId="0f22e960-400a-43ff-baeb-4828c8f5cd3a" providerId="ADAL" clId="{1A3DD300-9E7D-BF4B-BC8B-F4CA9FD4CE48}" dt="2021-05-27T12:55:47.324" v="2711"/>
          <ac:spMkLst>
            <pc:docMk/>
            <pc:sldMk cId="3893175129" sldId="341"/>
            <ac:spMk id="7" creationId="{5C420826-9037-9F4B-A153-D920C5E84D93}"/>
          </ac:spMkLst>
        </pc:spChg>
        <pc:spChg chg="add mod">
          <ac:chgData name="Daly Donnacha HSLU I" userId="0f22e960-400a-43ff-baeb-4828c8f5cd3a" providerId="ADAL" clId="{1A3DD300-9E7D-BF4B-BC8B-F4CA9FD4CE48}" dt="2021-05-27T13:00:09.476" v="2773" actId="20577"/>
          <ac:spMkLst>
            <pc:docMk/>
            <pc:sldMk cId="3893175129" sldId="341"/>
            <ac:spMk id="8" creationId="{C07030F3-9156-FD4A-BB44-16E5366C69E1}"/>
          </ac:spMkLst>
        </pc:spChg>
        <pc:spChg chg="add mod">
          <ac:chgData name="Daly Donnacha HSLU I" userId="0f22e960-400a-43ff-baeb-4828c8f5cd3a" providerId="ADAL" clId="{1A3DD300-9E7D-BF4B-BC8B-F4CA9FD4CE48}" dt="2021-05-27T12:58:27.486" v="2739" actId="1076"/>
          <ac:spMkLst>
            <pc:docMk/>
            <pc:sldMk cId="3893175129" sldId="341"/>
            <ac:spMk id="10" creationId="{77A6309D-5CE8-8C40-AAEE-0D39ECBDC07D}"/>
          </ac:spMkLst>
        </pc:spChg>
        <pc:picChg chg="add del mod">
          <ac:chgData name="Daly Donnacha HSLU I" userId="0f22e960-400a-43ff-baeb-4828c8f5cd3a" providerId="ADAL" clId="{1A3DD300-9E7D-BF4B-BC8B-F4CA9FD4CE48}" dt="2021-05-27T12:55:47.324" v="2711"/>
          <ac:picMkLst>
            <pc:docMk/>
            <pc:sldMk cId="3893175129" sldId="341"/>
            <ac:picMk id="3" creationId="{5A700201-0DA7-8543-B498-39D580B35E7D}"/>
          </ac:picMkLst>
        </pc:picChg>
        <pc:picChg chg="add mod">
          <ac:chgData name="Daly Donnacha HSLU I" userId="0f22e960-400a-43ff-baeb-4828c8f5cd3a" providerId="ADAL" clId="{1A3DD300-9E7D-BF4B-BC8B-F4CA9FD4CE48}" dt="2021-05-27T12:59:43.100" v="2745" actId="1076"/>
          <ac:picMkLst>
            <pc:docMk/>
            <pc:sldMk cId="3893175129" sldId="341"/>
            <ac:picMk id="9" creationId="{7B1AC413-9ACA-3844-BC05-A70D50E85B54}"/>
          </ac:picMkLst>
        </pc:picChg>
      </pc:sldChg>
      <pc:sldChg chg="addSp delSp modSp new mod">
        <pc:chgData name="Daly Donnacha HSLU I" userId="0f22e960-400a-43ff-baeb-4828c8f5cd3a" providerId="ADAL" clId="{1A3DD300-9E7D-BF4B-BC8B-F4CA9FD4CE48}" dt="2021-05-27T13:54:43.048" v="3688" actId="20577"/>
        <pc:sldMkLst>
          <pc:docMk/>
          <pc:sldMk cId="1582256870" sldId="342"/>
        </pc:sldMkLst>
        <pc:spChg chg="mod">
          <ac:chgData name="Daly Donnacha HSLU I" userId="0f22e960-400a-43ff-baeb-4828c8f5cd3a" providerId="ADAL" clId="{1A3DD300-9E7D-BF4B-BC8B-F4CA9FD4CE48}" dt="2021-05-27T13:54:43.048" v="3688" actId="20577"/>
          <ac:spMkLst>
            <pc:docMk/>
            <pc:sldMk cId="1582256870" sldId="342"/>
            <ac:spMk id="2" creationId="{F69D8D93-D8C7-BA4D-A6A7-60C270CA90F2}"/>
          </ac:spMkLst>
        </pc:spChg>
        <pc:spChg chg="add mod">
          <ac:chgData name="Daly Donnacha HSLU I" userId="0f22e960-400a-43ff-baeb-4828c8f5cd3a" providerId="ADAL" clId="{1A3DD300-9E7D-BF4B-BC8B-F4CA9FD4CE48}" dt="2021-05-27T13:40:59.353" v="3375" actId="1076"/>
          <ac:spMkLst>
            <pc:docMk/>
            <pc:sldMk cId="1582256870" sldId="342"/>
            <ac:spMk id="5" creationId="{A8A8BBBD-BACD-5047-8A22-323C47107562}"/>
          </ac:spMkLst>
        </pc:spChg>
        <pc:spChg chg="add mod">
          <ac:chgData name="Daly Donnacha HSLU I" userId="0f22e960-400a-43ff-baeb-4828c8f5cd3a" providerId="ADAL" clId="{1A3DD300-9E7D-BF4B-BC8B-F4CA9FD4CE48}" dt="2021-05-27T13:36:47.929" v="3343" actId="20577"/>
          <ac:spMkLst>
            <pc:docMk/>
            <pc:sldMk cId="1582256870" sldId="342"/>
            <ac:spMk id="6" creationId="{0EA790B1-250F-0947-931C-3A9AFC347E67}"/>
          </ac:spMkLst>
        </pc:spChg>
        <pc:spChg chg="add del mod">
          <ac:chgData name="Daly Donnacha HSLU I" userId="0f22e960-400a-43ff-baeb-4828c8f5cd3a" providerId="ADAL" clId="{1A3DD300-9E7D-BF4B-BC8B-F4CA9FD4CE48}" dt="2021-05-27T13:38:49.609" v="3346" actId="478"/>
          <ac:spMkLst>
            <pc:docMk/>
            <pc:sldMk cId="1582256870" sldId="342"/>
            <ac:spMk id="7" creationId="{8F4CEAF8-FC79-2542-A05E-84876C345D92}"/>
          </ac:spMkLst>
        </pc:spChg>
        <pc:spChg chg="add mod">
          <ac:chgData name="Daly Donnacha HSLU I" userId="0f22e960-400a-43ff-baeb-4828c8f5cd3a" providerId="ADAL" clId="{1A3DD300-9E7D-BF4B-BC8B-F4CA9FD4CE48}" dt="2021-05-27T13:39:46.584" v="3366" actId="208"/>
          <ac:spMkLst>
            <pc:docMk/>
            <pc:sldMk cId="1582256870" sldId="342"/>
            <ac:spMk id="9" creationId="{0331DC00-7CEF-D449-AA49-6F58DFB075A7}"/>
          </ac:spMkLst>
        </pc:spChg>
        <pc:picChg chg="add mod">
          <ac:chgData name="Daly Donnacha HSLU I" userId="0f22e960-400a-43ff-baeb-4828c8f5cd3a" providerId="ADAL" clId="{1A3DD300-9E7D-BF4B-BC8B-F4CA9FD4CE48}" dt="2021-05-27T13:39:10.614" v="3356" actId="1076"/>
          <ac:picMkLst>
            <pc:docMk/>
            <pc:sldMk cId="1582256870" sldId="342"/>
            <ac:picMk id="3" creationId="{6CA0DB93-F9B3-6443-808C-BB54C5FF6731}"/>
          </ac:picMkLst>
        </pc:picChg>
        <pc:picChg chg="add mod">
          <ac:chgData name="Daly Donnacha HSLU I" userId="0f22e960-400a-43ff-baeb-4828c8f5cd3a" providerId="ADAL" clId="{1A3DD300-9E7D-BF4B-BC8B-F4CA9FD4CE48}" dt="2021-05-27T13:39:02.896" v="3354" actId="1076"/>
          <ac:picMkLst>
            <pc:docMk/>
            <pc:sldMk cId="1582256870" sldId="342"/>
            <ac:picMk id="4" creationId="{948E7D0D-1D48-0948-9B5D-D2534EAFCD2D}"/>
          </ac:picMkLst>
        </pc:picChg>
        <pc:picChg chg="add mod">
          <ac:chgData name="Daly Donnacha HSLU I" userId="0f22e960-400a-43ff-baeb-4828c8f5cd3a" providerId="ADAL" clId="{1A3DD300-9E7D-BF4B-BC8B-F4CA9FD4CE48}" dt="2021-05-27T13:39:05.904" v="3355" actId="14100"/>
          <ac:picMkLst>
            <pc:docMk/>
            <pc:sldMk cId="1582256870" sldId="342"/>
            <ac:picMk id="8" creationId="{33C2D760-4374-534E-8F32-DEB9FCF73D66}"/>
          </ac:picMkLst>
        </pc:picChg>
      </pc:sldChg>
      <pc:sldChg chg="addSp modSp new mod">
        <pc:chgData name="Daly Donnacha HSLU I" userId="0f22e960-400a-43ff-baeb-4828c8f5cd3a" providerId="ADAL" clId="{1A3DD300-9E7D-BF4B-BC8B-F4CA9FD4CE48}" dt="2021-05-27T14:21:17.252" v="4034" actId="1076"/>
        <pc:sldMkLst>
          <pc:docMk/>
          <pc:sldMk cId="1773116308" sldId="343"/>
        </pc:sldMkLst>
        <pc:spChg chg="mod">
          <ac:chgData name="Daly Donnacha HSLU I" userId="0f22e960-400a-43ff-baeb-4828c8f5cd3a" providerId="ADAL" clId="{1A3DD300-9E7D-BF4B-BC8B-F4CA9FD4CE48}" dt="2021-05-27T14:18:05.574" v="4003" actId="20577"/>
          <ac:spMkLst>
            <pc:docMk/>
            <pc:sldMk cId="1773116308" sldId="343"/>
            <ac:spMk id="2" creationId="{040E0C4A-5197-424D-B5CC-2022AE41ED4E}"/>
          </ac:spMkLst>
        </pc:spChg>
        <pc:spChg chg="add mod">
          <ac:chgData name="Daly Donnacha HSLU I" userId="0f22e960-400a-43ff-baeb-4828c8f5cd3a" providerId="ADAL" clId="{1A3DD300-9E7D-BF4B-BC8B-F4CA9FD4CE48}" dt="2021-05-27T14:19:40.443" v="4016" actId="1076"/>
          <ac:spMkLst>
            <pc:docMk/>
            <pc:sldMk cId="1773116308" sldId="343"/>
            <ac:spMk id="3" creationId="{DA5FC10E-F5D6-BB4A-B43A-723493B64772}"/>
          </ac:spMkLst>
        </pc:spChg>
        <pc:spChg chg="add mod">
          <ac:chgData name="Daly Donnacha HSLU I" userId="0f22e960-400a-43ff-baeb-4828c8f5cd3a" providerId="ADAL" clId="{1A3DD300-9E7D-BF4B-BC8B-F4CA9FD4CE48}" dt="2021-05-27T14:21:17.252" v="4034" actId="1076"/>
          <ac:spMkLst>
            <pc:docMk/>
            <pc:sldMk cId="1773116308" sldId="343"/>
            <ac:spMk id="4" creationId="{05EE3828-53DF-5E45-B0B2-0D233814DE52}"/>
          </ac:spMkLst>
        </pc:spChg>
        <pc:picChg chg="add mod">
          <ac:chgData name="Daly Donnacha HSLU I" userId="0f22e960-400a-43ff-baeb-4828c8f5cd3a" providerId="ADAL" clId="{1A3DD300-9E7D-BF4B-BC8B-F4CA9FD4CE48}" dt="2021-05-27T14:18:38.394" v="4008" actId="14100"/>
          <ac:picMkLst>
            <pc:docMk/>
            <pc:sldMk cId="1773116308" sldId="343"/>
            <ac:picMk id="8194" creationId="{76F1CAAD-3A26-8840-BFC0-598890B9F29F}"/>
          </ac:picMkLst>
        </pc:picChg>
      </pc:sldChg>
      <pc:sldChg chg="addSp modSp new mod ord">
        <pc:chgData name="Daly Donnacha HSLU I" userId="0f22e960-400a-43ff-baeb-4828c8f5cd3a" providerId="ADAL" clId="{1A3DD300-9E7D-BF4B-BC8B-F4CA9FD4CE48}" dt="2021-05-27T14:31:23.691" v="4085" actId="20578"/>
        <pc:sldMkLst>
          <pc:docMk/>
          <pc:sldMk cId="2865665035" sldId="344"/>
        </pc:sldMkLst>
        <pc:spChg chg="mod">
          <ac:chgData name="Daly Donnacha HSLU I" userId="0f22e960-400a-43ff-baeb-4828c8f5cd3a" providerId="ADAL" clId="{1A3DD300-9E7D-BF4B-BC8B-F4CA9FD4CE48}" dt="2021-05-27T14:21:41.214" v="4055" actId="20577"/>
          <ac:spMkLst>
            <pc:docMk/>
            <pc:sldMk cId="2865665035" sldId="344"/>
            <ac:spMk id="2" creationId="{0CA32128-7CD0-744B-861E-6F741F75E54E}"/>
          </ac:spMkLst>
        </pc:spChg>
        <pc:spChg chg="add mod">
          <ac:chgData name="Daly Donnacha HSLU I" userId="0f22e960-400a-43ff-baeb-4828c8f5cd3a" providerId="ADAL" clId="{1A3DD300-9E7D-BF4B-BC8B-F4CA9FD4CE48}" dt="2021-05-27T14:27:50.083" v="4066" actId="207"/>
          <ac:spMkLst>
            <pc:docMk/>
            <pc:sldMk cId="2865665035" sldId="344"/>
            <ac:spMk id="4" creationId="{EAAFC793-E8A2-3247-BD17-D55F3C0CE170}"/>
          </ac:spMkLst>
        </pc:spChg>
        <pc:spChg chg="add mod">
          <ac:chgData name="Daly Donnacha HSLU I" userId="0f22e960-400a-43ff-baeb-4828c8f5cd3a" providerId="ADAL" clId="{1A3DD300-9E7D-BF4B-BC8B-F4CA9FD4CE48}" dt="2021-05-27T14:31:07.348" v="4084" actId="14100"/>
          <ac:spMkLst>
            <pc:docMk/>
            <pc:sldMk cId="2865665035" sldId="344"/>
            <ac:spMk id="6" creationId="{D517E9AC-49F7-FB43-AFB7-8DBB073ED7F9}"/>
          </ac:spMkLst>
        </pc:spChg>
        <pc:picChg chg="add mod">
          <ac:chgData name="Daly Donnacha HSLU I" userId="0f22e960-400a-43ff-baeb-4828c8f5cd3a" providerId="ADAL" clId="{1A3DD300-9E7D-BF4B-BC8B-F4CA9FD4CE48}" dt="2021-05-27T14:27:56.618" v="4068" actId="1076"/>
          <ac:picMkLst>
            <pc:docMk/>
            <pc:sldMk cId="2865665035" sldId="344"/>
            <ac:picMk id="3" creationId="{9A66C8BC-55C0-1D40-8B68-353A8FD22ADA}"/>
          </ac:picMkLst>
        </pc:picChg>
        <pc:picChg chg="add mod">
          <ac:chgData name="Daly Donnacha HSLU I" userId="0f22e960-400a-43ff-baeb-4828c8f5cd3a" providerId="ADAL" clId="{1A3DD300-9E7D-BF4B-BC8B-F4CA9FD4CE48}" dt="2021-05-27T14:30:56.196" v="4081" actId="1076"/>
          <ac:picMkLst>
            <pc:docMk/>
            <pc:sldMk cId="2865665035" sldId="344"/>
            <ac:picMk id="5" creationId="{B8B22424-CDDC-694F-8F79-9DBA192F1BFE}"/>
          </ac:picMkLst>
        </pc:picChg>
      </pc:sldChg>
      <pc:sldChg chg="addSp delSp modSp new mod">
        <pc:chgData name="Daly Donnacha HSLU I" userId="0f22e960-400a-43ff-baeb-4828c8f5cd3a" providerId="ADAL" clId="{1A3DD300-9E7D-BF4B-BC8B-F4CA9FD4CE48}" dt="2021-05-27T14:49:58.850" v="4159" actId="2085"/>
        <pc:sldMkLst>
          <pc:docMk/>
          <pc:sldMk cId="2685772783" sldId="345"/>
        </pc:sldMkLst>
        <pc:spChg chg="mod">
          <ac:chgData name="Daly Donnacha HSLU I" userId="0f22e960-400a-43ff-baeb-4828c8f5cd3a" providerId="ADAL" clId="{1A3DD300-9E7D-BF4B-BC8B-F4CA9FD4CE48}" dt="2021-05-27T14:32:49.187" v="4108" actId="20577"/>
          <ac:spMkLst>
            <pc:docMk/>
            <pc:sldMk cId="2685772783" sldId="345"/>
            <ac:spMk id="2" creationId="{1D55EFD0-9D42-EC44-B835-DE99C42A83FC}"/>
          </ac:spMkLst>
        </pc:spChg>
        <pc:spChg chg="add mod">
          <ac:chgData name="Daly Donnacha HSLU I" userId="0f22e960-400a-43ff-baeb-4828c8f5cd3a" providerId="ADAL" clId="{1A3DD300-9E7D-BF4B-BC8B-F4CA9FD4CE48}" dt="2021-05-27T14:49:58.850" v="4159" actId="2085"/>
          <ac:spMkLst>
            <pc:docMk/>
            <pc:sldMk cId="2685772783" sldId="345"/>
            <ac:spMk id="6" creationId="{F7E0851A-9E59-8444-927E-0B963BF69DCF}"/>
          </ac:spMkLst>
        </pc:spChg>
        <pc:picChg chg="add mod modCrop">
          <ac:chgData name="Daly Donnacha HSLU I" userId="0f22e960-400a-43ff-baeb-4828c8f5cd3a" providerId="ADAL" clId="{1A3DD300-9E7D-BF4B-BC8B-F4CA9FD4CE48}" dt="2021-05-27T14:36:50.435" v="4126" actId="1076"/>
          <ac:picMkLst>
            <pc:docMk/>
            <pc:sldMk cId="2685772783" sldId="345"/>
            <ac:picMk id="3" creationId="{E1C0BF41-D9F0-8B41-A5BD-32CB9023CE66}"/>
          </ac:picMkLst>
        </pc:picChg>
        <pc:picChg chg="add del mod modCrop">
          <ac:chgData name="Daly Donnacha HSLU I" userId="0f22e960-400a-43ff-baeb-4828c8f5cd3a" providerId="ADAL" clId="{1A3DD300-9E7D-BF4B-BC8B-F4CA9FD4CE48}" dt="2021-05-27T14:36:42.876" v="4122" actId="478"/>
          <ac:picMkLst>
            <pc:docMk/>
            <pc:sldMk cId="2685772783" sldId="345"/>
            <ac:picMk id="4" creationId="{E5B3A422-DFAD-1946-8503-241848C5113A}"/>
          </ac:picMkLst>
        </pc:picChg>
        <pc:picChg chg="add mod">
          <ac:chgData name="Daly Donnacha HSLU I" userId="0f22e960-400a-43ff-baeb-4828c8f5cd3a" providerId="ADAL" clId="{1A3DD300-9E7D-BF4B-BC8B-F4CA9FD4CE48}" dt="2021-05-27T14:37:16.986" v="4130" actId="14100"/>
          <ac:picMkLst>
            <pc:docMk/>
            <pc:sldMk cId="2685772783" sldId="345"/>
            <ac:picMk id="5" creationId="{54671728-DB3E-E046-80FA-AD80297ACA93}"/>
          </ac:picMkLst>
        </pc:picChg>
      </pc:sldChg>
      <pc:sldChg chg="del">
        <pc:chgData name="Daly Donnacha HSLU I" userId="0f22e960-400a-43ff-baeb-4828c8f5cd3a" providerId="ADAL" clId="{1A3DD300-9E7D-BF4B-BC8B-F4CA9FD4CE48}" dt="2021-05-27T08:48:48.632" v="49" actId="2696"/>
        <pc:sldMkLst>
          <pc:docMk/>
          <pc:sldMk cId="1736780064" sldId="644"/>
        </pc:sldMkLst>
      </pc:sldChg>
      <pc:sldChg chg="del">
        <pc:chgData name="Daly Donnacha HSLU I" userId="0f22e960-400a-43ff-baeb-4828c8f5cd3a" providerId="ADAL" clId="{1A3DD300-9E7D-BF4B-BC8B-F4CA9FD4CE48}" dt="2021-05-27T08:51:13.935" v="191" actId="2696"/>
        <pc:sldMkLst>
          <pc:docMk/>
          <pc:sldMk cId="657831776" sldId="645"/>
        </pc:sldMkLst>
      </pc:sldChg>
      <pc:sldChg chg="del">
        <pc:chgData name="Daly Donnacha HSLU I" userId="0f22e960-400a-43ff-baeb-4828c8f5cd3a" providerId="ADAL" clId="{1A3DD300-9E7D-BF4B-BC8B-F4CA9FD4CE48}" dt="2021-05-27T08:51:22.925" v="192" actId="2696"/>
        <pc:sldMkLst>
          <pc:docMk/>
          <pc:sldMk cId="1784670130" sldId="646"/>
        </pc:sldMkLst>
      </pc:sldChg>
      <pc:sldChg chg="del">
        <pc:chgData name="Daly Donnacha HSLU I" userId="0f22e960-400a-43ff-baeb-4828c8f5cd3a" providerId="ADAL" clId="{1A3DD300-9E7D-BF4B-BC8B-F4CA9FD4CE48}" dt="2021-05-27T08:51:13.935" v="191" actId="2696"/>
        <pc:sldMkLst>
          <pc:docMk/>
          <pc:sldMk cId="1495365288" sldId="647"/>
        </pc:sldMkLst>
      </pc:sldChg>
      <pc:sldChg chg="del">
        <pc:chgData name="Daly Donnacha HSLU I" userId="0f22e960-400a-43ff-baeb-4828c8f5cd3a" providerId="ADAL" clId="{1A3DD300-9E7D-BF4B-BC8B-F4CA9FD4CE48}" dt="2021-05-27T08:51:13.935" v="191" actId="2696"/>
        <pc:sldMkLst>
          <pc:docMk/>
          <pc:sldMk cId="2424903660" sldId="648"/>
        </pc:sldMkLst>
      </pc:sldChg>
      <pc:sldChg chg="del">
        <pc:chgData name="Daly Donnacha HSLU I" userId="0f22e960-400a-43ff-baeb-4828c8f5cd3a" providerId="ADAL" clId="{1A3DD300-9E7D-BF4B-BC8B-F4CA9FD4CE48}" dt="2021-05-27T08:51:13.935" v="191" actId="2696"/>
        <pc:sldMkLst>
          <pc:docMk/>
          <pc:sldMk cId="3197970218" sldId="649"/>
        </pc:sldMkLst>
      </pc:sldChg>
      <pc:sldChg chg="del">
        <pc:chgData name="Daly Donnacha HSLU I" userId="0f22e960-400a-43ff-baeb-4828c8f5cd3a" providerId="ADAL" clId="{1A3DD300-9E7D-BF4B-BC8B-F4CA9FD4CE48}" dt="2021-05-27T08:51:13.935" v="191" actId="2696"/>
        <pc:sldMkLst>
          <pc:docMk/>
          <pc:sldMk cId="761967843" sldId="650"/>
        </pc:sldMkLst>
      </pc:sldChg>
      <pc:sldChg chg="del">
        <pc:chgData name="Daly Donnacha HSLU I" userId="0f22e960-400a-43ff-baeb-4828c8f5cd3a" providerId="ADAL" clId="{1A3DD300-9E7D-BF4B-BC8B-F4CA9FD4CE48}" dt="2021-05-27T08:51:13.935" v="191" actId="2696"/>
        <pc:sldMkLst>
          <pc:docMk/>
          <pc:sldMk cId="1009249833" sldId="651"/>
        </pc:sldMkLst>
      </pc:sldChg>
      <pc:sldChg chg="del">
        <pc:chgData name="Daly Donnacha HSLU I" userId="0f22e960-400a-43ff-baeb-4828c8f5cd3a" providerId="ADAL" clId="{1A3DD300-9E7D-BF4B-BC8B-F4CA9FD4CE48}" dt="2021-05-27T08:51:13.935" v="191" actId="2696"/>
        <pc:sldMkLst>
          <pc:docMk/>
          <pc:sldMk cId="230935675" sldId="652"/>
        </pc:sldMkLst>
      </pc:sldChg>
      <pc:sldChg chg="del">
        <pc:chgData name="Daly Donnacha HSLU I" userId="0f22e960-400a-43ff-baeb-4828c8f5cd3a" providerId="ADAL" clId="{1A3DD300-9E7D-BF4B-BC8B-F4CA9FD4CE48}" dt="2021-05-27T08:51:13.935" v="191" actId="2696"/>
        <pc:sldMkLst>
          <pc:docMk/>
          <pc:sldMk cId="4125028947" sldId="653"/>
        </pc:sldMkLst>
      </pc:sldChg>
      <pc:sldChg chg="del">
        <pc:chgData name="Daly Donnacha HSLU I" userId="0f22e960-400a-43ff-baeb-4828c8f5cd3a" providerId="ADAL" clId="{1A3DD300-9E7D-BF4B-BC8B-F4CA9FD4CE48}" dt="2021-05-27T08:51:13.935" v="191" actId="2696"/>
        <pc:sldMkLst>
          <pc:docMk/>
          <pc:sldMk cId="2574297036" sldId="654"/>
        </pc:sldMkLst>
      </pc:sldChg>
      <pc:sldChg chg="del">
        <pc:chgData name="Daly Donnacha HSLU I" userId="0f22e960-400a-43ff-baeb-4828c8f5cd3a" providerId="ADAL" clId="{1A3DD300-9E7D-BF4B-BC8B-F4CA9FD4CE48}" dt="2021-05-27T08:51:13.935" v="191" actId="2696"/>
        <pc:sldMkLst>
          <pc:docMk/>
          <pc:sldMk cId="3460061220" sldId="656"/>
        </pc:sldMkLst>
      </pc:sldChg>
      <pc:sldChg chg="del">
        <pc:chgData name="Daly Donnacha HSLU I" userId="0f22e960-400a-43ff-baeb-4828c8f5cd3a" providerId="ADAL" clId="{1A3DD300-9E7D-BF4B-BC8B-F4CA9FD4CE48}" dt="2021-05-27T08:51:13.935" v="191" actId="2696"/>
        <pc:sldMkLst>
          <pc:docMk/>
          <pc:sldMk cId="469919417" sldId="657"/>
        </pc:sldMkLst>
      </pc:sldChg>
      <pc:sldChg chg="del">
        <pc:chgData name="Daly Donnacha HSLU I" userId="0f22e960-400a-43ff-baeb-4828c8f5cd3a" providerId="ADAL" clId="{1A3DD300-9E7D-BF4B-BC8B-F4CA9FD4CE48}" dt="2021-05-27T08:51:13.935" v="191" actId="2696"/>
        <pc:sldMkLst>
          <pc:docMk/>
          <pc:sldMk cId="4042002621" sldId="658"/>
        </pc:sldMkLst>
      </pc:sldChg>
      <pc:sldChg chg="del">
        <pc:chgData name="Daly Donnacha HSLU I" userId="0f22e960-400a-43ff-baeb-4828c8f5cd3a" providerId="ADAL" clId="{1A3DD300-9E7D-BF4B-BC8B-F4CA9FD4CE48}" dt="2021-05-27T08:51:13.935" v="191" actId="2696"/>
        <pc:sldMkLst>
          <pc:docMk/>
          <pc:sldMk cId="2517132393" sldId="659"/>
        </pc:sldMkLst>
      </pc:sldChg>
      <pc:sldChg chg="del">
        <pc:chgData name="Daly Donnacha HSLU I" userId="0f22e960-400a-43ff-baeb-4828c8f5cd3a" providerId="ADAL" clId="{1A3DD300-9E7D-BF4B-BC8B-F4CA9FD4CE48}" dt="2021-05-27T08:51:13.935" v="191" actId="2696"/>
        <pc:sldMkLst>
          <pc:docMk/>
          <pc:sldMk cId="3367850565" sldId="660"/>
        </pc:sldMkLst>
      </pc:sldChg>
      <pc:sldChg chg="del">
        <pc:chgData name="Daly Donnacha HSLU I" userId="0f22e960-400a-43ff-baeb-4828c8f5cd3a" providerId="ADAL" clId="{1A3DD300-9E7D-BF4B-BC8B-F4CA9FD4CE48}" dt="2021-05-27T08:51:13.935" v="191" actId="2696"/>
        <pc:sldMkLst>
          <pc:docMk/>
          <pc:sldMk cId="3432976208" sldId="661"/>
        </pc:sldMkLst>
      </pc:sldChg>
      <pc:sldChg chg="del">
        <pc:chgData name="Daly Donnacha HSLU I" userId="0f22e960-400a-43ff-baeb-4828c8f5cd3a" providerId="ADAL" clId="{1A3DD300-9E7D-BF4B-BC8B-F4CA9FD4CE48}" dt="2021-05-27T08:51:22.925" v="192" actId="2696"/>
        <pc:sldMkLst>
          <pc:docMk/>
          <pc:sldMk cId="3516583076" sldId="662"/>
        </pc:sldMkLst>
      </pc:sldChg>
      <pc:sldChg chg="del">
        <pc:chgData name="Daly Donnacha HSLU I" userId="0f22e960-400a-43ff-baeb-4828c8f5cd3a" providerId="ADAL" clId="{1A3DD300-9E7D-BF4B-BC8B-F4CA9FD4CE48}" dt="2021-05-27T08:51:22.925" v="192" actId="2696"/>
        <pc:sldMkLst>
          <pc:docMk/>
          <pc:sldMk cId="908086488" sldId="663"/>
        </pc:sldMkLst>
      </pc:sldChg>
      <pc:sldChg chg="del">
        <pc:chgData name="Daly Donnacha HSLU I" userId="0f22e960-400a-43ff-baeb-4828c8f5cd3a" providerId="ADAL" clId="{1A3DD300-9E7D-BF4B-BC8B-F4CA9FD4CE48}" dt="2021-05-27T08:51:22.925" v="192" actId="2696"/>
        <pc:sldMkLst>
          <pc:docMk/>
          <pc:sldMk cId="2696441899" sldId="664"/>
        </pc:sldMkLst>
      </pc:sldChg>
      <pc:sldChg chg="del">
        <pc:chgData name="Daly Donnacha HSLU I" userId="0f22e960-400a-43ff-baeb-4828c8f5cd3a" providerId="ADAL" clId="{1A3DD300-9E7D-BF4B-BC8B-F4CA9FD4CE48}" dt="2021-05-27T08:51:22.925" v="192" actId="2696"/>
        <pc:sldMkLst>
          <pc:docMk/>
          <pc:sldMk cId="2041803274" sldId="665"/>
        </pc:sldMkLst>
      </pc:sldChg>
      <pc:sldChg chg="del">
        <pc:chgData name="Daly Donnacha HSLU I" userId="0f22e960-400a-43ff-baeb-4828c8f5cd3a" providerId="ADAL" clId="{1A3DD300-9E7D-BF4B-BC8B-F4CA9FD4CE48}" dt="2021-05-27T08:51:22.925" v="192" actId="2696"/>
        <pc:sldMkLst>
          <pc:docMk/>
          <pc:sldMk cId="2691985661" sldId="666"/>
        </pc:sldMkLst>
      </pc:sldChg>
    </pc:docChg>
  </pc:docChgLst>
  <pc:docChgLst>
    <pc:chgData name="Daly Donnacha HSLU I" userId="0f22e960-400a-43ff-baeb-4828c8f5cd3a" providerId="ADAL" clId="{25186994-00F8-734D-8EB0-4EF816F306B7}"/>
    <pc:docChg chg="undo redo custSel addSld delSld modSld sldOrd">
      <pc:chgData name="Daly Donnacha HSLU I" userId="0f22e960-400a-43ff-baeb-4828c8f5cd3a" providerId="ADAL" clId="{25186994-00F8-734D-8EB0-4EF816F306B7}" dt="2021-03-11T15:18:39.844" v="20471" actId="6549"/>
      <pc:docMkLst>
        <pc:docMk/>
      </pc:docMkLst>
      <pc:sldChg chg="addSp delSp modSp mod">
        <pc:chgData name="Daly Donnacha HSLU I" userId="0f22e960-400a-43ff-baeb-4828c8f5cd3a" providerId="ADAL" clId="{25186994-00F8-734D-8EB0-4EF816F306B7}" dt="2021-03-10T14:45:27.665" v="5984" actId="20577"/>
        <pc:sldMkLst>
          <pc:docMk/>
          <pc:sldMk cId="2069180595" sldId="293"/>
        </pc:sldMkLst>
        <pc:spChg chg="del mod">
          <ac:chgData name="Daly Donnacha HSLU I" userId="0f22e960-400a-43ff-baeb-4828c8f5cd3a" providerId="ADAL" clId="{25186994-00F8-734D-8EB0-4EF816F306B7}" dt="2021-03-09T13:28:41.483" v="177" actId="478"/>
          <ac:spMkLst>
            <pc:docMk/>
            <pc:sldMk cId="2069180595" sldId="293"/>
            <ac:spMk id="4" creationId="{08104162-0A5A-C04E-A4E0-90895A085508}"/>
          </ac:spMkLst>
        </pc:spChg>
        <pc:spChg chg="add del mod">
          <ac:chgData name="Daly Donnacha HSLU I" userId="0f22e960-400a-43ff-baeb-4828c8f5cd3a" providerId="ADAL" clId="{25186994-00F8-734D-8EB0-4EF816F306B7}" dt="2021-03-09T13:30:53.163" v="202" actId="478"/>
          <ac:spMkLst>
            <pc:docMk/>
            <pc:sldMk cId="2069180595" sldId="293"/>
            <ac:spMk id="5" creationId="{DADF6C19-CBA7-6048-A4D2-F952F7612736}"/>
          </ac:spMkLst>
        </pc:spChg>
        <pc:spChg chg="add mod">
          <ac:chgData name="Daly Donnacha HSLU I" userId="0f22e960-400a-43ff-baeb-4828c8f5cd3a" providerId="ADAL" clId="{25186994-00F8-734D-8EB0-4EF816F306B7}" dt="2021-03-10T14:45:27.665" v="5984" actId="20577"/>
          <ac:spMkLst>
            <pc:docMk/>
            <pc:sldMk cId="2069180595" sldId="293"/>
            <ac:spMk id="6" creationId="{C5894721-95A2-7141-8609-521552539517}"/>
          </ac:spMkLst>
        </pc:spChg>
        <pc:spChg chg="add del mod">
          <ac:chgData name="Daly Donnacha HSLU I" userId="0f22e960-400a-43ff-baeb-4828c8f5cd3a" providerId="ADAL" clId="{25186994-00F8-734D-8EB0-4EF816F306B7}" dt="2021-03-10T14:15:35.768" v="4561" actId="21"/>
          <ac:spMkLst>
            <pc:docMk/>
            <pc:sldMk cId="2069180595" sldId="293"/>
            <ac:spMk id="7" creationId="{5D508D83-8692-E243-863A-F20917EF247F}"/>
          </ac:spMkLst>
        </pc:spChg>
        <pc:spChg chg="add del mod">
          <ac:chgData name="Daly Donnacha HSLU I" userId="0f22e960-400a-43ff-baeb-4828c8f5cd3a" providerId="ADAL" clId="{25186994-00F8-734D-8EB0-4EF816F306B7}" dt="2021-03-10T14:15:35.768" v="4561" actId="21"/>
          <ac:spMkLst>
            <pc:docMk/>
            <pc:sldMk cId="2069180595" sldId="293"/>
            <ac:spMk id="8" creationId="{013A009A-9C03-7C4C-AEE4-D056BF09604C}"/>
          </ac:spMkLst>
        </pc:spChg>
        <pc:spChg chg="add mod">
          <ac:chgData name="Daly Donnacha HSLU I" userId="0f22e960-400a-43ff-baeb-4828c8f5cd3a" providerId="ADAL" clId="{25186994-00F8-734D-8EB0-4EF816F306B7}" dt="2021-03-10T14:20:46.290" v="4736" actId="14100"/>
          <ac:spMkLst>
            <pc:docMk/>
            <pc:sldMk cId="2069180595" sldId="293"/>
            <ac:spMk id="10" creationId="{7081C03F-B263-AD47-8F36-EB4D3CB927E4}"/>
          </ac:spMkLst>
        </pc:spChg>
        <pc:picChg chg="add del mod">
          <ac:chgData name="Daly Donnacha HSLU I" userId="0f22e960-400a-43ff-baeb-4828c8f5cd3a" providerId="ADAL" clId="{25186994-00F8-734D-8EB0-4EF816F306B7}" dt="2021-03-09T15:31:13.164" v="570" actId="478"/>
          <ac:picMkLst>
            <pc:docMk/>
            <pc:sldMk cId="2069180595" sldId="293"/>
            <ac:picMk id="3" creationId="{C5F01889-24D7-4348-8283-76B1561DEF34}"/>
          </ac:picMkLst>
        </pc:picChg>
        <pc:picChg chg="add mod">
          <ac:chgData name="Daly Donnacha HSLU I" userId="0f22e960-400a-43ff-baeb-4828c8f5cd3a" providerId="ADAL" clId="{25186994-00F8-734D-8EB0-4EF816F306B7}" dt="2021-03-10T14:18:03.174" v="4569" actId="2085"/>
          <ac:picMkLst>
            <pc:docMk/>
            <pc:sldMk cId="2069180595" sldId="293"/>
            <ac:picMk id="9" creationId="{9A7285EF-4C5E-AB4D-B295-E80D92C8A79C}"/>
          </ac:picMkLst>
        </pc:picChg>
        <pc:picChg chg="add del mod">
          <ac:chgData name="Daly Donnacha HSLU I" userId="0f22e960-400a-43ff-baeb-4828c8f5cd3a" providerId="ADAL" clId="{25186994-00F8-734D-8EB0-4EF816F306B7}" dt="2021-03-09T15:31:15.122" v="571" actId="478"/>
          <ac:picMkLst>
            <pc:docMk/>
            <pc:sldMk cId="2069180595" sldId="293"/>
            <ac:picMk id="1026" creationId="{1B437AEB-DFAB-1C46-8F87-08964A0E52DE}"/>
          </ac:picMkLst>
        </pc:picChg>
        <pc:picChg chg="add del mod">
          <ac:chgData name="Daly Donnacha HSLU I" userId="0f22e960-400a-43ff-baeb-4828c8f5cd3a" providerId="ADAL" clId="{25186994-00F8-734D-8EB0-4EF816F306B7}" dt="2021-03-09T14:41:59.044" v="323"/>
          <ac:picMkLst>
            <pc:docMk/>
            <pc:sldMk cId="2069180595" sldId="293"/>
            <ac:picMk id="1028" creationId="{A6AA8A97-0D7B-3642-A8D7-BEDFB30831E5}"/>
          </ac:picMkLst>
        </pc:picChg>
        <pc:picChg chg="add del">
          <ac:chgData name="Daly Donnacha HSLU I" userId="0f22e960-400a-43ff-baeb-4828c8f5cd3a" providerId="ADAL" clId="{25186994-00F8-734D-8EB0-4EF816F306B7}" dt="2021-03-09T14:42:14.118" v="326" actId="478"/>
          <ac:picMkLst>
            <pc:docMk/>
            <pc:sldMk cId="2069180595" sldId="293"/>
            <ac:picMk id="1030" creationId="{AFAB3BB2-D4E5-F143-A7CF-CC8BB6D2BD57}"/>
          </ac:picMkLst>
        </pc:picChg>
        <pc:picChg chg="add del mod">
          <ac:chgData name="Daly Donnacha HSLU I" userId="0f22e960-400a-43ff-baeb-4828c8f5cd3a" providerId="ADAL" clId="{25186994-00F8-734D-8EB0-4EF816F306B7}" dt="2021-03-10T14:15:35.768" v="4561" actId="21"/>
          <ac:picMkLst>
            <pc:docMk/>
            <pc:sldMk cId="2069180595" sldId="293"/>
            <ac:picMk id="1032" creationId="{0250F13A-680A-2D44-8160-831306A38704}"/>
          </ac:picMkLst>
        </pc:picChg>
      </pc:sldChg>
      <pc:sldChg chg="modSp mod ord">
        <pc:chgData name="Daly Donnacha HSLU I" userId="0f22e960-400a-43ff-baeb-4828c8f5cd3a" providerId="ADAL" clId="{25186994-00F8-734D-8EB0-4EF816F306B7}" dt="2021-03-09T16:48:24.161" v="2821" actId="20578"/>
        <pc:sldMkLst>
          <pc:docMk/>
          <pc:sldMk cId="256036251" sldId="294"/>
        </pc:sldMkLst>
        <pc:spChg chg="mod">
          <ac:chgData name="Daly Donnacha HSLU I" userId="0f22e960-400a-43ff-baeb-4828c8f5cd3a" providerId="ADAL" clId="{25186994-00F8-734D-8EB0-4EF816F306B7}" dt="2021-03-09T13:23:01.203" v="39" actId="20577"/>
          <ac:spMkLst>
            <pc:docMk/>
            <pc:sldMk cId="256036251" sldId="294"/>
            <ac:spMk id="2" creationId="{069B8F1E-027C-6440-9E6A-40BB8DAAAB65}"/>
          </ac:spMkLst>
        </pc:spChg>
        <pc:spChg chg="mod">
          <ac:chgData name="Daly Donnacha HSLU I" userId="0f22e960-400a-43ff-baeb-4828c8f5cd3a" providerId="ADAL" clId="{25186994-00F8-734D-8EB0-4EF816F306B7}" dt="2021-03-09T13:29:21.413" v="188"/>
          <ac:spMkLst>
            <pc:docMk/>
            <pc:sldMk cId="256036251" sldId="294"/>
            <ac:spMk id="3" creationId="{63132F41-5235-6647-AE60-DA2A6069816C}"/>
          </ac:spMkLst>
        </pc:spChg>
      </pc:sldChg>
      <pc:sldChg chg="addSp delSp modSp mod">
        <pc:chgData name="Daly Donnacha HSLU I" userId="0f22e960-400a-43ff-baeb-4828c8f5cd3a" providerId="ADAL" clId="{25186994-00F8-734D-8EB0-4EF816F306B7}" dt="2021-03-10T14:45:38.656" v="5986"/>
        <pc:sldMkLst>
          <pc:docMk/>
          <pc:sldMk cId="1191410536" sldId="298"/>
        </pc:sldMkLst>
        <pc:spChg chg="add del mod">
          <ac:chgData name="Daly Donnacha HSLU I" userId="0f22e960-400a-43ff-baeb-4828c8f5cd3a" providerId="ADAL" clId="{25186994-00F8-734D-8EB0-4EF816F306B7}" dt="2021-03-10T14:45:38.358" v="5985" actId="478"/>
          <ac:spMkLst>
            <pc:docMk/>
            <pc:sldMk cId="1191410536" sldId="298"/>
            <ac:spMk id="4" creationId="{68B61B46-09D5-5E40-BA27-255BAB494075}"/>
          </ac:spMkLst>
        </pc:spChg>
        <pc:spChg chg="add mod">
          <ac:chgData name="Daly Donnacha HSLU I" userId="0f22e960-400a-43ff-baeb-4828c8f5cd3a" providerId="ADAL" clId="{25186994-00F8-734D-8EB0-4EF816F306B7}" dt="2021-03-09T15:27:12.132" v="569" actId="1076"/>
          <ac:spMkLst>
            <pc:docMk/>
            <pc:sldMk cId="1191410536" sldId="298"/>
            <ac:spMk id="5" creationId="{5B414FBE-EFF8-0644-B49C-67966D7CF99B}"/>
          </ac:spMkLst>
        </pc:spChg>
        <pc:spChg chg="del mod">
          <ac:chgData name="Daly Donnacha HSLU I" userId="0f22e960-400a-43ff-baeb-4828c8f5cd3a" providerId="ADAL" clId="{25186994-00F8-734D-8EB0-4EF816F306B7}" dt="2021-03-09T13:29:49.787" v="197" actId="478"/>
          <ac:spMkLst>
            <pc:docMk/>
            <pc:sldMk cId="1191410536" sldId="298"/>
            <ac:spMk id="6" creationId="{E0AB440D-7AF3-2041-B9D6-CB7F650A36A0}"/>
          </ac:spMkLst>
        </pc:spChg>
        <pc:spChg chg="add mod">
          <ac:chgData name="Daly Donnacha HSLU I" userId="0f22e960-400a-43ff-baeb-4828c8f5cd3a" providerId="ADAL" clId="{25186994-00F8-734D-8EB0-4EF816F306B7}" dt="2021-03-09T15:25:09.687" v="563" actId="20577"/>
          <ac:spMkLst>
            <pc:docMk/>
            <pc:sldMk cId="1191410536" sldId="298"/>
            <ac:spMk id="7" creationId="{43D0478F-1549-5146-B626-F98EFF326E8F}"/>
          </ac:spMkLst>
        </pc:spChg>
        <pc:spChg chg="add mod">
          <ac:chgData name="Daly Donnacha HSLU I" userId="0f22e960-400a-43ff-baeb-4828c8f5cd3a" providerId="ADAL" clId="{25186994-00F8-734D-8EB0-4EF816F306B7}" dt="2021-03-10T14:45:38.656" v="5986"/>
          <ac:spMkLst>
            <pc:docMk/>
            <pc:sldMk cId="1191410536" sldId="298"/>
            <ac:spMk id="8" creationId="{82F0FFA6-593A-AA45-81A6-D0228AB80BEE}"/>
          </ac:spMkLst>
        </pc:spChg>
        <pc:picChg chg="add mod">
          <ac:chgData name="Daly Donnacha HSLU I" userId="0f22e960-400a-43ff-baeb-4828c8f5cd3a" providerId="ADAL" clId="{25186994-00F8-734D-8EB0-4EF816F306B7}" dt="2021-03-09T15:24:07.934" v="494" actId="1076"/>
          <ac:picMkLst>
            <pc:docMk/>
            <pc:sldMk cId="1191410536" sldId="298"/>
            <ac:picMk id="3" creationId="{A4E2E59D-AFFC-5F49-8E87-568EBF652898}"/>
          </ac:picMkLst>
        </pc:picChg>
      </pc:sldChg>
      <pc:sldChg chg="addSp modSp mod">
        <pc:chgData name="Daly Donnacha HSLU I" userId="0f22e960-400a-43ff-baeb-4828c8f5cd3a" providerId="ADAL" clId="{25186994-00F8-734D-8EB0-4EF816F306B7}" dt="2021-03-11T09:59:02.389" v="20386" actId="113"/>
        <pc:sldMkLst>
          <pc:docMk/>
          <pc:sldMk cId="3661452517" sldId="314"/>
        </pc:sldMkLst>
        <pc:spChg chg="mod">
          <ac:chgData name="Daly Donnacha HSLU I" userId="0f22e960-400a-43ff-baeb-4828c8f5cd3a" providerId="ADAL" clId="{25186994-00F8-734D-8EB0-4EF816F306B7}" dt="2021-03-11T08:21:36.379" v="17716" actId="113"/>
          <ac:spMkLst>
            <pc:docMk/>
            <pc:sldMk cId="3661452517" sldId="314"/>
            <ac:spMk id="4" creationId="{08104162-0A5A-C04E-A4E0-90895A085508}"/>
          </ac:spMkLst>
        </pc:spChg>
        <pc:spChg chg="add mod">
          <ac:chgData name="Daly Donnacha HSLU I" userId="0f22e960-400a-43ff-baeb-4828c8f5cd3a" providerId="ADAL" clId="{25186994-00F8-734D-8EB0-4EF816F306B7}" dt="2021-03-11T05:00:01.895" v="14683"/>
          <ac:spMkLst>
            <pc:docMk/>
            <pc:sldMk cId="3661452517" sldId="314"/>
            <ac:spMk id="15" creationId="{72CC2C58-8CD3-9742-8492-26F8BF1814AD}"/>
          </ac:spMkLst>
        </pc:spChg>
        <pc:spChg chg="add mod">
          <ac:chgData name="Daly Donnacha HSLU I" userId="0f22e960-400a-43ff-baeb-4828c8f5cd3a" providerId="ADAL" clId="{25186994-00F8-734D-8EB0-4EF816F306B7}" dt="2021-03-11T05:00:01.895" v="14683"/>
          <ac:spMkLst>
            <pc:docMk/>
            <pc:sldMk cId="3661452517" sldId="314"/>
            <ac:spMk id="16" creationId="{EF0EFAE5-75FC-4349-A681-8AB8BC493CD3}"/>
          </ac:spMkLst>
        </pc:spChg>
        <pc:spChg chg="add mod">
          <ac:chgData name="Daly Donnacha HSLU I" userId="0f22e960-400a-43ff-baeb-4828c8f5cd3a" providerId="ADAL" clId="{25186994-00F8-734D-8EB0-4EF816F306B7}" dt="2021-03-11T09:59:02.389" v="20386" actId="113"/>
          <ac:spMkLst>
            <pc:docMk/>
            <pc:sldMk cId="3661452517" sldId="314"/>
            <ac:spMk id="17" creationId="{98FEA962-7270-EB4C-AC6C-09B38F717307}"/>
          </ac:spMkLst>
        </pc:spChg>
        <pc:picChg chg="add mod">
          <ac:chgData name="Daly Donnacha HSLU I" userId="0f22e960-400a-43ff-baeb-4828c8f5cd3a" providerId="ADAL" clId="{25186994-00F8-734D-8EB0-4EF816F306B7}" dt="2021-03-11T05:00:01.895" v="14683"/>
          <ac:picMkLst>
            <pc:docMk/>
            <pc:sldMk cId="3661452517" sldId="314"/>
            <ac:picMk id="5" creationId="{2303FD79-C5B2-B041-8778-627EB01F453B}"/>
          </ac:picMkLst>
        </pc:picChg>
        <pc:picChg chg="add mod">
          <ac:chgData name="Daly Donnacha HSLU I" userId="0f22e960-400a-43ff-baeb-4828c8f5cd3a" providerId="ADAL" clId="{25186994-00F8-734D-8EB0-4EF816F306B7}" dt="2021-03-11T05:00:01.895" v="14683"/>
          <ac:picMkLst>
            <pc:docMk/>
            <pc:sldMk cId="3661452517" sldId="314"/>
            <ac:picMk id="6" creationId="{E2A4F055-67EA-1242-80BE-8704DA18B4FF}"/>
          </ac:picMkLst>
        </pc:picChg>
        <pc:picChg chg="add mod">
          <ac:chgData name="Daly Donnacha HSLU I" userId="0f22e960-400a-43ff-baeb-4828c8f5cd3a" providerId="ADAL" clId="{25186994-00F8-734D-8EB0-4EF816F306B7}" dt="2021-03-11T05:00:01.895" v="14683"/>
          <ac:picMkLst>
            <pc:docMk/>
            <pc:sldMk cId="3661452517" sldId="314"/>
            <ac:picMk id="7" creationId="{5A7A51F5-4887-294C-AEF5-3D9F26AC852D}"/>
          </ac:picMkLst>
        </pc:picChg>
        <pc:picChg chg="add mod">
          <ac:chgData name="Daly Donnacha HSLU I" userId="0f22e960-400a-43ff-baeb-4828c8f5cd3a" providerId="ADAL" clId="{25186994-00F8-734D-8EB0-4EF816F306B7}" dt="2021-03-11T05:00:01.895" v="14683"/>
          <ac:picMkLst>
            <pc:docMk/>
            <pc:sldMk cId="3661452517" sldId="314"/>
            <ac:picMk id="8" creationId="{8AD229E1-2E0B-E04B-B5AD-97ED0C662AC1}"/>
          </ac:picMkLst>
        </pc:picChg>
        <pc:picChg chg="add mod">
          <ac:chgData name="Daly Donnacha HSLU I" userId="0f22e960-400a-43ff-baeb-4828c8f5cd3a" providerId="ADAL" clId="{25186994-00F8-734D-8EB0-4EF816F306B7}" dt="2021-03-11T05:00:01.895" v="14683"/>
          <ac:picMkLst>
            <pc:docMk/>
            <pc:sldMk cId="3661452517" sldId="314"/>
            <ac:picMk id="9" creationId="{3E12C1B2-F4D7-7444-BE2D-92D3528FE2C0}"/>
          </ac:picMkLst>
        </pc:picChg>
        <pc:picChg chg="add mod">
          <ac:chgData name="Daly Donnacha HSLU I" userId="0f22e960-400a-43ff-baeb-4828c8f5cd3a" providerId="ADAL" clId="{25186994-00F8-734D-8EB0-4EF816F306B7}" dt="2021-03-11T05:00:01.895" v="14683"/>
          <ac:picMkLst>
            <pc:docMk/>
            <pc:sldMk cId="3661452517" sldId="314"/>
            <ac:picMk id="10" creationId="{5AA16CB6-0300-1C4E-90D1-295AFE1C484C}"/>
          </ac:picMkLst>
        </pc:picChg>
        <pc:picChg chg="add mod">
          <ac:chgData name="Daly Donnacha HSLU I" userId="0f22e960-400a-43ff-baeb-4828c8f5cd3a" providerId="ADAL" clId="{25186994-00F8-734D-8EB0-4EF816F306B7}" dt="2021-03-11T05:00:01.895" v="14683"/>
          <ac:picMkLst>
            <pc:docMk/>
            <pc:sldMk cId="3661452517" sldId="314"/>
            <ac:picMk id="11" creationId="{2455036D-871A-7842-B4C3-DF063878A641}"/>
          </ac:picMkLst>
        </pc:picChg>
        <pc:picChg chg="add mod">
          <ac:chgData name="Daly Donnacha HSLU I" userId="0f22e960-400a-43ff-baeb-4828c8f5cd3a" providerId="ADAL" clId="{25186994-00F8-734D-8EB0-4EF816F306B7}" dt="2021-03-11T05:00:01.895" v="14683"/>
          <ac:picMkLst>
            <pc:docMk/>
            <pc:sldMk cId="3661452517" sldId="314"/>
            <ac:picMk id="12" creationId="{C8527DA3-9BCE-4A46-934A-FDBECBC067B0}"/>
          </ac:picMkLst>
        </pc:picChg>
        <pc:picChg chg="add mod">
          <ac:chgData name="Daly Donnacha HSLU I" userId="0f22e960-400a-43ff-baeb-4828c8f5cd3a" providerId="ADAL" clId="{25186994-00F8-734D-8EB0-4EF816F306B7}" dt="2021-03-11T05:00:01.895" v="14683"/>
          <ac:picMkLst>
            <pc:docMk/>
            <pc:sldMk cId="3661452517" sldId="314"/>
            <ac:picMk id="13" creationId="{89D24100-3C42-D64A-A854-B89EAC07A43B}"/>
          </ac:picMkLst>
        </pc:picChg>
        <pc:picChg chg="add mod">
          <ac:chgData name="Daly Donnacha HSLU I" userId="0f22e960-400a-43ff-baeb-4828c8f5cd3a" providerId="ADAL" clId="{25186994-00F8-734D-8EB0-4EF816F306B7}" dt="2021-03-11T05:00:01.895" v="14683"/>
          <ac:picMkLst>
            <pc:docMk/>
            <pc:sldMk cId="3661452517" sldId="314"/>
            <ac:picMk id="14" creationId="{70163DD0-AF80-7742-8DFF-26F2FE2AF662}"/>
          </ac:picMkLst>
        </pc:picChg>
      </pc:sldChg>
      <pc:sldChg chg="modSp add mod ord">
        <pc:chgData name="Daly Donnacha HSLU I" userId="0f22e960-400a-43ff-baeb-4828c8f5cd3a" providerId="ADAL" clId="{25186994-00F8-734D-8EB0-4EF816F306B7}" dt="2021-03-09T13:22:54.554" v="38" actId="20578"/>
        <pc:sldMkLst>
          <pc:docMk/>
          <pc:sldMk cId="2208137706" sldId="315"/>
        </pc:sldMkLst>
        <pc:spChg chg="mod">
          <ac:chgData name="Daly Donnacha HSLU I" userId="0f22e960-400a-43ff-baeb-4828c8f5cd3a" providerId="ADAL" clId="{25186994-00F8-734D-8EB0-4EF816F306B7}" dt="2021-03-09T13:22:50.602" v="37" actId="20577"/>
          <ac:spMkLst>
            <pc:docMk/>
            <pc:sldMk cId="2208137706" sldId="315"/>
            <ac:spMk id="3" creationId="{63132F41-5235-6647-AE60-DA2A6069816C}"/>
          </ac:spMkLst>
        </pc:spChg>
      </pc:sldChg>
      <pc:sldChg chg="modSp add mod">
        <pc:chgData name="Daly Donnacha HSLU I" userId="0f22e960-400a-43ff-baeb-4828c8f5cd3a" providerId="ADAL" clId="{25186994-00F8-734D-8EB0-4EF816F306B7}" dt="2021-03-10T14:46:00.589" v="5993" actId="20577"/>
        <pc:sldMkLst>
          <pc:docMk/>
          <pc:sldMk cId="4118827072" sldId="316"/>
        </pc:sldMkLst>
        <pc:spChg chg="mod">
          <ac:chgData name="Daly Donnacha HSLU I" userId="0f22e960-400a-43ff-baeb-4828c8f5cd3a" providerId="ADAL" clId="{25186994-00F8-734D-8EB0-4EF816F306B7}" dt="2021-03-10T14:46:00.589" v="5993" actId="20577"/>
          <ac:spMkLst>
            <pc:docMk/>
            <pc:sldMk cId="4118827072" sldId="316"/>
            <ac:spMk id="2" creationId="{069B8F1E-027C-6440-9E6A-40BB8DAAAB65}"/>
          </ac:spMkLst>
        </pc:spChg>
        <pc:spChg chg="mod">
          <ac:chgData name="Daly Donnacha HSLU I" userId="0f22e960-400a-43ff-baeb-4828c8f5cd3a" providerId="ADAL" clId="{25186994-00F8-734D-8EB0-4EF816F306B7}" dt="2021-03-09T13:31:22.883" v="207" actId="20577"/>
          <ac:spMkLst>
            <pc:docMk/>
            <pc:sldMk cId="4118827072" sldId="316"/>
            <ac:spMk id="3" creationId="{63132F41-5235-6647-AE60-DA2A6069816C}"/>
          </ac:spMkLst>
        </pc:spChg>
      </pc:sldChg>
      <pc:sldChg chg="modSp add mod ord">
        <pc:chgData name="Daly Donnacha HSLU I" userId="0f22e960-400a-43ff-baeb-4828c8f5cd3a" providerId="ADAL" clId="{25186994-00F8-734D-8EB0-4EF816F306B7}" dt="2021-03-10T14:45:55.413" v="5989" actId="20577"/>
        <pc:sldMkLst>
          <pc:docMk/>
          <pc:sldMk cId="489761331" sldId="317"/>
        </pc:sldMkLst>
        <pc:spChg chg="mod">
          <ac:chgData name="Daly Donnacha HSLU I" userId="0f22e960-400a-43ff-baeb-4828c8f5cd3a" providerId="ADAL" clId="{25186994-00F8-734D-8EB0-4EF816F306B7}" dt="2021-03-10T14:45:55.413" v="5989" actId="20577"/>
          <ac:spMkLst>
            <pc:docMk/>
            <pc:sldMk cId="489761331" sldId="317"/>
            <ac:spMk id="2" creationId="{069B8F1E-027C-6440-9E6A-40BB8DAAAB65}"/>
          </ac:spMkLst>
        </pc:spChg>
        <pc:spChg chg="mod">
          <ac:chgData name="Daly Donnacha HSLU I" userId="0f22e960-400a-43ff-baeb-4828c8f5cd3a" providerId="ADAL" clId="{25186994-00F8-734D-8EB0-4EF816F306B7}" dt="2021-03-09T13:32:31.204" v="215" actId="20577"/>
          <ac:spMkLst>
            <pc:docMk/>
            <pc:sldMk cId="489761331" sldId="317"/>
            <ac:spMk id="3" creationId="{63132F41-5235-6647-AE60-DA2A6069816C}"/>
          </ac:spMkLst>
        </pc:spChg>
      </pc:sldChg>
      <pc:sldChg chg="modSp new del mod ord">
        <pc:chgData name="Daly Donnacha HSLU I" userId="0f22e960-400a-43ff-baeb-4828c8f5cd3a" providerId="ADAL" clId="{25186994-00F8-734D-8EB0-4EF816F306B7}" dt="2021-03-09T17:00:34.434" v="3047" actId="2696"/>
        <pc:sldMkLst>
          <pc:docMk/>
          <pc:sldMk cId="3370148726" sldId="318"/>
        </pc:sldMkLst>
        <pc:spChg chg="mod">
          <ac:chgData name="Daly Donnacha HSLU I" userId="0f22e960-400a-43ff-baeb-4828c8f5cd3a" providerId="ADAL" clId="{25186994-00F8-734D-8EB0-4EF816F306B7}" dt="2021-03-09T14:43:42.504" v="377" actId="20577"/>
          <ac:spMkLst>
            <pc:docMk/>
            <pc:sldMk cId="3370148726" sldId="318"/>
            <ac:spMk id="2" creationId="{30CD05F9-4416-0343-87CB-21CF33B6A298}"/>
          </ac:spMkLst>
        </pc:spChg>
      </pc:sldChg>
      <pc:sldChg chg="addSp modSp add mod ord">
        <pc:chgData name="Daly Donnacha HSLU I" userId="0f22e960-400a-43ff-baeb-4828c8f5cd3a" providerId="ADAL" clId="{25186994-00F8-734D-8EB0-4EF816F306B7}" dt="2021-03-10T15:08:02.449" v="6836" actId="1038"/>
        <pc:sldMkLst>
          <pc:docMk/>
          <pc:sldMk cId="3509543670" sldId="319"/>
        </pc:sldMkLst>
        <pc:spChg chg="mod">
          <ac:chgData name="Daly Donnacha HSLU I" userId="0f22e960-400a-43ff-baeb-4828c8f5cd3a" providerId="ADAL" clId="{25186994-00F8-734D-8EB0-4EF816F306B7}" dt="2021-03-10T14:56:09.863" v="6099" actId="20577"/>
          <ac:spMkLst>
            <pc:docMk/>
            <pc:sldMk cId="3509543670" sldId="319"/>
            <ac:spMk id="2" creationId="{30CD05F9-4416-0343-87CB-21CF33B6A298}"/>
          </ac:spMkLst>
        </pc:spChg>
        <pc:spChg chg="add mod">
          <ac:chgData name="Daly Donnacha HSLU I" userId="0f22e960-400a-43ff-baeb-4828c8f5cd3a" providerId="ADAL" clId="{25186994-00F8-734D-8EB0-4EF816F306B7}" dt="2021-03-10T14:55:50.308" v="6092"/>
          <ac:spMkLst>
            <pc:docMk/>
            <pc:sldMk cId="3509543670" sldId="319"/>
            <ac:spMk id="4" creationId="{2BC4F55F-6AB0-9546-BFF2-F0C20E558485}"/>
          </ac:spMkLst>
        </pc:spChg>
        <pc:spChg chg="add mod">
          <ac:chgData name="Daly Donnacha HSLU I" userId="0f22e960-400a-43ff-baeb-4828c8f5cd3a" providerId="ADAL" clId="{25186994-00F8-734D-8EB0-4EF816F306B7}" dt="2021-03-10T15:07:53.508" v="6834" actId="1035"/>
          <ac:spMkLst>
            <pc:docMk/>
            <pc:sldMk cId="3509543670" sldId="319"/>
            <ac:spMk id="5" creationId="{FF22A15A-E66D-B94A-B1C1-72726EC95D2B}"/>
          </ac:spMkLst>
        </pc:spChg>
        <pc:spChg chg="add mod">
          <ac:chgData name="Daly Donnacha HSLU I" userId="0f22e960-400a-43ff-baeb-4828c8f5cd3a" providerId="ADAL" clId="{25186994-00F8-734D-8EB0-4EF816F306B7}" dt="2021-03-10T15:08:02.449" v="6836" actId="1038"/>
          <ac:spMkLst>
            <pc:docMk/>
            <pc:sldMk cId="3509543670" sldId="319"/>
            <ac:spMk id="6" creationId="{B16D8032-2101-3849-AA8B-EF898386A935}"/>
          </ac:spMkLst>
        </pc:spChg>
        <pc:picChg chg="add mod modCrop">
          <ac:chgData name="Daly Donnacha HSLU I" userId="0f22e960-400a-43ff-baeb-4828c8f5cd3a" providerId="ADAL" clId="{25186994-00F8-734D-8EB0-4EF816F306B7}" dt="2021-03-10T15:07:46.635" v="6832" actId="14100"/>
          <ac:picMkLst>
            <pc:docMk/>
            <pc:sldMk cId="3509543670" sldId="319"/>
            <ac:picMk id="3" creationId="{F9D98042-FF81-174A-9A04-3602445C64EF}"/>
          </ac:picMkLst>
        </pc:picChg>
      </pc:sldChg>
      <pc:sldChg chg="modSp add del mod ord">
        <pc:chgData name="Daly Donnacha HSLU I" userId="0f22e960-400a-43ff-baeb-4828c8f5cd3a" providerId="ADAL" clId="{25186994-00F8-734D-8EB0-4EF816F306B7}" dt="2021-03-10T14:50:59.469" v="6089" actId="2696"/>
        <pc:sldMkLst>
          <pc:docMk/>
          <pc:sldMk cId="2561309809" sldId="320"/>
        </pc:sldMkLst>
        <pc:spChg chg="mod">
          <ac:chgData name="Daly Donnacha HSLU I" userId="0f22e960-400a-43ff-baeb-4828c8f5cd3a" providerId="ADAL" clId="{25186994-00F8-734D-8EB0-4EF816F306B7}" dt="2021-03-09T17:02:39.151" v="3087" actId="20577"/>
          <ac:spMkLst>
            <pc:docMk/>
            <pc:sldMk cId="2561309809" sldId="320"/>
            <ac:spMk id="2" creationId="{30CD05F9-4416-0343-87CB-21CF33B6A298}"/>
          </ac:spMkLst>
        </pc:spChg>
      </pc:sldChg>
      <pc:sldChg chg="modSp new del mod ord">
        <pc:chgData name="Daly Donnacha HSLU I" userId="0f22e960-400a-43ff-baeb-4828c8f5cd3a" providerId="ADAL" clId="{25186994-00F8-734D-8EB0-4EF816F306B7}" dt="2021-03-10T14:51:03.953" v="6090" actId="2696"/>
        <pc:sldMkLst>
          <pc:docMk/>
          <pc:sldMk cId="3375229692" sldId="321"/>
        </pc:sldMkLst>
        <pc:spChg chg="mod">
          <ac:chgData name="Daly Donnacha HSLU I" userId="0f22e960-400a-43ff-baeb-4828c8f5cd3a" providerId="ADAL" clId="{25186994-00F8-734D-8EB0-4EF816F306B7}" dt="2021-03-09T17:15:20.602" v="3139" actId="20577"/>
          <ac:spMkLst>
            <pc:docMk/>
            <pc:sldMk cId="3375229692" sldId="321"/>
            <ac:spMk id="2" creationId="{2B5DB20E-F1FB-2E44-A773-34643423DBF0}"/>
          </ac:spMkLst>
        </pc:spChg>
      </pc:sldChg>
      <pc:sldChg chg="addSp modSp new mod">
        <pc:chgData name="Daly Donnacha HSLU I" userId="0f22e960-400a-43ff-baeb-4828c8f5cd3a" providerId="ADAL" clId="{25186994-00F8-734D-8EB0-4EF816F306B7}" dt="2021-03-10T14:21:30.386" v="4749" actId="20577"/>
        <pc:sldMkLst>
          <pc:docMk/>
          <pc:sldMk cId="3836711015" sldId="322"/>
        </pc:sldMkLst>
        <pc:spChg chg="mod">
          <ac:chgData name="Daly Donnacha HSLU I" userId="0f22e960-400a-43ff-baeb-4828c8f5cd3a" providerId="ADAL" clId="{25186994-00F8-734D-8EB0-4EF816F306B7}" dt="2021-03-10T14:21:30.386" v="4749" actId="20577"/>
          <ac:spMkLst>
            <pc:docMk/>
            <pc:sldMk cId="3836711015" sldId="322"/>
            <ac:spMk id="2" creationId="{BA96BC0F-DC69-7F45-A10A-68544200C173}"/>
          </ac:spMkLst>
        </pc:spChg>
        <pc:spChg chg="add mod">
          <ac:chgData name="Daly Donnacha HSLU I" userId="0f22e960-400a-43ff-baeb-4828c8f5cd3a" providerId="ADAL" clId="{25186994-00F8-734D-8EB0-4EF816F306B7}" dt="2021-03-09T16:59:21.496" v="3046" actId="20577"/>
          <ac:spMkLst>
            <pc:docMk/>
            <pc:sldMk cId="3836711015" sldId="322"/>
            <ac:spMk id="18" creationId="{30FC8AAD-F14F-8244-BD0D-3D61834FEC79}"/>
          </ac:spMkLst>
        </pc:spChg>
        <pc:spChg chg="add mod">
          <ac:chgData name="Daly Donnacha HSLU I" userId="0f22e960-400a-43ff-baeb-4828c8f5cd3a" providerId="ADAL" clId="{25186994-00F8-734D-8EB0-4EF816F306B7}" dt="2021-03-09T16:58:56.984" v="3036" actId="1035"/>
          <ac:spMkLst>
            <pc:docMk/>
            <pc:sldMk cId="3836711015" sldId="322"/>
            <ac:spMk id="19" creationId="{0039FA5E-A84D-FE4E-B7A2-3FDD9260CC80}"/>
          </ac:spMkLst>
        </pc:spChg>
        <pc:picChg chg="add mod">
          <ac:chgData name="Daly Donnacha HSLU I" userId="0f22e960-400a-43ff-baeb-4828c8f5cd3a" providerId="ADAL" clId="{25186994-00F8-734D-8EB0-4EF816F306B7}" dt="2021-03-09T16:12:52.539" v="815" actId="1035"/>
          <ac:picMkLst>
            <pc:docMk/>
            <pc:sldMk cId="3836711015" sldId="322"/>
            <ac:picMk id="3" creationId="{CB36EA87-76E5-4046-A1DC-232B80823C7F}"/>
          </ac:picMkLst>
        </pc:picChg>
        <pc:picChg chg="add mod">
          <ac:chgData name="Daly Donnacha HSLU I" userId="0f22e960-400a-43ff-baeb-4828c8f5cd3a" providerId="ADAL" clId="{25186994-00F8-734D-8EB0-4EF816F306B7}" dt="2021-03-09T16:12:52.539" v="815" actId="1035"/>
          <ac:picMkLst>
            <pc:docMk/>
            <pc:sldMk cId="3836711015" sldId="322"/>
            <ac:picMk id="4" creationId="{414783F0-3151-134A-88BC-85F26E8FFBA8}"/>
          </ac:picMkLst>
        </pc:picChg>
        <pc:picChg chg="add mod">
          <ac:chgData name="Daly Donnacha HSLU I" userId="0f22e960-400a-43ff-baeb-4828c8f5cd3a" providerId="ADAL" clId="{25186994-00F8-734D-8EB0-4EF816F306B7}" dt="2021-03-09T16:12:52.539" v="815" actId="1035"/>
          <ac:picMkLst>
            <pc:docMk/>
            <pc:sldMk cId="3836711015" sldId="322"/>
            <ac:picMk id="5" creationId="{DAEFB738-8F9F-3A4D-92E9-4787B09B8E10}"/>
          </ac:picMkLst>
        </pc:picChg>
        <pc:picChg chg="add mod">
          <ac:chgData name="Daly Donnacha HSLU I" userId="0f22e960-400a-43ff-baeb-4828c8f5cd3a" providerId="ADAL" clId="{25186994-00F8-734D-8EB0-4EF816F306B7}" dt="2021-03-09T16:12:52.539" v="815" actId="1035"/>
          <ac:picMkLst>
            <pc:docMk/>
            <pc:sldMk cId="3836711015" sldId="322"/>
            <ac:picMk id="6" creationId="{5C932CD3-0E22-1940-B71D-00107DCB570D}"/>
          </ac:picMkLst>
        </pc:picChg>
        <pc:picChg chg="add mod">
          <ac:chgData name="Daly Donnacha HSLU I" userId="0f22e960-400a-43ff-baeb-4828c8f5cd3a" providerId="ADAL" clId="{25186994-00F8-734D-8EB0-4EF816F306B7}" dt="2021-03-09T16:12:52.539" v="815" actId="1035"/>
          <ac:picMkLst>
            <pc:docMk/>
            <pc:sldMk cId="3836711015" sldId="322"/>
            <ac:picMk id="7" creationId="{9924B113-3EBB-474F-BE88-E44E88201D47}"/>
          </ac:picMkLst>
        </pc:picChg>
        <pc:picChg chg="add mod">
          <ac:chgData name="Daly Donnacha HSLU I" userId="0f22e960-400a-43ff-baeb-4828c8f5cd3a" providerId="ADAL" clId="{25186994-00F8-734D-8EB0-4EF816F306B7}" dt="2021-03-09T16:12:52.539" v="815" actId="1035"/>
          <ac:picMkLst>
            <pc:docMk/>
            <pc:sldMk cId="3836711015" sldId="322"/>
            <ac:picMk id="8" creationId="{749DCF6B-80F9-B745-B2D6-9A9FAAB9415F}"/>
          </ac:picMkLst>
        </pc:picChg>
        <pc:picChg chg="add mod">
          <ac:chgData name="Daly Donnacha HSLU I" userId="0f22e960-400a-43ff-baeb-4828c8f5cd3a" providerId="ADAL" clId="{25186994-00F8-734D-8EB0-4EF816F306B7}" dt="2021-03-09T16:12:52.539" v="815" actId="1035"/>
          <ac:picMkLst>
            <pc:docMk/>
            <pc:sldMk cId="3836711015" sldId="322"/>
            <ac:picMk id="9" creationId="{623F70D6-F3D2-274A-9D7C-B0F12549136E}"/>
          </ac:picMkLst>
        </pc:picChg>
        <pc:picChg chg="add mod">
          <ac:chgData name="Daly Donnacha HSLU I" userId="0f22e960-400a-43ff-baeb-4828c8f5cd3a" providerId="ADAL" clId="{25186994-00F8-734D-8EB0-4EF816F306B7}" dt="2021-03-09T16:12:52.539" v="815" actId="1035"/>
          <ac:picMkLst>
            <pc:docMk/>
            <pc:sldMk cId="3836711015" sldId="322"/>
            <ac:picMk id="10" creationId="{BE5DED23-9BBE-9147-9F9D-0AA74BCE649A}"/>
          </ac:picMkLst>
        </pc:picChg>
        <pc:picChg chg="add mod">
          <ac:chgData name="Daly Donnacha HSLU I" userId="0f22e960-400a-43ff-baeb-4828c8f5cd3a" providerId="ADAL" clId="{25186994-00F8-734D-8EB0-4EF816F306B7}" dt="2021-03-09T16:12:52.539" v="815" actId="1035"/>
          <ac:picMkLst>
            <pc:docMk/>
            <pc:sldMk cId="3836711015" sldId="322"/>
            <ac:picMk id="11" creationId="{DD40D25F-4200-4B41-B040-FD0D09AA9145}"/>
          </ac:picMkLst>
        </pc:picChg>
        <pc:picChg chg="add mod">
          <ac:chgData name="Daly Donnacha HSLU I" userId="0f22e960-400a-43ff-baeb-4828c8f5cd3a" providerId="ADAL" clId="{25186994-00F8-734D-8EB0-4EF816F306B7}" dt="2021-03-09T16:12:52.539" v="815" actId="1035"/>
          <ac:picMkLst>
            <pc:docMk/>
            <pc:sldMk cId="3836711015" sldId="322"/>
            <ac:picMk id="12" creationId="{364D3A3B-0425-A246-837B-EE0BBA1A5891}"/>
          </ac:picMkLst>
        </pc:picChg>
        <pc:picChg chg="add mod">
          <ac:chgData name="Daly Donnacha HSLU I" userId="0f22e960-400a-43ff-baeb-4828c8f5cd3a" providerId="ADAL" clId="{25186994-00F8-734D-8EB0-4EF816F306B7}" dt="2021-03-09T16:12:52.539" v="815" actId="1035"/>
          <ac:picMkLst>
            <pc:docMk/>
            <pc:sldMk cId="3836711015" sldId="322"/>
            <ac:picMk id="13" creationId="{6F6EF125-C744-D041-B32C-1BAA54FB48AB}"/>
          </ac:picMkLst>
        </pc:picChg>
        <pc:picChg chg="add mod">
          <ac:chgData name="Daly Donnacha HSLU I" userId="0f22e960-400a-43ff-baeb-4828c8f5cd3a" providerId="ADAL" clId="{25186994-00F8-734D-8EB0-4EF816F306B7}" dt="2021-03-09T16:12:52.539" v="815" actId="1035"/>
          <ac:picMkLst>
            <pc:docMk/>
            <pc:sldMk cId="3836711015" sldId="322"/>
            <ac:picMk id="14" creationId="{FEFAD993-E932-4148-90CF-447DD036E6ED}"/>
          </ac:picMkLst>
        </pc:picChg>
        <pc:picChg chg="add mod">
          <ac:chgData name="Daly Donnacha HSLU I" userId="0f22e960-400a-43ff-baeb-4828c8f5cd3a" providerId="ADAL" clId="{25186994-00F8-734D-8EB0-4EF816F306B7}" dt="2021-03-09T16:12:52.539" v="815" actId="1035"/>
          <ac:picMkLst>
            <pc:docMk/>
            <pc:sldMk cId="3836711015" sldId="322"/>
            <ac:picMk id="15" creationId="{0478B0A4-7274-C44E-AA8E-A616DBFB382F}"/>
          </ac:picMkLst>
        </pc:picChg>
        <pc:picChg chg="add mod">
          <ac:chgData name="Daly Donnacha HSLU I" userId="0f22e960-400a-43ff-baeb-4828c8f5cd3a" providerId="ADAL" clId="{25186994-00F8-734D-8EB0-4EF816F306B7}" dt="2021-03-09T16:12:52.539" v="815" actId="1035"/>
          <ac:picMkLst>
            <pc:docMk/>
            <pc:sldMk cId="3836711015" sldId="322"/>
            <ac:picMk id="16" creationId="{5C6BA5C5-567D-134B-9CDF-CF9EB09637F1}"/>
          </ac:picMkLst>
        </pc:picChg>
        <pc:picChg chg="add mod">
          <ac:chgData name="Daly Donnacha HSLU I" userId="0f22e960-400a-43ff-baeb-4828c8f5cd3a" providerId="ADAL" clId="{25186994-00F8-734D-8EB0-4EF816F306B7}" dt="2021-03-09T16:12:52.539" v="815" actId="1035"/>
          <ac:picMkLst>
            <pc:docMk/>
            <pc:sldMk cId="3836711015" sldId="322"/>
            <ac:picMk id="17" creationId="{B1186A4C-F4AF-BA4E-BA89-AE881E73C595}"/>
          </ac:picMkLst>
        </pc:picChg>
      </pc:sldChg>
      <pc:sldChg chg="addSp delSp modSp new add del mod ord">
        <pc:chgData name="Daly Donnacha HSLU I" userId="0f22e960-400a-43ff-baeb-4828c8f5cd3a" providerId="ADAL" clId="{25186994-00F8-734D-8EB0-4EF816F306B7}" dt="2021-03-10T18:49:45.938" v="8037" actId="2696"/>
        <pc:sldMkLst>
          <pc:docMk/>
          <pc:sldMk cId="3567552556" sldId="323"/>
        </pc:sldMkLst>
        <pc:spChg chg="mod">
          <ac:chgData name="Daly Donnacha HSLU I" userId="0f22e960-400a-43ff-baeb-4828c8f5cd3a" providerId="ADAL" clId="{25186994-00F8-734D-8EB0-4EF816F306B7}" dt="2021-03-10T18:33:29.422" v="7384" actId="20577"/>
          <ac:spMkLst>
            <pc:docMk/>
            <pc:sldMk cId="3567552556" sldId="323"/>
            <ac:spMk id="2" creationId="{1F138148-9BBE-A043-8355-3E8D68D4ADC6}"/>
          </ac:spMkLst>
        </pc:spChg>
        <pc:spChg chg="add del mod">
          <ac:chgData name="Daly Donnacha HSLU I" userId="0f22e960-400a-43ff-baeb-4828c8f5cd3a" providerId="ADAL" clId="{25186994-00F8-734D-8EB0-4EF816F306B7}" dt="2021-03-09T14:50:42.611" v="457"/>
          <ac:spMkLst>
            <pc:docMk/>
            <pc:sldMk cId="3567552556" sldId="323"/>
            <ac:spMk id="3" creationId="{FCDB04FD-FAED-544B-91B1-0501097736EC}"/>
          </ac:spMkLst>
        </pc:spChg>
        <pc:spChg chg="add del mod">
          <ac:chgData name="Daly Donnacha HSLU I" userId="0f22e960-400a-43ff-baeb-4828c8f5cd3a" providerId="ADAL" clId="{25186994-00F8-734D-8EB0-4EF816F306B7}" dt="2021-03-09T14:50:42.611" v="457"/>
          <ac:spMkLst>
            <pc:docMk/>
            <pc:sldMk cId="3567552556" sldId="323"/>
            <ac:spMk id="4" creationId="{783E53B2-F43F-6349-9A1E-ED1A17FB66C1}"/>
          </ac:spMkLst>
        </pc:spChg>
        <pc:spChg chg="add del mod">
          <ac:chgData name="Daly Donnacha HSLU I" userId="0f22e960-400a-43ff-baeb-4828c8f5cd3a" providerId="ADAL" clId="{25186994-00F8-734D-8EB0-4EF816F306B7}" dt="2021-03-09T14:50:42.611" v="457"/>
          <ac:spMkLst>
            <pc:docMk/>
            <pc:sldMk cId="3567552556" sldId="323"/>
            <ac:spMk id="13" creationId="{47F687B0-2D85-9349-94FD-756AFD1F78E6}"/>
          </ac:spMkLst>
        </pc:spChg>
        <pc:spChg chg="add del mod">
          <ac:chgData name="Daly Donnacha HSLU I" userId="0f22e960-400a-43ff-baeb-4828c8f5cd3a" providerId="ADAL" clId="{25186994-00F8-734D-8EB0-4EF816F306B7}" dt="2021-03-09T14:50:42.611" v="457"/>
          <ac:spMkLst>
            <pc:docMk/>
            <pc:sldMk cId="3567552556" sldId="323"/>
            <ac:spMk id="14" creationId="{BCFE632A-14A2-F541-9663-31291A4DD677}"/>
          </ac:spMkLst>
        </pc:spChg>
        <pc:spChg chg="add del mod">
          <ac:chgData name="Daly Donnacha HSLU I" userId="0f22e960-400a-43ff-baeb-4828c8f5cd3a" providerId="ADAL" clId="{25186994-00F8-734D-8EB0-4EF816F306B7}" dt="2021-03-09T14:50:47.380" v="459" actId="478"/>
          <ac:spMkLst>
            <pc:docMk/>
            <pc:sldMk cId="3567552556" sldId="323"/>
            <ac:spMk id="15" creationId="{64113EB1-5F86-D242-B7F1-F6559976D0D6}"/>
          </ac:spMkLst>
        </pc:spChg>
        <pc:spChg chg="add del mod">
          <ac:chgData name="Daly Donnacha HSLU I" userId="0f22e960-400a-43ff-baeb-4828c8f5cd3a" providerId="ADAL" clId="{25186994-00F8-734D-8EB0-4EF816F306B7}" dt="2021-03-10T18:46:18.198" v="7878" actId="21"/>
          <ac:spMkLst>
            <pc:docMk/>
            <pc:sldMk cId="3567552556" sldId="323"/>
            <ac:spMk id="16" creationId="{36AC4C03-0754-D544-A806-8303BAA4C9CD}"/>
          </ac:spMkLst>
        </pc:spChg>
        <pc:spChg chg="add mod">
          <ac:chgData name="Daly Donnacha HSLU I" userId="0f22e960-400a-43ff-baeb-4828c8f5cd3a" providerId="ADAL" clId="{25186994-00F8-734D-8EB0-4EF816F306B7}" dt="2021-03-09T14:50:44.912" v="458"/>
          <ac:spMkLst>
            <pc:docMk/>
            <pc:sldMk cId="3567552556" sldId="323"/>
            <ac:spMk id="25" creationId="{4C05833B-BEE7-4B4A-B012-ADFA839DF850}"/>
          </ac:spMkLst>
        </pc:spChg>
        <pc:spChg chg="add mod">
          <ac:chgData name="Daly Donnacha HSLU I" userId="0f22e960-400a-43ff-baeb-4828c8f5cd3a" providerId="ADAL" clId="{25186994-00F8-734D-8EB0-4EF816F306B7}" dt="2021-03-09T14:50:44.912" v="458"/>
          <ac:spMkLst>
            <pc:docMk/>
            <pc:sldMk cId="3567552556" sldId="323"/>
            <ac:spMk id="26" creationId="{7B5C0EFC-CAA0-A241-B0F2-5EA112AD9714}"/>
          </ac:spMkLst>
        </pc:spChg>
        <pc:picChg chg="add del mod">
          <ac:chgData name="Daly Donnacha HSLU I" userId="0f22e960-400a-43ff-baeb-4828c8f5cd3a" providerId="ADAL" clId="{25186994-00F8-734D-8EB0-4EF816F306B7}" dt="2021-03-09T14:50:42.611" v="457"/>
          <ac:picMkLst>
            <pc:docMk/>
            <pc:sldMk cId="3567552556" sldId="323"/>
            <ac:picMk id="5" creationId="{C69C3A9C-09EE-5C4F-BA50-048F2C89793F}"/>
          </ac:picMkLst>
        </pc:picChg>
        <pc:picChg chg="add mod">
          <ac:chgData name="Daly Donnacha HSLU I" userId="0f22e960-400a-43ff-baeb-4828c8f5cd3a" providerId="ADAL" clId="{25186994-00F8-734D-8EB0-4EF816F306B7}" dt="2021-03-09T14:50:44.912" v="458"/>
          <ac:picMkLst>
            <pc:docMk/>
            <pc:sldMk cId="3567552556" sldId="323"/>
            <ac:picMk id="17" creationId="{E7706912-150B-9445-A559-8D9C7261212A}"/>
          </ac:picMkLst>
        </pc:picChg>
        <pc:cxnChg chg="add del mod">
          <ac:chgData name="Daly Donnacha HSLU I" userId="0f22e960-400a-43ff-baeb-4828c8f5cd3a" providerId="ADAL" clId="{25186994-00F8-734D-8EB0-4EF816F306B7}" dt="2021-03-09T14:50:42.611" v="457"/>
          <ac:cxnSpMkLst>
            <pc:docMk/>
            <pc:sldMk cId="3567552556" sldId="323"/>
            <ac:cxnSpMk id="6" creationId="{A039A9D3-F330-2D4E-94C4-6199F76C203E}"/>
          </ac:cxnSpMkLst>
        </pc:cxnChg>
        <pc:cxnChg chg="add del mod">
          <ac:chgData name="Daly Donnacha HSLU I" userId="0f22e960-400a-43ff-baeb-4828c8f5cd3a" providerId="ADAL" clId="{25186994-00F8-734D-8EB0-4EF816F306B7}" dt="2021-03-09T14:50:42.611" v="457"/>
          <ac:cxnSpMkLst>
            <pc:docMk/>
            <pc:sldMk cId="3567552556" sldId="323"/>
            <ac:cxnSpMk id="7" creationId="{20D55C35-1866-C941-9A36-52A26851CD3D}"/>
          </ac:cxnSpMkLst>
        </pc:cxnChg>
        <pc:cxnChg chg="add del mod">
          <ac:chgData name="Daly Donnacha HSLU I" userId="0f22e960-400a-43ff-baeb-4828c8f5cd3a" providerId="ADAL" clId="{25186994-00F8-734D-8EB0-4EF816F306B7}" dt="2021-03-09T14:50:42.611" v="457"/>
          <ac:cxnSpMkLst>
            <pc:docMk/>
            <pc:sldMk cId="3567552556" sldId="323"/>
            <ac:cxnSpMk id="8" creationId="{45B86F8F-415F-BD45-B534-E2E614DB1BF3}"/>
          </ac:cxnSpMkLst>
        </pc:cxnChg>
        <pc:cxnChg chg="add del mod">
          <ac:chgData name="Daly Donnacha HSLU I" userId="0f22e960-400a-43ff-baeb-4828c8f5cd3a" providerId="ADAL" clId="{25186994-00F8-734D-8EB0-4EF816F306B7}" dt="2021-03-09T14:50:42.611" v="457"/>
          <ac:cxnSpMkLst>
            <pc:docMk/>
            <pc:sldMk cId="3567552556" sldId="323"/>
            <ac:cxnSpMk id="9" creationId="{A308A513-17AF-9248-8AAE-EBD07945DE16}"/>
          </ac:cxnSpMkLst>
        </pc:cxnChg>
        <pc:cxnChg chg="add del mod">
          <ac:chgData name="Daly Donnacha HSLU I" userId="0f22e960-400a-43ff-baeb-4828c8f5cd3a" providerId="ADAL" clId="{25186994-00F8-734D-8EB0-4EF816F306B7}" dt="2021-03-09T14:50:42.611" v="457"/>
          <ac:cxnSpMkLst>
            <pc:docMk/>
            <pc:sldMk cId="3567552556" sldId="323"/>
            <ac:cxnSpMk id="10" creationId="{7E0D6618-12C3-1849-8614-AA040D841E35}"/>
          </ac:cxnSpMkLst>
        </pc:cxnChg>
        <pc:cxnChg chg="add del mod">
          <ac:chgData name="Daly Donnacha HSLU I" userId="0f22e960-400a-43ff-baeb-4828c8f5cd3a" providerId="ADAL" clId="{25186994-00F8-734D-8EB0-4EF816F306B7}" dt="2021-03-09T14:50:42.611" v="457"/>
          <ac:cxnSpMkLst>
            <pc:docMk/>
            <pc:sldMk cId="3567552556" sldId="323"/>
            <ac:cxnSpMk id="11" creationId="{71EF1742-069C-464B-AF20-2B0A5640D8C7}"/>
          </ac:cxnSpMkLst>
        </pc:cxnChg>
        <pc:cxnChg chg="add del mod">
          <ac:chgData name="Daly Donnacha HSLU I" userId="0f22e960-400a-43ff-baeb-4828c8f5cd3a" providerId="ADAL" clId="{25186994-00F8-734D-8EB0-4EF816F306B7}" dt="2021-03-09T14:50:42.611" v="457"/>
          <ac:cxnSpMkLst>
            <pc:docMk/>
            <pc:sldMk cId="3567552556" sldId="323"/>
            <ac:cxnSpMk id="12" creationId="{7082DD1C-CC2F-BD4E-A586-47259FA171C4}"/>
          </ac:cxnSpMkLst>
        </pc:cxnChg>
        <pc:cxnChg chg="add mod">
          <ac:chgData name="Daly Donnacha HSLU I" userId="0f22e960-400a-43ff-baeb-4828c8f5cd3a" providerId="ADAL" clId="{25186994-00F8-734D-8EB0-4EF816F306B7}" dt="2021-03-09T14:50:44.912" v="458"/>
          <ac:cxnSpMkLst>
            <pc:docMk/>
            <pc:sldMk cId="3567552556" sldId="323"/>
            <ac:cxnSpMk id="18" creationId="{203313D0-7E59-B348-845A-C41FA0E63024}"/>
          </ac:cxnSpMkLst>
        </pc:cxnChg>
        <pc:cxnChg chg="add mod">
          <ac:chgData name="Daly Donnacha HSLU I" userId="0f22e960-400a-43ff-baeb-4828c8f5cd3a" providerId="ADAL" clId="{25186994-00F8-734D-8EB0-4EF816F306B7}" dt="2021-03-09T14:50:44.912" v="458"/>
          <ac:cxnSpMkLst>
            <pc:docMk/>
            <pc:sldMk cId="3567552556" sldId="323"/>
            <ac:cxnSpMk id="19" creationId="{690F23EC-89EC-434C-9C1F-69673914A457}"/>
          </ac:cxnSpMkLst>
        </pc:cxnChg>
        <pc:cxnChg chg="add mod">
          <ac:chgData name="Daly Donnacha HSLU I" userId="0f22e960-400a-43ff-baeb-4828c8f5cd3a" providerId="ADAL" clId="{25186994-00F8-734D-8EB0-4EF816F306B7}" dt="2021-03-09T14:50:44.912" v="458"/>
          <ac:cxnSpMkLst>
            <pc:docMk/>
            <pc:sldMk cId="3567552556" sldId="323"/>
            <ac:cxnSpMk id="20" creationId="{A3CFF6EB-935A-C947-B99E-B7B04793BAFD}"/>
          </ac:cxnSpMkLst>
        </pc:cxnChg>
        <pc:cxnChg chg="add mod">
          <ac:chgData name="Daly Donnacha HSLU I" userId="0f22e960-400a-43ff-baeb-4828c8f5cd3a" providerId="ADAL" clId="{25186994-00F8-734D-8EB0-4EF816F306B7}" dt="2021-03-09T14:50:44.912" v="458"/>
          <ac:cxnSpMkLst>
            <pc:docMk/>
            <pc:sldMk cId="3567552556" sldId="323"/>
            <ac:cxnSpMk id="21" creationId="{05CD7743-2832-8642-B568-8CF8A411F1B9}"/>
          </ac:cxnSpMkLst>
        </pc:cxnChg>
        <pc:cxnChg chg="add mod">
          <ac:chgData name="Daly Donnacha HSLU I" userId="0f22e960-400a-43ff-baeb-4828c8f5cd3a" providerId="ADAL" clId="{25186994-00F8-734D-8EB0-4EF816F306B7}" dt="2021-03-09T14:50:44.912" v="458"/>
          <ac:cxnSpMkLst>
            <pc:docMk/>
            <pc:sldMk cId="3567552556" sldId="323"/>
            <ac:cxnSpMk id="22" creationId="{5EFDCAF8-BD99-EE43-A31D-FA5E6F6E5EEE}"/>
          </ac:cxnSpMkLst>
        </pc:cxnChg>
        <pc:cxnChg chg="add mod">
          <ac:chgData name="Daly Donnacha HSLU I" userId="0f22e960-400a-43ff-baeb-4828c8f5cd3a" providerId="ADAL" clId="{25186994-00F8-734D-8EB0-4EF816F306B7}" dt="2021-03-09T14:50:44.912" v="458"/>
          <ac:cxnSpMkLst>
            <pc:docMk/>
            <pc:sldMk cId="3567552556" sldId="323"/>
            <ac:cxnSpMk id="23" creationId="{64B904C3-B82F-1542-ADFE-977BE367352A}"/>
          </ac:cxnSpMkLst>
        </pc:cxnChg>
        <pc:cxnChg chg="add mod">
          <ac:chgData name="Daly Donnacha HSLU I" userId="0f22e960-400a-43ff-baeb-4828c8f5cd3a" providerId="ADAL" clId="{25186994-00F8-734D-8EB0-4EF816F306B7}" dt="2021-03-09T14:50:44.912" v="458"/>
          <ac:cxnSpMkLst>
            <pc:docMk/>
            <pc:sldMk cId="3567552556" sldId="323"/>
            <ac:cxnSpMk id="24" creationId="{68334256-16B7-4D46-B2CD-D1F9D6C4EF44}"/>
          </ac:cxnSpMkLst>
        </pc:cxnChg>
      </pc:sldChg>
      <pc:sldChg chg="addSp modSp new del">
        <pc:chgData name="Daly Donnacha HSLU I" userId="0f22e960-400a-43ff-baeb-4828c8f5cd3a" providerId="ADAL" clId="{25186994-00F8-734D-8EB0-4EF816F306B7}" dt="2021-03-09T16:48:01.974" v="2818" actId="2696"/>
        <pc:sldMkLst>
          <pc:docMk/>
          <pc:sldMk cId="2373486962" sldId="324"/>
        </pc:sldMkLst>
        <pc:spChg chg="add mod">
          <ac:chgData name="Daly Donnacha HSLU I" userId="0f22e960-400a-43ff-baeb-4828c8f5cd3a" providerId="ADAL" clId="{25186994-00F8-734D-8EB0-4EF816F306B7}" dt="2021-03-09T14:51:23.248" v="461"/>
          <ac:spMkLst>
            <pc:docMk/>
            <pc:sldMk cId="2373486962" sldId="324"/>
            <ac:spMk id="4" creationId="{D96B790E-1AA2-594E-861A-B9487AD746EA}"/>
          </ac:spMkLst>
        </pc:spChg>
        <pc:graphicFrameChg chg="add mod">
          <ac:chgData name="Daly Donnacha HSLU I" userId="0f22e960-400a-43ff-baeb-4828c8f5cd3a" providerId="ADAL" clId="{25186994-00F8-734D-8EB0-4EF816F306B7}" dt="2021-03-09T14:51:23.248" v="461"/>
          <ac:graphicFrameMkLst>
            <pc:docMk/>
            <pc:sldMk cId="2373486962" sldId="324"/>
            <ac:graphicFrameMk id="3" creationId="{919C9CF3-5B81-454F-8464-38B2A2164C01}"/>
          </ac:graphicFrameMkLst>
        </pc:graphicFrameChg>
        <pc:picChg chg="add mod">
          <ac:chgData name="Daly Donnacha HSLU I" userId="0f22e960-400a-43ff-baeb-4828c8f5cd3a" providerId="ADAL" clId="{25186994-00F8-734D-8EB0-4EF816F306B7}" dt="2021-03-09T14:51:23.248" v="461"/>
          <ac:picMkLst>
            <pc:docMk/>
            <pc:sldMk cId="2373486962" sldId="324"/>
            <ac:picMk id="5" creationId="{19184B13-1641-B649-84D9-7E86F33F3F2C}"/>
          </ac:picMkLst>
        </pc:picChg>
      </pc:sldChg>
      <pc:sldChg chg="addSp delSp modSp new mod ord">
        <pc:chgData name="Daly Donnacha HSLU I" userId="0f22e960-400a-43ff-baeb-4828c8f5cd3a" providerId="ADAL" clId="{25186994-00F8-734D-8EB0-4EF816F306B7}" dt="2021-03-11T06:13:54.451" v="16307" actId="14100"/>
        <pc:sldMkLst>
          <pc:docMk/>
          <pc:sldMk cId="543087964" sldId="325"/>
        </pc:sldMkLst>
        <pc:spChg chg="mod">
          <ac:chgData name="Daly Donnacha HSLU I" userId="0f22e960-400a-43ff-baeb-4828c8f5cd3a" providerId="ADAL" clId="{25186994-00F8-734D-8EB0-4EF816F306B7}" dt="2021-03-11T05:04:47.799" v="15016" actId="20577"/>
          <ac:spMkLst>
            <pc:docMk/>
            <pc:sldMk cId="543087964" sldId="325"/>
            <ac:spMk id="2" creationId="{937323E2-E6D0-1F48-A383-3EFFC962F8E2}"/>
          </ac:spMkLst>
        </pc:spChg>
        <pc:spChg chg="add del mod">
          <ac:chgData name="Daly Donnacha HSLU I" userId="0f22e960-400a-43ff-baeb-4828c8f5cd3a" providerId="ADAL" clId="{25186994-00F8-734D-8EB0-4EF816F306B7}" dt="2021-03-11T05:17:31.425" v="15039" actId="478"/>
          <ac:spMkLst>
            <pc:docMk/>
            <pc:sldMk cId="543087964" sldId="325"/>
            <ac:spMk id="3" creationId="{07C65F7D-D2A5-5C48-803D-3E56DF3422D2}"/>
          </ac:spMkLst>
        </pc:spChg>
        <pc:spChg chg="add mod">
          <ac:chgData name="Daly Donnacha HSLU I" userId="0f22e960-400a-43ff-baeb-4828c8f5cd3a" providerId="ADAL" clId="{25186994-00F8-734D-8EB0-4EF816F306B7}" dt="2021-03-09T14:51:59.397" v="463"/>
          <ac:spMkLst>
            <pc:docMk/>
            <pc:sldMk cId="543087964" sldId="325"/>
            <ac:spMk id="4" creationId="{2F8BE739-E539-EE4E-BB2F-DC28B399E0A6}"/>
          </ac:spMkLst>
        </pc:spChg>
        <pc:spChg chg="add mod">
          <ac:chgData name="Daly Donnacha HSLU I" userId="0f22e960-400a-43ff-baeb-4828c8f5cd3a" providerId="ADAL" clId="{25186994-00F8-734D-8EB0-4EF816F306B7}" dt="2021-03-09T14:51:59.397" v="463"/>
          <ac:spMkLst>
            <pc:docMk/>
            <pc:sldMk cId="543087964" sldId="325"/>
            <ac:spMk id="5" creationId="{0A8185BC-4080-214A-A081-DE2CB55A9FCA}"/>
          </ac:spMkLst>
        </pc:spChg>
        <pc:spChg chg="add del mod">
          <ac:chgData name="Daly Donnacha HSLU I" userId="0f22e960-400a-43ff-baeb-4828c8f5cd3a" providerId="ADAL" clId="{25186994-00F8-734D-8EB0-4EF816F306B7}" dt="2021-03-10T18:01:35.845" v="6843" actId="478"/>
          <ac:spMkLst>
            <pc:docMk/>
            <pc:sldMk cId="543087964" sldId="325"/>
            <ac:spMk id="6" creationId="{37318051-BE6F-CE47-BB09-56DEA60A1B5C}"/>
          </ac:spMkLst>
        </pc:spChg>
        <pc:spChg chg="add del mod">
          <ac:chgData name="Daly Donnacha HSLU I" userId="0f22e960-400a-43ff-baeb-4828c8f5cd3a" providerId="ADAL" clId="{25186994-00F8-734D-8EB0-4EF816F306B7}" dt="2021-03-11T05:33:54.036" v="15171" actId="478"/>
          <ac:spMkLst>
            <pc:docMk/>
            <pc:sldMk cId="543087964" sldId="325"/>
            <ac:spMk id="8" creationId="{94E105FA-C188-8541-8FB1-E6B684DD9AFC}"/>
          </ac:spMkLst>
        </pc:spChg>
        <pc:spChg chg="add del mod">
          <ac:chgData name="Daly Donnacha HSLU I" userId="0f22e960-400a-43ff-baeb-4828c8f5cd3a" providerId="ADAL" clId="{25186994-00F8-734D-8EB0-4EF816F306B7}" dt="2021-03-10T18:01:35.845" v="6843" actId="478"/>
          <ac:spMkLst>
            <pc:docMk/>
            <pc:sldMk cId="543087964" sldId="325"/>
            <ac:spMk id="11" creationId="{385154FB-DB50-F848-9E42-E41A9A95EC10}"/>
          </ac:spMkLst>
        </pc:spChg>
        <pc:spChg chg="add del mod">
          <ac:chgData name="Daly Donnacha HSLU I" userId="0f22e960-400a-43ff-baeb-4828c8f5cd3a" providerId="ADAL" clId="{25186994-00F8-734D-8EB0-4EF816F306B7}" dt="2021-03-10T18:01:35.845" v="6843" actId="478"/>
          <ac:spMkLst>
            <pc:docMk/>
            <pc:sldMk cId="543087964" sldId="325"/>
            <ac:spMk id="12" creationId="{50FF96A4-1921-374C-B8F8-D22943F8995E}"/>
          </ac:spMkLst>
        </pc:spChg>
        <pc:spChg chg="add mod">
          <ac:chgData name="Daly Donnacha HSLU I" userId="0f22e960-400a-43ff-baeb-4828c8f5cd3a" providerId="ADAL" clId="{25186994-00F8-734D-8EB0-4EF816F306B7}" dt="2021-03-09T14:51:59.397" v="463"/>
          <ac:spMkLst>
            <pc:docMk/>
            <pc:sldMk cId="543087964" sldId="325"/>
            <ac:spMk id="14" creationId="{B0E8A93E-42BA-C544-92D2-1F07F7CB175D}"/>
          </ac:spMkLst>
        </pc:spChg>
        <pc:spChg chg="add mod">
          <ac:chgData name="Daly Donnacha HSLU I" userId="0f22e960-400a-43ff-baeb-4828c8f5cd3a" providerId="ADAL" clId="{25186994-00F8-734D-8EB0-4EF816F306B7}" dt="2021-03-09T14:51:59.397" v="463"/>
          <ac:spMkLst>
            <pc:docMk/>
            <pc:sldMk cId="543087964" sldId="325"/>
            <ac:spMk id="15" creationId="{0822534E-A2CD-D34B-AF16-AD26126C71F9}"/>
          </ac:spMkLst>
        </pc:spChg>
        <pc:spChg chg="add mod">
          <ac:chgData name="Daly Donnacha HSLU I" userId="0f22e960-400a-43ff-baeb-4828c8f5cd3a" providerId="ADAL" clId="{25186994-00F8-734D-8EB0-4EF816F306B7}" dt="2021-03-11T06:13:34.448" v="16304" actId="20577"/>
          <ac:spMkLst>
            <pc:docMk/>
            <pc:sldMk cId="543087964" sldId="325"/>
            <ac:spMk id="16" creationId="{873421C8-43AF-B74A-A0A1-23590608A7A5}"/>
          </ac:spMkLst>
        </pc:spChg>
        <pc:spChg chg="add mod">
          <ac:chgData name="Daly Donnacha HSLU I" userId="0f22e960-400a-43ff-baeb-4828c8f5cd3a" providerId="ADAL" clId="{25186994-00F8-734D-8EB0-4EF816F306B7}" dt="2021-03-11T06:13:54.451" v="16307" actId="14100"/>
          <ac:spMkLst>
            <pc:docMk/>
            <pc:sldMk cId="543087964" sldId="325"/>
            <ac:spMk id="17" creationId="{D8344EBB-04E1-A846-A4A1-852A52141AAB}"/>
          </ac:spMkLst>
        </pc:spChg>
        <pc:spChg chg="add mod">
          <ac:chgData name="Daly Donnacha HSLU I" userId="0f22e960-400a-43ff-baeb-4828c8f5cd3a" providerId="ADAL" clId="{25186994-00F8-734D-8EB0-4EF816F306B7}" dt="2021-03-11T05:17:07.495" v="15029" actId="1038"/>
          <ac:spMkLst>
            <pc:docMk/>
            <pc:sldMk cId="543087964" sldId="325"/>
            <ac:spMk id="19" creationId="{8719CDC2-F70B-7545-9657-1BFF57FAEB16}"/>
          </ac:spMkLst>
        </pc:spChg>
        <pc:spChg chg="add mod">
          <ac:chgData name="Daly Donnacha HSLU I" userId="0f22e960-400a-43ff-baeb-4828c8f5cd3a" providerId="ADAL" clId="{25186994-00F8-734D-8EB0-4EF816F306B7}" dt="2021-03-11T05:17:07.495" v="15029" actId="1038"/>
          <ac:spMkLst>
            <pc:docMk/>
            <pc:sldMk cId="543087964" sldId="325"/>
            <ac:spMk id="20" creationId="{2A23AFC3-232B-B644-AFDB-29EF7CEC9999}"/>
          </ac:spMkLst>
        </pc:spChg>
        <pc:spChg chg="add mod">
          <ac:chgData name="Daly Donnacha HSLU I" userId="0f22e960-400a-43ff-baeb-4828c8f5cd3a" providerId="ADAL" clId="{25186994-00F8-734D-8EB0-4EF816F306B7}" dt="2021-03-11T05:35:22.330" v="15174" actId="14100"/>
          <ac:spMkLst>
            <pc:docMk/>
            <pc:sldMk cId="543087964" sldId="325"/>
            <ac:spMk id="23" creationId="{D24A8551-D317-464D-A539-465F52A50DAF}"/>
          </ac:spMkLst>
        </pc:spChg>
        <pc:picChg chg="add del mod">
          <ac:chgData name="Daly Donnacha HSLU I" userId="0f22e960-400a-43ff-baeb-4828c8f5cd3a" providerId="ADAL" clId="{25186994-00F8-734D-8EB0-4EF816F306B7}" dt="2021-03-10T18:01:35.845" v="6843" actId="478"/>
          <ac:picMkLst>
            <pc:docMk/>
            <pc:sldMk cId="543087964" sldId="325"/>
            <ac:picMk id="7" creationId="{81E69AEB-43CA-044E-A937-073B48922F7F}"/>
          </ac:picMkLst>
        </pc:picChg>
        <pc:picChg chg="add del mod">
          <ac:chgData name="Daly Donnacha HSLU I" userId="0f22e960-400a-43ff-baeb-4828c8f5cd3a" providerId="ADAL" clId="{25186994-00F8-734D-8EB0-4EF816F306B7}" dt="2021-03-10T18:01:35.845" v="6843" actId="478"/>
          <ac:picMkLst>
            <pc:docMk/>
            <pc:sldMk cId="543087964" sldId="325"/>
            <ac:picMk id="9" creationId="{4C124282-851B-3A49-B833-1C8D90113FAE}"/>
          </ac:picMkLst>
        </pc:picChg>
        <pc:picChg chg="add del mod">
          <ac:chgData name="Daly Donnacha HSLU I" userId="0f22e960-400a-43ff-baeb-4828c8f5cd3a" providerId="ADAL" clId="{25186994-00F8-734D-8EB0-4EF816F306B7}" dt="2021-03-10T18:01:35.845" v="6843" actId="478"/>
          <ac:picMkLst>
            <pc:docMk/>
            <pc:sldMk cId="543087964" sldId="325"/>
            <ac:picMk id="10" creationId="{1895385B-2C1C-B543-9299-8D95D4940926}"/>
          </ac:picMkLst>
        </pc:picChg>
        <pc:picChg chg="add del mod">
          <ac:chgData name="Daly Donnacha HSLU I" userId="0f22e960-400a-43ff-baeb-4828c8f5cd3a" providerId="ADAL" clId="{25186994-00F8-734D-8EB0-4EF816F306B7}" dt="2021-03-11T05:16:31.617" v="15021" actId="478"/>
          <ac:picMkLst>
            <pc:docMk/>
            <pc:sldMk cId="543087964" sldId="325"/>
            <ac:picMk id="12" creationId="{66B2958D-A404-5F40-95E9-A723C9BC26B0}"/>
          </ac:picMkLst>
        </pc:picChg>
        <pc:picChg chg="add mod">
          <ac:chgData name="Daly Donnacha HSLU I" userId="0f22e960-400a-43ff-baeb-4828c8f5cd3a" providerId="ADAL" clId="{25186994-00F8-734D-8EB0-4EF816F306B7}" dt="2021-03-09T14:51:59.397" v="463"/>
          <ac:picMkLst>
            <pc:docMk/>
            <pc:sldMk cId="543087964" sldId="325"/>
            <ac:picMk id="13" creationId="{3904DBE6-A34F-5B43-B525-EE1031180A86}"/>
          </ac:picMkLst>
        </pc:picChg>
        <pc:picChg chg="add mod">
          <ac:chgData name="Daly Donnacha HSLU I" userId="0f22e960-400a-43ff-baeb-4828c8f5cd3a" providerId="ADAL" clId="{25186994-00F8-734D-8EB0-4EF816F306B7}" dt="2021-03-11T05:17:07.495" v="15029" actId="1038"/>
          <ac:picMkLst>
            <pc:docMk/>
            <pc:sldMk cId="543087964" sldId="325"/>
            <ac:picMk id="18" creationId="{2182E212-C74E-BF4D-A535-66D12AC1E217}"/>
          </ac:picMkLst>
        </pc:picChg>
        <pc:cxnChg chg="add mod">
          <ac:chgData name="Daly Donnacha HSLU I" userId="0f22e960-400a-43ff-baeb-4828c8f5cd3a" providerId="ADAL" clId="{25186994-00F8-734D-8EB0-4EF816F306B7}" dt="2021-03-11T05:17:07.495" v="15029" actId="1038"/>
          <ac:cxnSpMkLst>
            <pc:docMk/>
            <pc:sldMk cId="543087964" sldId="325"/>
            <ac:cxnSpMk id="21" creationId="{EF1DF42E-8A1B-B44C-BEFD-596BE3B78E77}"/>
          </ac:cxnSpMkLst>
        </pc:cxnChg>
        <pc:cxnChg chg="add mod">
          <ac:chgData name="Daly Donnacha HSLU I" userId="0f22e960-400a-43ff-baeb-4828c8f5cd3a" providerId="ADAL" clId="{25186994-00F8-734D-8EB0-4EF816F306B7}" dt="2021-03-11T05:17:07.495" v="15029" actId="1038"/>
          <ac:cxnSpMkLst>
            <pc:docMk/>
            <pc:sldMk cId="543087964" sldId="325"/>
            <ac:cxnSpMk id="22" creationId="{C2FA0CA7-775A-1C4F-B635-00545A20C39D}"/>
          </ac:cxnSpMkLst>
        </pc:cxnChg>
      </pc:sldChg>
      <pc:sldChg chg="addSp modSp new add del ord">
        <pc:chgData name="Daly Donnacha HSLU I" userId="0f22e960-400a-43ff-baeb-4828c8f5cd3a" providerId="ADAL" clId="{25186994-00F8-734D-8EB0-4EF816F306B7}" dt="2021-03-10T18:55:15.045" v="8156" actId="2696"/>
        <pc:sldMkLst>
          <pc:docMk/>
          <pc:sldMk cId="794441783" sldId="326"/>
        </pc:sldMkLst>
        <pc:graphicFrameChg chg="add mod">
          <ac:chgData name="Daly Donnacha HSLU I" userId="0f22e960-400a-43ff-baeb-4828c8f5cd3a" providerId="ADAL" clId="{25186994-00F8-734D-8EB0-4EF816F306B7}" dt="2021-03-09T14:55:11.867" v="465"/>
          <ac:graphicFrameMkLst>
            <pc:docMk/>
            <pc:sldMk cId="794441783" sldId="326"/>
            <ac:graphicFrameMk id="3" creationId="{5CEEDC91-1C76-194C-8928-BF8C05E955A3}"/>
          </ac:graphicFrameMkLst>
        </pc:graphicFrameChg>
      </pc:sldChg>
      <pc:sldChg chg="addSp modSp new del">
        <pc:chgData name="Daly Donnacha HSLU I" userId="0f22e960-400a-43ff-baeb-4828c8f5cd3a" providerId="ADAL" clId="{25186994-00F8-734D-8EB0-4EF816F306B7}" dt="2021-03-10T18:55:26.663" v="8158" actId="2696"/>
        <pc:sldMkLst>
          <pc:docMk/>
          <pc:sldMk cId="961084533" sldId="327"/>
        </pc:sldMkLst>
        <pc:picChg chg="add mod">
          <ac:chgData name="Daly Donnacha HSLU I" userId="0f22e960-400a-43ff-baeb-4828c8f5cd3a" providerId="ADAL" clId="{25186994-00F8-734D-8EB0-4EF816F306B7}" dt="2021-03-09T14:55:36.492" v="467"/>
          <ac:picMkLst>
            <pc:docMk/>
            <pc:sldMk cId="961084533" sldId="327"/>
            <ac:picMk id="3" creationId="{B688A9D6-BD38-324D-9B8A-88AA4BF6AF71}"/>
          </ac:picMkLst>
        </pc:picChg>
        <pc:picChg chg="add mod">
          <ac:chgData name="Daly Donnacha HSLU I" userId="0f22e960-400a-43ff-baeb-4828c8f5cd3a" providerId="ADAL" clId="{25186994-00F8-734D-8EB0-4EF816F306B7}" dt="2021-03-09T14:55:36.492" v="467"/>
          <ac:picMkLst>
            <pc:docMk/>
            <pc:sldMk cId="961084533" sldId="327"/>
            <ac:picMk id="4" creationId="{96DBF3D2-6D6C-2849-9483-972F9285F815}"/>
          </ac:picMkLst>
        </pc:picChg>
      </pc:sldChg>
      <pc:sldChg chg="addSp delSp modSp new mod ord">
        <pc:chgData name="Daly Donnacha HSLU I" userId="0f22e960-400a-43ff-baeb-4828c8f5cd3a" providerId="ADAL" clId="{25186994-00F8-734D-8EB0-4EF816F306B7}" dt="2021-03-10T22:21:10.862" v="14258" actId="14100"/>
        <pc:sldMkLst>
          <pc:docMk/>
          <pc:sldMk cId="3860126345" sldId="328"/>
        </pc:sldMkLst>
        <pc:spChg chg="mod">
          <ac:chgData name="Daly Donnacha HSLU I" userId="0f22e960-400a-43ff-baeb-4828c8f5cd3a" providerId="ADAL" clId="{25186994-00F8-734D-8EB0-4EF816F306B7}" dt="2021-03-10T18:56:49.841" v="8194" actId="20577"/>
          <ac:spMkLst>
            <pc:docMk/>
            <pc:sldMk cId="3860126345" sldId="328"/>
            <ac:spMk id="2" creationId="{D7DD33D4-0017-184A-8530-C3BDDE0AB156}"/>
          </ac:spMkLst>
        </pc:spChg>
        <pc:spChg chg="add del mod">
          <ac:chgData name="Daly Donnacha HSLU I" userId="0f22e960-400a-43ff-baeb-4828c8f5cd3a" providerId="ADAL" clId="{25186994-00F8-734D-8EB0-4EF816F306B7}" dt="2021-03-10T20:50:57.137" v="11609" actId="478"/>
          <ac:spMkLst>
            <pc:docMk/>
            <pc:sldMk cId="3860126345" sldId="328"/>
            <ac:spMk id="4" creationId="{6E0A0391-77E3-BA49-815F-86E8A5454CDD}"/>
          </ac:spMkLst>
        </pc:spChg>
        <pc:spChg chg="add mod">
          <ac:chgData name="Daly Donnacha HSLU I" userId="0f22e960-400a-43ff-baeb-4828c8f5cd3a" providerId="ADAL" clId="{25186994-00F8-734D-8EB0-4EF816F306B7}" dt="2021-03-10T21:13:16.183" v="11874" actId="14100"/>
          <ac:spMkLst>
            <pc:docMk/>
            <pc:sldMk cId="3860126345" sldId="328"/>
            <ac:spMk id="5" creationId="{21EFC372-1BBC-D941-AAA6-C0DD92B2ECCC}"/>
          </ac:spMkLst>
        </pc:spChg>
        <pc:spChg chg="add mod">
          <ac:chgData name="Daly Donnacha HSLU I" userId="0f22e960-400a-43ff-baeb-4828c8f5cd3a" providerId="ADAL" clId="{25186994-00F8-734D-8EB0-4EF816F306B7}" dt="2021-03-10T20:58:07.729" v="11824" actId="113"/>
          <ac:spMkLst>
            <pc:docMk/>
            <pc:sldMk cId="3860126345" sldId="328"/>
            <ac:spMk id="8" creationId="{F430397F-A53D-7445-9BA6-A57B12213490}"/>
          </ac:spMkLst>
        </pc:spChg>
        <pc:spChg chg="add mod">
          <ac:chgData name="Daly Donnacha HSLU I" userId="0f22e960-400a-43ff-baeb-4828c8f5cd3a" providerId="ADAL" clId="{25186994-00F8-734D-8EB0-4EF816F306B7}" dt="2021-03-10T22:21:10.862" v="14258" actId="14100"/>
          <ac:spMkLst>
            <pc:docMk/>
            <pc:sldMk cId="3860126345" sldId="328"/>
            <ac:spMk id="9" creationId="{397A31FC-4225-EF42-AA48-A2EBF5D17A95}"/>
          </ac:spMkLst>
        </pc:spChg>
        <pc:picChg chg="add mod">
          <ac:chgData name="Daly Donnacha HSLU I" userId="0f22e960-400a-43ff-baeb-4828c8f5cd3a" providerId="ADAL" clId="{25186994-00F8-734D-8EB0-4EF816F306B7}" dt="2021-03-10T20:53:31.513" v="11648" actId="1076"/>
          <ac:picMkLst>
            <pc:docMk/>
            <pc:sldMk cId="3860126345" sldId="328"/>
            <ac:picMk id="3" creationId="{A0C32150-8DB7-364C-979C-85AC2881FF08}"/>
          </ac:picMkLst>
        </pc:picChg>
        <pc:picChg chg="add mod">
          <ac:chgData name="Daly Donnacha HSLU I" userId="0f22e960-400a-43ff-baeb-4828c8f5cd3a" providerId="ADAL" clId="{25186994-00F8-734D-8EB0-4EF816F306B7}" dt="2021-03-10T21:13:30.497" v="11879" actId="1037"/>
          <ac:picMkLst>
            <pc:docMk/>
            <pc:sldMk cId="3860126345" sldId="328"/>
            <ac:picMk id="6" creationId="{93F72312-B123-C241-8C56-442910E73DFD}"/>
          </ac:picMkLst>
        </pc:picChg>
        <pc:picChg chg="add mod">
          <ac:chgData name="Daly Donnacha HSLU I" userId="0f22e960-400a-43ff-baeb-4828c8f5cd3a" providerId="ADAL" clId="{25186994-00F8-734D-8EB0-4EF816F306B7}" dt="2021-03-10T20:52:17.905" v="11632" actId="14100"/>
          <ac:picMkLst>
            <pc:docMk/>
            <pc:sldMk cId="3860126345" sldId="328"/>
            <ac:picMk id="7" creationId="{08576952-0694-BB45-A710-65596F661F22}"/>
          </ac:picMkLst>
        </pc:picChg>
      </pc:sldChg>
      <pc:sldChg chg="addSp modSp new del">
        <pc:chgData name="Daly Donnacha HSLU I" userId="0f22e960-400a-43ff-baeb-4828c8f5cd3a" providerId="ADAL" clId="{25186994-00F8-734D-8EB0-4EF816F306B7}" dt="2021-03-10T18:57:52.233" v="8224" actId="2696"/>
        <pc:sldMkLst>
          <pc:docMk/>
          <pc:sldMk cId="2159168622" sldId="329"/>
        </pc:sldMkLst>
        <pc:spChg chg="add mod">
          <ac:chgData name="Daly Donnacha HSLU I" userId="0f22e960-400a-43ff-baeb-4828c8f5cd3a" providerId="ADAL" clId="{25186994-00F8-734D-8EB0-4EF816F306B7}" dt="2021-03-09T15:00:34.839" v="471"/>
          <ac:spMkLst>
            <pc:docMk/>
            <pc:sldMk cId="2159168622" sldId="329"/>
            <ac:spMk id="3" creationId="{A82745F7-9640-4C4C-80EE-EFACB601C1BD}"/>
          </ac:spMkLst>
        </pc:spChg>
        <pc:spChg chg="add mod">
          <ac:chgData name="Daly Donnacha HSLU I" userId="0f22e960-400a-43ff-baeb-4828c8f5cd3a" providerId="ADAL" clId="{25186994-00F8-734D-8EB0-4EF816F306B7}" dt="2021-03-09T15:00:34.839" v="471"/>
          <ac:spMkLst>
            <pc:docMk/>
            <pc:sldMk cId="2159168622" sldId="329"/>
            <ac:spMk id="5" creationId="{E77BA6B9-B380-2D47-8BFB-B1E1541B0B3A}"/>
          </ac:spMkLst>
        </pc:spChg>
        <pc:picChg chg="add mod">
          <ac:chgData name="Daly Donnacha HSLU I" userId="0f22e960-400a-43ff-baeb-4828c8f5cd3a" providerId="ADAL" clId="{25186994-00F8-734D-8EB0-4EF816F306B7}" dt="2021-03-09T15:00:34.839" v="471"/>
          <ac:picMkLst>
            <pc:docMk/>
            <pc:sldMk cId="2159168622" sldId="329"/>
            <ac:picMk id="4" creationId="{4A49452D-F63F-BA42-AA8E-DCADD4EF5A2E}"/>
          </ac:picMkLst>
        </pc:picChg>
      </pc:sldChg>
      <pc:sldChg chg="addSp modSp new del">
        <pc:chgData name="Daly Donnacha HSLU I" userId="0f22e960-400a-43ff-baeb-4828c8f5cd3a" providerId="ADAL" clId="{25186994-00F8-734D-8EB0-4EF816F306B7}" dt="2021-03-10T18:57:53.562" v="8225" actId="2696"/>
        <pc:sldMkLst>
          <pc:docMk/>
          <pc:sldMk cId="303329676" sldId="330"/>
        </pc:sldMkLst>
        <pc:spChg chg="add mod">
          <ac:chgData name="Daly Donnacha HSLU I" userId="0f22e960-400a-43ff-baeb-4828c8f5cd3a" providerId="ADAL" clId="{25186994-00F8-734D-8EB0-4EF816F306B7}" dt="2021-03-09T15:01:25.193" v="473"/>
          <ac:spMkLst>
            <pc:docMk/>
            <pc:sldMk cId="303329676" sldId="330"/>
            <ac:spMk id="8" creationId="{9FEBD0D9-1AF1-4D44-A572-951B11DCEFAF}"/>
          </ac:spMkLst>
        </pc:spChg>
        <pc:picChg chg="add mod">
          <ac:chgData name="Daly Donnacha HSLU I" userId="0f22e960-400a-43ff-baeb-4828c8f5cd3a" providerId="ADAL" clId="{25186994-00F8-734D-8EB0-4EF816F306B7}" dt="2021-03-09T15:01:25.193" v="473"/>
          <ac:picMkLst>
            <pc:docMk/>
            <pc:sldMk cId="303329676" sldId="330"/>
            <ac:picMk id="3" creationId="{612C1A53-65DD-914C-9471-67D4BDE2ACE0}"/>
          </ac:picMkLst>
        </pc:picChg>
        <pc:picChg chg="add mod">
          <ac:chgData name="Daly Donnacha HSLU I" userId="0f22e960-400a-43ff-baeb-4828c8f5cd3a" providerId="ADAL" clId="{25186994-00F8-734D-8EB0-4EF816F306B7}" dt="2021-03-09T15:01:25.193" v="473"/>
          <ac:picMkLst>
            <pc:docMk/>
            <pc:sldMk cId="303329676" sldId="330"/>
            <ac:picMk id="4" creationId="{2A907021-2464-B744-983E-B4A8B498E6AD}"/>
          </ac:picMkLst>
        </pc:picChg>
        <pc:picChg chg="add mod">
          <ac:chgData name="Daly Donnacha HSLU I" userId="0f22e960-400a-43ff-baeb-4828c8f5cd3a" providerId="ADAL" clId="{25186994-00F8-734D-8EB0-4EF816F306B7}" dt="2021-03-09T15:01:25.193" v="473"/>
          <ac:picMkLst>
            <pc:docMk/>
            <pc:sldMk cId="303329676" sldId="330"/>
            <ac:picMk id="5" creationId="{17ABE8AC-3C19-9945-9106-81D56606D917}"/>
          </ac:picMkLst>
        </pc:picChg>
        <pc:picChg chg="add mod">
          <ac:chgData name="Daly Donnacha HSLU I" userId="0f22e960-400a-43ff-baeb-4828c8f5cd3a" providerId="ADAL" clId="{25186994-00F8-734D-8EB0-4EF816F306B7}" dt="2021-03-09T15:01:25.193" v="473"/>
          <ac:picMkLst>
            <pc:docMk/>
            <pc:sldMk cId="303329676" sldId="330"/>
            <ac:picMk id="6" creationId="{EE9AE7F7-4CAC-744C-9592-AB81749BFBBD}"/>
          </ac:picMkLst>
        </pc:picChg>
        <pc:picChg chg="add mod">
          <ac:chgData name="Daly Donnacha HSLU I" userId="0f22e960-400a-43ff-baeb-4828c8f5cd3a" providerId="ADAL" clId="{25186994-00F8-734D-8EB0-4EF816F306B7}" dt="2021-03-09T15:01:25.193" v="473"/>
          <ac:picMkLst>
            <pc:docMk/>
            <pc:sldMk cId="303329676" sldId="330"/>
            <ac:picMk id="7" creationId="{7103F585-8022-104B-9CF2-2D3FED1FBAE7}"/>
          </ac:picMkLst>
        </pc:picChg>
        <pc:picChg chg="add mod">
          <ac:chgData name="Daly Donnacha HSLU I" userId="0f22e960-400a-43ff-baeb-4828c8f5cd3a" providerId="ADAL" clId="{25186994-00F8-734D-8EB0-4EF816F306B7}" dt="2021-03-09T15:01:25.193" v="473"/>
          <ac:picMkLst>
            <pc:docMk/>
            <pc:sldMk cId="303329676" sldId="330"/>
            <ac:picMk id="9" creationId="{1CA32635-F1F5-2F41-A432-7388560765A4}"/>
          </ac:picMkLst>
        </pc:picChg>
        <pc:cxnChg chg="add mod">
          <ac:chgData name="Daly Donnacha HSLU I" userId="0f22e960-400a-43ff-baeb-4828c8f5cd3a" providerId="ADAL" clId="{25186994-00F8-734D-8EB0-4EF816F306B7}" dt="2021-03-09T15:01:25.193" v="473"/>
          <ac:cxnSpMkLst>
            <pc:docMk/>
            <pc:sldMk cId="303329676" sldId="330"/>
            <ac:cxnSpMk id="10" creationId="{7E4AFDB9-3633-0543-8A99-033860BE304D}"/>
          </ac:cxnSpMkLst>
        </pc:cxnChg>
        <pc:cxnChg chg="add mod">
          <ac:chgData name="Daly Donnacha HSLU I" userId="0f22e960-400a-43ff-baeb-4828c8f5cd3a" providerId="ADAL" clId="{25186994-00F8-734D-8EB0-4EF816F306B7}" dt="2021-03-09T15:01:25.193" v="473"/>
          <ac:cxnSpMkLst>
            <pc:docMk/>
            <pc:sldMk cId="303329676" sldId="330"/>
            <ac:cxnSpMk id="11" creationId="{0FFE7016-27A0-B94E-91E5-D1841DBD229E}"/>
          </ac:cxnSpMkLst>
        </pc:cxnChg>
        <pc:cxnChg chg="add mod">
          <ac:chgData name="Daly Donnacha HSLU I" userId="0f22e960-400a-43ff-baeb-4828c8f5cd3a" providerId="ADAL" clId="{25186994-00F8-734D-8EB0-4EF816F306B7}" dt="2021-03-09T15:01:25.193" v="473"/>
          <ac:cxnSpMkLst>
            <pc:docMk/>
            <pc:sldMk cId="303329676" sldId="330"/>
            <ac:cxnSpMk id="12" creationId="{E8FFDB81-F53C-EF40-A5A7-80B4E880F12C}"/>
          </ac:cxnSpMkLst>
        </pc:cxnChg>
        <pc:cxnChg chg="add mod">
          <ac:chgData name="Daly Donnacha HSLU I" userId="0f22e960-400a-43ff-baeb-4828c8f5cd3a" providerId="ADAL" clId="{25186994-00F8-734D-8EB0-4EF816F306B7}" dt="2021-03-09T15:01:25.193" v="473"/>
          <ac:cxnSpMkLst>
            <pc:docMk/>
            <pc:sldMk cId="303329676" sldId="330"/>
            <ac:cxnSpMk id="13" creationId="{38DCD0BC-CD24-5F45-A5D4-12F45D982E46}"/>
          </ac:cxnSpMkLst>
        </pc:cxnChg>
      </pc:sldChg>
      <pc:sldChg chg="addSp delSp modSp new mod ord">
        <pc:chgData name="Daly Donnacha HSLU I" userId="0f22e960-400a-43ff-baeb-4828c8f5cd3a" providerId="ADAL" clId="{25186994-00F8-734D-8EB0-4EF816F306B7}" dt="2021-03-11T08:19:44.975" v="17715" actId="113"/>
        <pc:sldMkLst>
          <pc:docMk/>
          <pc:sldMk cId="2201559720" sldId="331"/>
        </pc:sldMkLst>
        <pc:spChg chg="mod">
          <ac:chgData name="Daly Donnacha HSLU I" userId="0f22e960-400a-43ff-baeb-4828c8f5cd3a" providerId="ADAL" clId="{25186994-00F8-734D-8EB0-4EF816F306B7}" dt="2021-03-11T04:58:53.190" v="14682" actId="20577"/>
          <ac:spMkLst>
            <pc:docMk/>
            <pc:sldMk cId="2201559720" sldId="331"/>
            <ac:spMk id="2" creationId="{A3C5FA6E-13AF-FC41-BBB5-B48BA905565B}"/>
          </ac:spMkLst>
        </pc:spChg>
        <pc:spChg chg="add mod">
          <ac:chgData name="Daly Donnacha HSLU I" userId="0f22e960-400a-43ff-baeb-4828c8f5cd3a" providerId="ADAL" clId="{25186994-00F8-734D-8EB0-4EF816F306B7}" dt="2021-03-11T06:49:36.994" v="17706" actId="1037"/>
          <ac:spMkLst>
            <pc:docMk/>
            <pc:sldMk cId="2201559720" sldId="331"/>
            <ac:spMk id="3" creationId="{686D8044-C345-0047-9FEC-C5BB5CFFCBFB}"/>
          </ac:spMkLst>
        </pc:spChg>
        <pc:spChg chg="add mod">
          <ac:chgData name="Daly Donnacha HSLU I" userId="0f22e960-400a-43ff-baeb-4828c8f5cd3a" providerId="ADAL" clId="{25186994-00F8-734D-8EB0-4EF816F306B7}" dt="2021-03-11T06:49:36.994" v="17706" actId="1037"/>
          <ac:spMkLst>
            <pc:docMk/>
            <pc:sldMk cId="2201559720" sldId="331"/>
            <ac:spMk id="4" creationId="{5BFBA31A-D80D-C846-B0F2-EC6CDAAAE684}"/>
          </ac:spMkLst>
        </pc:spChg>
        <pc:spChg chg="add mod">
          <ac:chgData name="Daly Donnacha HSLU I" userId="0f22e960-400a-43ff-baeb-4828c8f5cd3a" providerId="ADAL" clId="{25186994-00F8-734D-8EB0-4EF816F306B7}" dt="2021-03-11T06:49:36.994" v="17706" actId="1037"/>
          <ac:spMkLst>
            <pc:docMk/>
            <pc:sldMk cId="2201559720" sldId="331"/>
            <ac:spMk id="5" creationId="{F62B0CF0-960C-A44F-9895-286DCEF183DA}"/>
          </ac:spMkLst>
        </pc:spChg>
        <pc:spChg chg="add mod">
          <ac:chgData name="Daly Donnacha HSLU I" userId="0f22e960-400a-43ff-baeb-4828c8f5cd3a" providerId="ADAL" clId="{25186994-00F8-734D-8EB0-4EF816F306B7}" dt="2021-03-11T06:49:36.994" v="17706" actId="1037"/>
          <ac:spMkLst>
            <pc:docMk/>
            <pc:sldMk cId="2201559720" sldId="331"/>
            <ac:spMk id="6" creationId="{FC164300-9590-8F4F-B5D0-C2CF5DEEEA6C}"/>
          </ac:spMkLst>
        </pc:spChg>
        <pc:spChg chg="add mod">
          <ac:chgData name="Daly Donnacha HSLU I" userId="0f22e960-400a-43ff-baeb-4828c8f5cd3a" providerId="ADAL" clId="{25186994-00F8-734D-8EB0-4EF816F306B7}" dt="2021-03-11T06:49:36.994" v="17706" actId="1037"/>
          <ac:spMkLst>
            <pc:docMk/>
            <pc:sldMk cId="2201559720" sldId="331"/>
            <ac:spMk id="7" creationId="{9E1C6CE4-8C26-EA40-A4D6-20D2D6E1EA4C}"/>
          </ac:spMkLst>
        </pc:spChg>
        <pc:spChg chg="add mod">
          <ac:chgData name="Daly Donnacha HSLU I" userId="0f22e960-400a-43ff-baeb-4828c8f5cd3a" providerId="ADAL" clId="{25186994-00F8-734D-8EB0-4EF816F306B7}" dt="2021-03-11T06:49:36.994" v="17706" actId="1037"/>
          <ac:spMkLst>
            <pc:docMk/>
            <pc:sldMk cId="2201559720" sldId="331"/>
            <ac:spMk id="9" creationId="{7FD772ED-5294-CA43-AB0C-7DCDC6135CD2}"/>
          </ac:spMkLst>
        </pc:spChg>
        <pc:spChg chg="add mod">
          <ac:chgData name="Daly Donnacha HSLU I" userId="0f22e960-400a-43ff-baeb-4828c8f5cd3a" providerId="ADAL" clId="{25186994-00F8-734D-8EB0-4EF816F306B7}" dt="2021-03-11T06:49:36.994" v="17706" actId="1037"/>
          <ac:spMkLst>
            <pc:docMk/>
            <pc:sldMk cId="2201559720" sldId="331"/>
            <ac:spMk id="10" creationId="{F46F5CB6-B88A-2541-9A9D-8B08EA938CB8}"/>
          </ac:spMkLst>
        </pc:spChg>
        <pc:spChg chg="add mod">
          <ac:chgData name="Daly Donnacha HSLU I" userId="0f22e960-400a-43ff-baeb-4828c8f5cd3a" providerId="ADAL" clId="{25186994-00F8-734D-8EB0-4EF816F306B7}" dt="2021-03-11T06:49:36.994" v="17706" actId="1037"/>
          <ac:spMkLst>
            <pc:docMk/>
            <pc:sldMk cId="2201559720" sldId="331"/>
            <ac:spMk id="11" creationId="{6EFF53C7-2BF5-0C47-8585-FFEC12673674}"/>
          </ac:spMkLst>
        </pc:spChg>
        <pc:spChg chg="add mod">
          <ac:chgData name="Daly Donnacha HSLU I" userId="0f22e960-400a-43ff-baeb-4828c8f5cd3a" providerId="ADAL" clId="{25186994-00F8-734D-8EB0-4EF816F306B7}" dt="2021-03-11T06:49:36.994" v="17706" actId="1037"/>
          <ac:spMkLst>
            <pc:docMk/>
            <pc:sldMk cId="2201559720" sldId="331"/>
            <ac:spMk id="12" creationId="{BE93478A-E7BB-1B4C-8344-7F0414400C0D}"/>
          </ac:spMkLst>
        </pc:spChg>
        <pc:spChg chg="add mod">
          <ac:chgData name="Daly Donnacha HSLU I" userId="0f22e960-400a-43ff-baeb-4828c8f5cd3a" providerId="ADAL" clId="{25186994-00F8-734D-8EB0-4EF816F306B7}" dt="2021-03-11T06:49:36.994" v="17706" actId="1037"/>
          <ac:spMkLst>
            <pc:docMk/>
            <pc:sldMk cId="2201559720" sldId="331"/>
            <ac:spMk id="18" creationId="{F615DAA9-528A-7343-B47C-A154C99DB79F}"/>
          </ac:spMkLst>
        </pc:spChg>
        <pc:spChg chg="mod">
          <ac:chgData name="Daly Donnacha HSLU I" userId="0f22e960-400a-43ff-baeb-4828c8f5cd3a" providerId="ADAL" clId="{25186994-00F8-734D-8EB0-4EF816F306B7}" dt="2021-03-11T06:49:36.994" v="17706" actId="1037"/>
          <ac:spMkLst>
            <pc:docMk/>
            <pc:sldMk cId="2201559720" sldId="331"/>
            <ac:spMk id="24" creationId="{081AECF7-47DC-FF4D-BEC2-2D029E16D387}"/>
          </ac:spMkLst>
        </pc:spChg>
        <pc:spChg chg="add mod">
          <ac:chgData name="Daly Donnacha HSLU I" userId="0f22e960-400a-43ff-baeb-4828c8f5cd3a" providerId="ADAL" clId="{25186994-00F8-734D-8EB0-4EF816F306B7}" dt="2021-03-11T06:49:36.994" v="17706" actId="1037"/>
          <ac:spMkLst>
            <pc:docMk/>
            <pc:sldMk cId="2201559720" sldId="331"/>
            <ac:spMk id="25" creationId="{40878E80-ACA6-6C4A-840F-DE57CA9BA16D}"/>
          </ac:spMkLst>
        </pc:spChg>
        <pc:spChg chg="add mod">
          <ac:chgData name="Daly Donnacha HSLU I" userId="0f22e960-400a-43ff-baeb-4828c8f5cd3a" providerId="ADAL" clId="{25186994-00F8-734D-8EB0-4EF816F306B7}" dt="2021-03-11T06:49:36.994" v="17706" actId="1037"/>
          <ac:spMkLst>
            <pc:docMk/>
            <pc:sldMk cId="2201559720" sldId="331"/>
            <ac:spMk id="26" creationId="{D8ACB0E2-0E63-C144-9B19-FEA3B7D84E76}"/>
          </ac:spMkLst>
        </pc:spChg>
        <pc:spChg chg="add mod">
          <ac:chgData name="Daly Donnacha HSLU I" userId="0f22e960-400a-43ff-baeb-4828c8f5cd3a" providerId="ADAL" clId="{25186994-00F8-734D-8EB0-4EF816F306B7}" dt="2021-03-11T06:49:36.994" v="17706" actId="1037"/>
          <ac:spMkLst>
            <pc:docMk/>
            <pc:sldMk cId="2201559720" sldId="331"/>
            <ac:spMk id="28" creationId="{E93FFE1F-1995-434D-90F2-9B055C72EAFB}"/>
          </ac:spMkLst>
        </pc:spChg>
        <pc:spChg chg="add mod">
          <ac:chgData name="Daly Donnacha HSLU I" userId="0f22e960-400a-43ff-baeb-4828c8f5cd3a" providerId="ADAL" clId="{25186994-00F8-734D-8EB0-4EF816F306B7}" dt="2021-03-11T06:48:58.131" v="17702" actId="20577"/>
          <ac:spMkLst>
            <pc:docMk/>
            <pc:sldMk cId="2201559720" sldId="331"/>
            <ac:spMk id="29" creationId="{3E28FCD4-21F1-5446-8CEE-EC87FE9F21F4}"/>
          </ac:spMkLst>
        </pc:spChg>
        <pc:spChg chg="add mod">
          <ac:chgData name="Daly Donnacha HSLU I" userId="0f22e960-400a-43ff-baeb-4828c8f5cd3a" providerId="ADAL" clId="{25186994-00F8-734D-8EB0-4EF816F306B7}" dt="2021-03-11T08:19:44.975" v="17715" actId="113"/>
          <ac:spMkLst>
            <pc:docMk/>
            <pc:sldMk cId="2201559720" sldId="331"/>
            <ac:spMk id="30" creationId="{F361449A-1340-5F43-A627-D827D8D8873C}"/>
          </ac:spMkLst>
        </pc:spChg>
        <pc:spChg chg="add del mod">
          <ac:chgData name="Daly Donnacha HSLU I" userId="0f22e960-400a-43ff-baeb-4828c8f5cd3a" providerId="ADAL" clId="{25186994-00F8-734D-8EB0-4EF816F306B7}" dt="2021-03-11T06:47:19.409" v="17630"/>
          <ac:spMkLst>
            <pc:docMk/>
            <pc:sldMk cId="2201559720" sldId="331"/>
            <ac:spMk id="31" creationId="{2674486E-6399-5F4D-86F0-E7269F196DE3}"/>
          </ac:spMkLst>
        </pc:spChg>
        <pc:grpChg chg="add mod">
          <ac:chgData name="Daly Donnacha HSLU I" userId="0f22e960-400a-43ff-baeb-4828c8f5cd3a" providerId="ADAL" clId="{25186994-00F8-734D-8EB0-4EF816F306B7}" dt="2021-03-11T06:49:36.994" v="17706" actId="1037"/>
          <ac:grpSpMkLst>
            <pc:docMk/>
            <pc:sldMk cId="2201559720" sldId="331"/>
            <ac:grpSpMk id="22" creationId="{35C9D5C0-8043-904F-88CB-D222A47C2342}"/>
          </ac:grpSpMkLst>
        </pc:grpChg>
        <pc:picChg chg="add mod">
          <ac:chgData name="Daly Donnacha HSLU I" userId="0f22e960-400a-43ff-baeb-4828c8f5cd3a" providerId="ADAL" clId="{25186994-00F8-734D-8EB0-4EF816F306B7}" dt="2021-03-11T06:49:36.994" v="17706" actId="1037"/>
          <ac:picMkLst>
            <pc:docMk/>
            <pc:sldMk cId="2201559720" sldId="331"/>
            <ac:picMk id="13" creationId="{D69771AE-914D-DC41-B742-E2DF82E5765F}"/>
          </ac:picMkLst>
        </pc:picChg>
        <pc:picChg chg="add mod">
          <ac:chgData name="Daly Donnacha HSLU I" userId="0f22e960-400a-43ff-baeb-4828c8f5cd3a" providerId="ADAL" clId="{25186994-00F8-734D-8EB0-4EF816F306B7}" dt="2021-03-11T06:49:36.994" v="17706" actId="1037"/>
          <ac:picMkLst>
            <pc:docMk/>
            <pc:sldMk cId="2201559720" sldId="331"/>
            <ac:picMk id="14" creationId="{03CBE889-3CEE-424F-A000-37B38A56B434}"/>
          </ac:picMkLst>
        </pc:picChg>
        <pc:picChg chg="add mod">
          <ac:chgData name="Daly Donnacha HSLU I" userId="0f22e960-400a-43ff-baeb-4828c8f5cd3a" providerId="ADAL" clId="{25186994-00F8-734D-8EB0-4EF816F306B7}" dt="2021-03-11T06:49:36.994" v="17706" actId="1037"/>
          <ac:picMkLst>
            <pc:docMk/>
            <pc:sldMk cId="2201559720" sldId="331"/>
            <ac:picMk id="15" creationId="{DA3C5506-609E-3941-AFB7-F40DA429F49B}"/>
          </ac:picMkLst>
        </pc:picChg>
        <pc:picChg chg="add mod">
          <ac:chgData name="Daly Donnacha HSLU I" userId="0f22e960-400a-43ff-baeb-4828c8f5cd3a" providerId="ADAL" clId="{25186994-00F8-734D-8EB0-4EF816F306B7}" dt="2021-03-11T06:49:36.994" v="17706" actId="1037"/>
          <ac:picMkLst>
            <pc:docMk/>
            <pc:sldMk cId="2201559720" sldId="331"/>
            <ac:picMk id="16" creationId="{EDD723E2-DBC3-6A42-9AD6-B4025D50A578}"/>
          </ac:picMkLst>
        </pc:picChg>
        <pc:picChg chg="add mod">
          <ac:chgData name="Daly Donnacha HSLU I" userId="0f22e960-400a-43ff-baeb-4828c8f5cd3a" providerId="ADAL" clId="{25186994-00F8-734D-8EB0-4EF816F306B7}" dt="2021-03-11T06:49:36.994" v="17706" actId="1037"/>
          <ac:picMkLst>
            <pc:docMk/>
            <pc:sldMk cId="2201559720" sldId="331"/>
            <ac:picMk id="17" creationId="{BEBE83B6-3BE4-3B43-BBE4-B60C8716353A}"/>
          </ac:picMkLst>
        </pc:picChg>
        <pc:picChg chg="mod">
          <ac:chgData name="Daly Donnacha HSLU I" userId="0f22e960-400a-43ff-baeb-4828c8f5cd3a" providerId="ADAL" clId="{25186994-00F8-734D-8EB0-4EF816F306B7}" dt="2021-03-11T06:49:36.994" v="17706" actId="1037"/>
          <ac:picMkLst>
            <pc:docMk/>
            <pc:sldMk cId="2201559720" sldId="331"/>
            <ac:picMk id="23" creationId="{765543E7-53D3-9C48-9A0E-CEAC4AFC7E2F}"/>
          </ac:picMkLst>
        </pc:picChg>
        <pc:cxnChg chg="add mod">
          <ac:chgData name="Daly Donnacha HSLU I" userId="0f22e960-400a-43ff-baeb-4828c8f5cd3a" providerId="ADAL" clId="{25186994-00F8-734D-8EB0-4EF816F306B7}" dt="2021-03-11T06:49:36.994" v="17706" actId="1037"/>
          <ac:cxnSpMkLst>
            <pc:docMk/>
            <pc:sldMk cId="2201559720" sldId="331"/>
            <ac:cxnSpMk id="8" creationId="{FDF15141-4630-814E-87A2-04443CC84B12}"/>
          </ac:cxnSpMkLst>
        </pc:cxnChg>
        <pc:cxnChg chg="add mod">
          <ac:chgData name="Daly Donnacha HSLU I" userId="0f22e960-400a-43ff-baeb-4828c8f5cd3a" providerId="ADAL" clId="{25186994-00F8-734D-8EB0-4EF816F306B7}" dt="2021-03-11T06:49:36.994" v="17706" actId="1037"/>
          <ac:cxnSpMkLst>
            <pc:docMk/>
            <pc:sldMk cId="2201559720" sldId="331"/>
            <ac:cxnSpMk id="19" creationId="{A61F1070-481D-5F46-9BFA-89BB99C55E1F}"/>
          </ac:cxnSpMkLst>
        </pc:cxnChg>
        <pc:cxnChg chg="add mod">
          <ac:chgData name="Daly Donnacha HSLU I" userId="0f22e960-400a-43ff-baeb-4828c8f5cd3a" providerId="ADAL" clId="{25186994-00F8-734D-8EB0-4EF816F306B7}" dt="2021-03-11T06:49:36.994" v="17706" actId="1037"/>
          <ac:cxnSpMkLst>
            <pc:docMk/>
            <pc:sldMk cId="2201559720" sldId="331"/>
            <ac:cxnSpMk id="20" creationId="{11E2734F-D195-2E4C-B8BE-2151462EEF1C}"/>
          </ac:cxnSpMkLst>
        </pc:cxnChg>
        <pc:cxnChg chg="add mod">
          <ac:chgData name="Daly Donnacha HSLU I" userId="0f22e960-400a-43ff-baeb-4828c8f5cd3a" providerId="ADAL" clId="{25186994-00F8-734D-8EB0-4EF816F306B7}" dt="2021-03-11T06:49:36.994" v="17706" actId="1037"/>
          <ac:cxnSpMkLst>
            <pc:docMk/>
            <pc:sldMk cId="2201559720" sldId="331"/>
            <ac:cxnSpMk id="21" creationId="{70FDD68B-F745-554B-BEDE-B9120D8F36AC}"/>
          </ac:cxnSpMkLst>
        </pc:cxnChg>
        <pc:cxnChg chg="add mod">
          <ac:chgData name="Daly Donnacha HSLU I" userId="0f22e960-400a-43ff-baeb-4828c8f5cd3a" providerId="ADAL" clId="{25186994-00F8-734D-8EB0-4EF816F306B7}" dt="2021-03-11T06:49:36.994" v="17706" actId="1037"/>
          <ac:cxnSpMkLst>
            <pc:docMk/>
            <pc:sldMk cId="2201559720" sldId="331"/>
            <ac:cxnSpMk id="27" creationId="{CCA7627D-C5E8-B841-9927-F354B202DD4F}"/>
          </ac:cxnSpMkLst>
        </pc:cxnChg>
      </pc:sldChg>
      <pc:sldChg chg="addSp delSp modSp new del mod ord">
        <pc:chgData name="Daly Donnacha HSLU I" userId="0f22e960-400a-43ff-baeb-4828c8f5cd3a" providerId="ADAL" clId="{25186994-00F8-734D-8EB0-4EF816F306B7}" dt="2021-03-10T18:55:19.530" v="8157" actId="2696"/>
        <pc:sldMkLst>
          <pc:docMk/>
          <pc:sldMk cId="3971776196" sldId="332"/>
        </pc:sldMkLst>
        <pc:spChg chg="add del mod">
          <ac:chgData name="Daly Donnacha HSLU I" userId="0f22e960-400a-43ff-baeb-4828c8f5cd3a" providerId="ADAL" clId="{25186994-00F8-734D-8EB0-4EF816F306B7}" dt="2021-03-09T15:06:21.340" v="478"/>
          <ac:spMkLst>
            <pc:docMk/>
            <pc:sldMk cId="3971776196" sldId="332"/>
            <ac:spMk id="3" creationId="{74FF277A-1917-A646-A6FE-9D7775EA61B5}"/>
          </ac:spMkLst>
        </pc:spChg>
        <pc:spChg chg="add del mod">
          <ac:chgData name="Daly Donnacha HSLU I" userId="0f22e960-400a-43ff-baeb-4828c8f5cd3a" providerId="ADAL" clId="{25186994-00F8-734D-8EB0-4EF816F306B7}" dt="2021-03-09T15:06:21.340" v="478"/>
          <ac:spMkLst>
            <pc:docMk/>
            <pc:sldMk cId="3971776196" sldId="332"/>
            <ac:spMk id="4" creationId="{AB43D90A-5441-B242-B9D1-B2AF548DD796}"/>
          </ac:spMkLst>
        </pc:spChg>
        <pc:spChg chg="add del mod">
          <ac:chgData name="Daly Donnacha HSLU I" userId="0f22e960-400a-43ff-baeb-4828c8f5cd3a" providerId="ADAL" clId="{25186994-00F8-734D-8EB0-4EF816F306B7}" dt="2021-03-09T15:06:26.817" v="480"/>
          <ac:spMkLst>
            <pc:docMk/>
            <pc:sldMk cId="3971776196" sldId="332"/>
            <ac:spMk id="8" creationId="{5048F4CB-623F-094D-B0F1-2CE7FF847867}"/>
          </ac:spMkLst>
        </pc:spChg>
        <pc:spChg chg="add del mod">
          <ac:chgData name="Daly Donnacha HSLU I" userId="0f22e960-400a-43ff-baeb-4828c8f5cd3a" providerId="ADAL" clId="{25186994-00F8-734D-8EB0-4EF816F306B7}" dt="2021-03-09T15:06:26.817" v="480"/>
          <ac:spMkLst>
            <pc:docMk/>
            <pc:sldMk cId="3971776196" sldId="332"/>
            <ac:spMk id="9" creationId="{8F366F57-F8D4-E443-9EC0-ECCAEBD23194}"/>
          </ac:spMkLst>
        </pc:spChg>
        <pc:picChg chg="add del mod">
          <ac:chgData name="Daly Donnacha HSLU I" userId="0f22e960-400a-43ff-baeb-4828c8f5cd3a" providerId="ADAL" clId="{25186994-00F8-734D-8EB0-4EF816F306B7}" dt="2021-03-09T15:06:21.340" v="478"/>
          <ac:picMkLst>
            <pc:docMk/>
            <pc:sldMk cId="3971776196" sldId="332"/>
            <ac:picMk id="5" creationId="{B8CFF6D3-43B5-C545-9314-0C398028586D}"/>
          </ac:picMkLst>
        </pc:picChg>
        <pc:picChg chg="add del mod">
          <ac:chgData name="Daly Donnacha HSLU I" userId="0f22e960-400a-43ff-baeb-4828c8f5cd3a" providerId="ADAL" clId="{25186994-00F8-734D-8EB0-4EF816F306B7}" dt="2021-03-09T15:06:21.340" v="478"/>
          <ac:picMkLst>
            <pc:docMk/>
            <pc:sldMk cId="3971776196" sldId="332"/>
            <ac:picMk id="6" creationId="{7A9D1957-4BE6-0046-9B47-4FFFEA92505A}"/>
          </ac:picMkLst>
        </pc:picChg>
        <pc:picChg chg="add del mod">
          <ac:chgData name="Daly Donnacha HSLU I" userId="0f22e960-400a-43ff-baeb-4828c8f5cd3a" providerId="ADAL" clId="{25186994-00F8-734D-8EB0-4EF816F306B7}" dt="2021-03-09T15:06:21.340" v="478"/>
          <ac:picMkLst>
            <pc:docMk/>
            <pc:sldMk cId="3971776196" sldId="332"/>
            <ac:picMk id="7" creationId="{F28AE013-416E-2047-8228-258F062EFAAD}"/>
          </ac:picMkLst>
        </pc:picChg>
        <pc:picChg chg="add del mod">
          <ac:chgData name="Daly Donnacha HSLU I" userId="0f22e960-400a-43ff-baeb-4828c8f5cd3a" providerId="ADAL" clId="{25186994-00F8-734D-8EB0-4EF816F306B7}" dt="2021-03-09T15:06:26.817" v="480"/>
          <ac:picMkLst>
            <pc:docMk/>
            <pc:sldMk cId="3971776196" sldId="332"/>
            <ac:picMk id="10" creationId="{FBE36B07-FBAB-6441-A86C-CB8C5E527F4F}"/>
          </ac:picMkLst>
        </pc:picChg>
        <pc:picChg chg="add del mod">
          <ac:chgData name="Daly Donnacha HSLU I" userId="0f22e960-400a-43ff-baeb-4828c8f5cd3a" providerId="ADAL" clId="{25186994-00F8-734D-8EB0-4EF816F306B7}" dt="2021-03-09T15:06:26.817" v="480"/>
          <ac:picMkLst>
            <pc:docMk/>
            <pc:sldMk cId="3971776196" sldId="332"/>
            <ac:picMk id="11" creationId="{E8C4F71D-756D-F944-A686-0824B304273B}"/>
          </ac:picMkLst>
        </pc:picChg>
        <pc:picChg chg="add del mod">
          <ac:chgData name="Daly Donnacha HSLU I" userId="0f22e960-400a-43ff-baeb-4828c8f5cd3a" providerId="ADAL" clId="{25186994-00F8-734D-8EB0-4EF816F306B7}" dt="2021-03-09T15:06:26.817" v="480"/>
          <ac:picMkLst>
            <pc:docMk/>
            <pc:sldMk cId="3971776196" sldId="332"/>
            <ac:picMk id="12" creationId="{EBD7D530-05DB-D548-BEB9-BE2459CFF7BE}"/>
          </ac:picMkLst>
        </pc:picChg>
        <pc:picChg chg="add mod">
          <ac:chgData name="Daly Donnacha HSLU I" userId="0f22e960-400a-43ff-baeb-4828c8f5cd3a" providerId="ADAL" clId="{25186994-00F8-734D-8EB0-4EF816F306B7}" dt="2021-03-09T15:06:30.319" v="483" actId="1076"/>
          <ac:picMkLst>
            <pc:docMk/>
            <pc:sldMk cId="3971776196" sldId="332"/>
            <ac:picMk id="13" creationId="{B5CE456E-A3A1-734F-9CEB-A55007DFBDB5}"/>
          </ac:picMkLst>
        </pc:picChg>
      </pc:sldChg>
      <pc:sldChg chg="addSp modSp new mod">
        <pc:chgData name="Daly Donnacha HSLU I" userId="0f22e960-400a-43ff-baeb-4828c8f5cd3a" providerId="ADAL" clId="{25186994-00F8-734D-8EB0-4EF816F306B7}" dt="2021-03-09T16:54:25.203" v="3014" actId="113"/>
        <pc:sldMkLst>
          <pc:docMk/>
          <pc:sldMk cId="3141306406" sldId="333"/>
        </pc:sldMkLst>
        <pc:spChg chg="mod">
          <ac:chgData name="Daly Donnacha HSLU I" userId="0f22e960-400a-43ff-baeb-4828c8f5cd3a" providerId="ADAL" clId="{25186994-00F8-734D-8EB0-4EF816F306B7}" dt="2021-03-09T16:27:49.291" v="1827" actId="20577"/>
          <ac:spMkLst>
            <pc:docMk/>
            <pc:sldMk cId="3141306406" sldId="333"/>
            <ac:spMk id="2" creationId="{17A322E6-E160-734D-AE90-B0DC78616DDB}"/>
          </ac:spMkLst>
        </pc:spChg>
        <pc:spChg chg="add mod">
          <ac:chgData name="Daly Donnacha HSLU I" userId="0f22e960-400a-43ff-baeb-4828c8f5cd3a" providerId="ADAL" clId="{25186994-00F8-734D-8EB0-4EF816F306B7}" dt="2021-03-09T16:54:25.203" v="3014" actId="113"/>
          <ac:spMkLst>
            <pc:docMk/>
            <pc:sldMk cId="3141306406" sldId="333"/>
            <ac:spMk id="4" creationId="{0AE494A4-F8B2-7148-B3F0-7BD9C260ACF5}"/>
          </ac:spMkLst>
        </pc:spChg>
        <pc:graphicFrameChg chg="add mod modGraphic">
          <ac:chgData name="Daly Donnacha HSLU I" userId="0f22e960-400a-43ff-baeb-4828c8f5cd3a" providerId="ADAL" clId="{25186994-00F8-734D-8EB0-4EF816F306B7}" dt="2021-03-09T16:45:25.112" v="2788" actId="14100"/>
          <ac:graphicFrameMkLst>
            <pc:docMk/>
            <pc:sldMk cId="3141306406" sldId="333"/>
            <ac:graphicFrameMk id="3" creationId="{009377C3-8720-F144-AF6D-3E4B56ABD2CC}"/>
          </ac:graphicFrameMkLst>
        </pc:graphicFrameChg>
        <pc:picChg chg="add mod">
          <ac:chgData name="Daly Donnacha HSLU I" userId="0f22e960-400a-43ff-baeb-4828c8f5cd3a" providerId="ADAL" clId="{25186994-00F8-734D-8EB0-4EF816F306B7}" dt="2021-03-09T16:45:34.695" v="2789" actId="14100"/>
          <ac:picMkLst>
            <pc:docMk/>
            <pc:sldMk cId="3141306406" sldId="333"/>
            <ac:picMk id="5" creationId="{8B873EF9-B590-B94B-B581-55979C8936AC}"/>
          </ac:picMkLst>
        </pc:picChg>
      </pc:sldChg>
      <pc:sldChg chg="addSp modSp add del mod">
        <pc:chgData name="Daly Donnacha HSLU I" userId="0f22e960-400a-43ff-baeb-4828c8f5cd3a" providerId="ADAL" clId="{25186994-00F8-734D-8EB0-4EF816F306B7}" dt="2021-03-10T14:29:35.128" v="5056" actId="2696"/>
        <pc:sldMkLst>
          <pc:docMk/>
          <pc:sldMk cId="2144077385" sldId="334"/>
        </pc:sldMkLst>
        <pc:spChg chg="mod">
          <ac:chgData name="Daly Donnacha HSLU I" userId="0f22e960-400a-43ff-baeb-4828c8f5cd3a" providerId="ADAL" clId="{25186994-00F8-734D-8EB0-4EF816F306B7}" dt="2021-03-09T17:01:13.512" v="3056" actId="20577"/>
          <ac:spMkLst>
            <pc:docMk/>
            <pc:sldMk cId="2144077385" sldId="334"/>
            <ac:spMk id="2" creationId="{17A322E6-E160-734D-AE90-B0DC78616DDB}"/>
          </ac:spMkLst>
        </pc:spChg>
        <pc:spChg chg="add mod">
          <ac:chgData name="Daly Donnacha HSLU I" userId="0f22e960-400a-43ff-baeb-4828c8f5cd3a" providerId="ADAL" clId="{25186994-00F8-734D-8EB0-4EF816F306B7}" dt="2021-03-09T16:28:31.436" v="1847"/>
          <ac:spMkLst>
            <pc:docMk/>
            <pc:sldMk cId="2144077385" sldId="334"/>
            <ac:spMk id="3" creationId="{7BD17E45-7775-064A-A4BE-9F5AE30A23CC}"/>
          </ac:spMkLst>
        </pc:spChg>
        <pc:spChg chg="add mod">
          <ac:chgData name="Daly Donnacha HSLU I" userId="0f22e960-400a-43ff-baeb-4828c8f5cd3a" providerId="ADAL" clId="{25186994-00F8-734D-8EB0-4EF816F306B7}" dt="2021-03-09T16:28:31.436" v="1847"/>
          <ac:spMkLst>
            <pc:docMk/>
            <pc:sldMk cId="2144077385" sldId="334"/>
            <ac:spMk id="4" creationId="{D855165B-E92A-064F-A0FD-EB39E61FD7C4}"/>
          </ac:spMkLst>
        </pc:spChg>
        <pc:spChg chg="add mod">
          <ac:chgData name="Daly Donnacha HSLU I" userId="0f22e960-400a-43ff-baeb-4828c8f5cd3a" providerId="ADAL" clId="{25186994-00F8-734D-8EB0-4EF816F306B7}" dt="2021-03-09T16:28:31.436" v="1847"/>
          <ac:spMkLst>
            <pc:docMk/>
            <pc:sldMk cId="2144077385" sldId="334"/>
            <ac:spMk id="5" creationId="{354ABBB2-34C0-EC41-8A38-B8C5BF374613}"/>
          </ac:spMkLst>
        </pc:spChg>
        <pc:spChg chg="add mod">
          <ac:chgData name="Daly Donnacha HSLU I" userId="0f22e960-400a-43ff-baeb-4828c8f5cd3a" providerId="ADAL" clId="{25186994-00F8-734D-8EB0-4EF816F306B7}" dt="2021-03-09T16:28:31.436" v="1847"/>
          <ac:spMkLst>
            <pc:docMk/>
            <pc:sldMk cId="2144077385" sldId="334"/>
            <ac:spMk id="6" creationId="{31B73BE6-9C90-0949-9B37-9414CDEE24BB}"/>
          </ac:spMkLst>
        </pc:spChg>
        <pc:spChg chg="add mod">
          <ac:chgData name="Daly Donnacha HSLU I" userId="0f22e960-400a-43ff-baeb-4828c8f5cd3a" providerId="ADAL" clId="{25186994-00F8-734D-8EB0-4EF816F306B7}" dt="2021-03-09T16:28:31.436" v="1847"/>
          <ac:spMkLst>
            <pc:docMk/>
            <pc:sldMk cId="2144077385" sldId="334"/>
            <ac:spMk id="8" creationId="{6A290CED-ADC4-DF4A-BF78-1A914A677F9D}"/>
          </ac:spMkLst>
        </pc:spChg>
        <pc:spChg chg="add mod">
          <ac:chgData name="Daly Donnacha HSLU I" userId="0f22e960-400a-43ff-baeb-4828c8f5cd3a" providerId="ADAL" clId="{25186994-00F8-734D-8EB0-4EF816F306B7}" dt="2021-03-09T16:28:31.436" v="1847"/>
          <ac:spMkLst>
            <pc:docMk/>
            <pc:sldMk cId="2144077385" sldId="334"/>
            <ac:spMk id="11" creationId="{883AA8ED-E81D-6E49-AEB5-96EB12F3A631}"/>
          </ac:spMkLst>
        </pc:spChg>
        <pc:spChg chg="add mod">
          <ac:chgData name="Daly Donnacha HSLU I" userId="0f22e960-400a-43ff-baeb-4828c8f5cd3a" providerId="ADAL" clId="{25186994-00F8-734D-8EB0-4EF816F306B7}" dt="2021-03-09T16:28:31.436" v="1847"/>
          <ac:spMkLst>
            <pc:docMk/>
            <pc:sldMk cId="2144077385" sldId="334"/>
            <ac:spMk id="12" creationId="{CB6C5CAD-FAD2-354F-BBEA-91880625EB8B}"/>
          </ac:spMkLst>
        </pc:spChg>
        <pc:spChg chg="add mod">
          <ac:chgData name="Daly Donnacha HSLU I" userId="0f22e960-400a-43ff-baeb-4828c8f5cd3a" providerId="ADAL" clId="{25186994-00F8-734D-8EB0-4EF816F306B7}" dt="2021-03-09T16:28:31.436" v="1847"/>
          <ac:spMkLst>
            <pc:docMk/>
            <pc:sldMk cId="2144077385" sldId="334"/>
            <ac:spMk id="14" creationId="{7AA18DC8-8169-5741-9EBA-D4CE6ECB8B2A}"/>
          </ac:spMkLst>
        </pc:spChg>
        <pc:spChg chg="add mod">
          <ac:chgData name="Daly Donnacha HSLU I" userId="0f22e960-400a-43ff-baeb-4828c8f5cd3a" providerId="ADAL" clId="{25186994-00F8-734D-8EB0-4EF816F306B7}" dt="2021-03-09T16:28:31.436" v="1847"/>
          <ac:spMkLst>
            <pc:docMk/>
            <pc:sldMk cId="2144077385" sldId="334"/>
            <ac:spMk id="15" creationId="{857234FA-129D-F146-9595-2CF9FF638F3C}"/>
          </ac:spMkLst>
        </pc:spChg>
        <pc:spChg chg="add mod">
          <ac:chgData name="Daly Donnacha HSLU I" userId="0f22e960-400a-43ff-baeb-4828c8f5cd3a" providerId="ADAL" clId="{25186994-00F8-734D-8EB0-4EF816F306B7}" dt="2021-03-09T16:28:31.436" v="1847"/>
          <ac:spMkLst>
            <pc:docMk/>
            <pc:sldMk cId="2144077385" sldId="334"/>
            <ac:spMk id="16" creationId="{1CFF6F68-F1C1-4348-8BBF-B335609180CF}"/>
          </ac:spMkLst>
        </pc:spChg>
        <pc:spChg chg="add mod">
          <ac:chgData name="Daly Donnacha HSLU I" userId="0f22e960-400a-43ff-baeb-4828c8f5cd3a" providerId="ADAL" clId="{25186994-00F8-734D-8EB0-4EF816F306B7}" dt="2021-03-09T16:28:31.436" v="1847"/>
          <ac:spMkLst>
            <pc:docMk/>
            <pc:sldMk cId="2144077385" sldId="334"/>
            <ac:spMk id="17" creationId="{23FE862A-C3A9-6643-9145-B2D962C7BAAA}"/>
          </ac:spMkLst>
        </pc:spChg>
        <pc:picChg chg="add mod">
          <ac:chgData name="Daly Donnacha HSLU I" userId="0f22e960-400a-43ff-baeb-4828c8f5cd3a" providerId="ADAL" clId="{25186994-00F8-734D-8EB0-4EF816F306B7}" dt="2021-03-09T16:28:31.436" v="1847"/>
          <ac:picMkLst>
            <pc:docMk/>
            <pc:sldMk cId="2144077385" sldId="334"/>
            <ac:picMk id="7" creationId="{786BF591-A315-4E42-BD14-6D0FE68A5B51}"/>
          </ac:picMkLst>
        </pc:picChg>
        <pc:picChg chg="add mod">
          <ac:chgData name="Daly Donnacha HSLU I" userId="0f22e960-400a-43ff-baeb-4828c8f5cd3a" providerId="ADAL" clId="{25186994-00F8-734D-8EB0-4EF816F306B7}" dt="2021-03-09T16:28:31.436" v="1847"/>
          <ac:picMkLst>
            <pc:docMk/>
            <pc:sldMk cId="2144077385" sldId="334"/>
            <ac:picMk id="9" creationId="{428E8559-4BD1-B341-A299-FDF04F1F0371}"/>
          </ac:picMkLst>
        </pc:picChg>
        <pc:picChg chg="add mod">
          <ac:chgData name="Daly Donnacha HSLU I" userId="0f22e960-400a-43ff-baeb-4828c8f5cd3a" providerId="ADAL" clId="{25186994-00F8-734D-8EB0-4EF816F306B7}" dt="2021-03-09T16:28:31.436" v="1847"/>
          <ac:picMkLst>
            <pc:docMk/>
            <pc:sldMk cId="2144077385" sldId="334"/>
            <ac:picMk id="10" creationId="{C4C13D59-B7C9-6542-9E0D-51CF52E5F850}"/>
          </ac:picMkLst>
        </pc:picChg>
        <pc:picChg chg="add mod">
          <ac:chgData name="Daly Donnacha HSLU I" userId="0f22e960-400a-43ff-baeb-4828c8f5cd3a" providerId="ADAL" clId="{25186994-00F8-734D-8EB0-4EF816F306B7}" dt="2021-03-09T16:28:31.436" v="1847"/>
          <ac:picMkLst>
            <pc:docMk/>
            <pc:sldMk cId="2144077385" sldId="334"/>
            <ac:picMk id="13" creationId="{A28253B2-2360-FF49-833C-9D7EEB3C8848}"/>
          </ac:picMkLst>
        </pc:picChg>
      </pc:sldChg>
      <pc:sldChg chg="addSp delSp modSp new mod">
        <pc:chgData name="Daly Donnacha HSLU I" userId="0f22e960-400a-43ff-baeb-4828c8f5cd3a" providerId="ADAL" clId="{25186994-00F8-734D-8EB0-4EF816F306B7}" dt="2021-03-10T15:14:12.418" v="6838" actId="20577"/>
        <pc:sldMkLst>
          <pc:docMk/>
          <pc:sldMk cId="2964960322" sldId="335"/>
        </pc:sldMkLst>
        <pc:spChg chg="mod">
          <ac:chgData name="Daly Donnacha HSLU I" userId="0f22e960-400a-43ff-baeb-4828c8f5cd3a" providerId="ADAL" clId="{25186994-00F8-734D-8EB0-4EF816F306B7}" dt="2021-03-10T13:42:40.685" v="3158" actId="20577"/>
          <ac:spMkLst>
            <pc:docMk/>
            <pc:sldMk cId="2964960322" sldId="335"/>
            <ac:spMk id="2" creationId="{AB77C30E-DF7B-B64B-AA0B-DBD45DF3E843}"/>
          </ac:spMkLst>
        </pc:spChg>
        <pc:spChg chg="add del mod">
          <ac:chgData name="Daly Donnacha HSLU I" userId="0f22e960-400a-43ff-baeb-4828c8f5cd3a" providerId="ADAL" clId="{25186994-00F8-734D-8EB0-4EF816F306B7}" dt="2021-03-10T13:48:16.972" v="3279" actId="478"/>
          <ac:spMkLst>
            <pc:docMk/>
            <pc:sldMk cId="2964960322" sldId="335"/>
            <ac:spMk id="4" creationId="{C6B59897-DC8A-E544-971A-D7893E495317}"/>
          </ac:spMkLst>
        </pc:spChg>
        <pc:spChg chg="add del mod">
          <ac:chgData name="Daly Donnacha HSLU I" userId="0f22e960-400a-43ff-baeb-4828c8f5cd3a" providerId="ADAL" clId="{25186994-00F8-734D-8EB0-4EF816F306B7}" dt="2021-03-10T13:48:16.972" v="3279" actId="478"/>
          <ac:spMkLst>
            <pc:docMk/>
            <pc:sldMk cId="2964960322" sldId="335"/>
            <ac:spMk id="5" creationId="{274633D3-15DB-E641-AB8D-EE721D1F55B3}"/>
          </ac:spMkLst>
        </pc:spChg>
        <pc:spChg chg="add del mod">
          <ac:chgData name="Daly Donnacha HSLU I" userId="0f22e960-400a-43ff-baeb-4828c8f5cd3a" providerId="ADAL" clId="{25186994-00F8-734D-8EB0-4EF816F306B7}" dt="2021-03-10T13:48:16.972" v="3279" actId="478"/>
          <ac:spMkLst>
            <pc:docMk/>
            <pc:sldMk cId="2964960322" sldId="335"/>
            <ac:spMk id="6" creationId="{C02DD966-CEAE-294E-8E5F-06ED0201F27F}"/>
          </ac:spMkLst>
        </pc:spChg>
        <pc:spChg chg="add del mod">
          <ac:chgData name="Daly Donnacha HSLU I" userId="0f22e960-400a-43ff-baeb-4828c8f5cd3a" providerId="ADAL" clId="{25186994-00F8-734D-8EB0-4EF816F306B7}" dt="2021-03-10T13:48:16.972" v="3279" actId="478"/>
          <ac:spMkLst>
            <pc:docMk/>
            <pc:sldMk cId="2964960322" sldId="335"/>
            <ac:spMk id="7" creationId="{760CE563-AC6D-9348-955A-B425CE592860}"/>
          </ac:spMkLst>
        </pc:spChg>
        <pc:spChg chg="add del mod">
          <ac:chgData name="Daly Donnacha HSLU I" userId="0f22e960-400a-43ff-baeb-4828c8f5cd3a" providerId="ADAL" clId="{25186994-00F8-734D-8EB0-4EF816F306B7}" dt="2021-03-10T13:48:16.972" v="3279" actId="478"/>
          <ac:spMkLst>
            <pc:docMk/>
            <pc:sldMk cId="2964960322" sldId="335"/>
            <ac:spMk id="8" creationId="{FFE1C7E5-77DB-1D4D-9895-A682B0F6044C}"/>
          </ac:spMkLst>
        </pc:spChg>
        <pc:spChg chg="add del mod">
          <ac:chgData name="Daly Donnacha HSLU I" userId="0f22e960-400a-43ff-baeb-4828c8f5cd3a" providerId="ADAL" clId="{25186994-00F8-734D-8EB0-4EF816F306B7}" dt="2021-03-10T13:48:16.972" v="3279" actId="478"/>
          <ac:spMkLst>
            <pc:docMk/>
            <pc:sldMk cId="2964960322" sldId="335"/>
            <ac:spMk id="9" creationId="{49EF9B39-D0C9-E440-8548-F5D8AC5A269A}"/>
          </ac:spMkLst>
        </pc:spChg>
        <pc:spChg chg="add del mod">
          <ac:chgData name="Daly Donnacha HSLU I" userId="0f22e960-400a-43ff-baeb-4828c8f5cd3a" providerId="ADAL" clId="{25186994-00F8-734D-8EB0-4EF816F306B7}" dt="2021-03-10T13:49:03.703" v="3286" actId="478"/>
          <ac:spMkLst>
            <pc:docMk/>
            <pc:sldMk cId="2964960322" sldId="335"/>
            <ac:spMk id="10" creationId="{D7AFBAFE-8928-0647-A845-C159DA141D00}"/>
          </ac:spMkLst>
        </pc:spChg>
        <pc:spChg chg="add mod">
          <ac:chgData name="Daly Donnacha HSLU I" userId="0f22e960-400a-43ff-baeb-4828c8f5cd3a" providerId="ADAL" clId="{25186994-00F8-734D-8EB0-4EF816F306B7}" dt="2021-03-10T13:54:00.798" v="3539" actId="1076"/>
          <ac:spMkLst>
            <pc:docMk/>
            <pc:sldMk cId="2964960322" sldId="335"/>
            <ac:spMk id="12" creationId="{D9B7E20C-ED29-C64C-BC88-600B6509E339}"/>
          </ac:spMkLst>
        </pc:spChg>
        <pc:spChg chg="add mod">
          <ac:chgData name="Daly Donnacha HSLU I" userId="0f22e960-400a-43ff-baeb-4828c8f5cd3a" providerId="ADAL" clId="{25186994-00F8-734D-8EB0-4EF816F306B7}" dt="2021-03-10T13:53:57.086" v="3538" actId="1076"/>
          <ac:spMkLst>
            <pc:docMk/>
            <pc:sldMk cId="2964960322" sldId="335"/>
            <ac:spMk id="13" creationId="{C50935D6-CEA7-1843-9B2F-4E66535B0111}"/>
          </ac:spMkLst>
        </pc:spChg>
        <pc:spChg chg="add mod">
          <ac:chgData name="Daly Donnacha HSLU I" userId="0f22e960-400a-43ff-baeb-4828c8f5cd3a" providerId="ADAL" clId="{25186994-00F8-734D-8EB0-4EF816F306B7}" dt="2021-03-10T15:14:12.418" v="6838" actId="20577"/>
          <ac:spMkLst>
            <pc:docMk/>
            <pc:sldMk cId="2964960322" sldId="335"/>
            <ac:spMk id="20" creationId="{E83EA5E0-FCD8-0E4F-A786-B50EB1DED59D}"/>
          </ac:spMkLst>
        </pc:spChg>
        <pc:spChg chg="add mod">
          <ac:chgData name="Daly Donnacha HSLU I" userId="0f22e960-400a-43ff-baeb-4828c8f5cd3a" providerId="ADAL" clId="{25186994-00F8-734D-8EB0-4EF816F306B7}" dt="2021-03-10T13:48:49.788" v="3284" actId="1036"/>
          <ac:spMkLst>
            <pc:docMk/>
            <pc:sldMk cId="2964960322" sldId="335"/>
            <ac:spMk id="21" creationId="{3B4F93D3-9412-4A46-88AD-10AB48001ACC}"/>
          </ac:spMkLst>
        </pc:spChg>
        <pc:spChg chg="add mod">
          <ac:chgData name="Daly Donnacha HSLU I" userId="0f22e960-400a-43ff-baeb-4828c8f5cd3a" providerId="ADAL" clId="{25186994-00F8-734D-8EB0-4EF816F306B7}" dt="2021-03-10T13:48:49.788" v="3284" actId="1036"/>
          <ac:spMkLst>
            <pc:docMk/>
            <pc:sldMk cId="2964960322" sldId="335"/>
            <ac:spMk id="22" creationId="{E73C54F9-B7A9-2E48-8004-5F695589BF25}"/>
          </ac:spMkLst>
        </pc:spChg>
        <pc:spChg chg="add mod">
          <ac:chgData name="Daly Donnacha HSLU I" userId="0f22e960-400a-43ff-baeb-4828c8f5cd3a" providerId="ADAL" clId="{25186994-00F8-734D-8EB0-4EF816F306B7}" dt="2021-03-10T14:28:55.621" v="5055" actId="113"/>
          <ac:spMkLst>
            <pc:docMk/>
            <pc:sldMk cId="2964960322" sldId="335"/>
            <ac:spMk id="23" creationId="{11EDF867-BE59-2243-9E52-5A84058B754B}"/>
          </ac:spMkLst>
        </pc:spChg>
        <pc:grpChg chg="add mod">
          <ac:chgData name="Daly Donnacha HSLU I" userId="0f22e960-400a-43ff-baeb-4828c8f5cd3a" providerId="ADAL" clId="{25186994-00F8-734D-8EB0-4EF816F306B7}" dt="2021-03-10T13:53:47.620" v="3536" actId="14100"/>
          <ac:grpSpMkLst>
            <pc:docMk/>
            <pc:sldMk cId="2964960322" sldId="335"/>
            <ac:grpSpMk id="24" creationId="{C2493361-8FA9-3C49-BD81-5D0ADFDF9DE7}"/>
          </ac:grpSpMkLst>
        </pc:grpChg>
        <pc:picChg chg="add del mod">
          <ac:chgData name="Daly Donnacha HSLU I" userId="0f22e960-400a-43ff-baeb-4828c8f5cd3a" providerId="ADAL" clId="{25186994-00F8-734D-8EB0-4EF816F306B7}" dt="2021-03-10T13:48:16.972" v="3279" actId="478"/>
          <ac:picMkLst>
            <pc:docMk/>
            <pc:sldMk cId="2964960322" sldId="335"/>
            <ac:picMk id="3" creationId="{11FF1614-708A-9B4C-95DD-6C822B3DDA6F}"/>
          </ac:picMkLst>
        </pc:picChg>
        <pc:picChg chg="add mod">
          <ac:chgData name="Daly Donnacha HSLU I" userId="0f22e960-400a-43ff-baeb-4828c8f5cd3a" providerId="ADAL" clId="{25186994-00F8-734D-8EB0-4EF816F306B7}" dt="2021-03-10T13:48:17.394" v="3280"/>
          <ac:picMkLst>
            <pc:docMk/>
            <pc:sldMk cId="2964960322" sldId="335"/>
            <ac:picMk id="11" creationId="{8DAE6F0C-68B5-4745-BB7F-71B19C52D0E1}"/>
          </ac:picMkLst>
        </pc:picChg>
        <pc:picChg chg="add mod">
          <ac:chgData name="Daly Donnacha HSLU I" userId="0f22e960-400a-43ff-baeb-4828c8f5cd3a" providerId="ADAL" clId="{25186994-00F8-734D-8EB0-4EF816F306B7}" dt="2021-03-10T13:54:05.291" v="3541" actId="14100"/>
          <ac:picMkLst>
            <pc:docMk/>
            <pc:sldMk cId="2964960322" sldId="335"/>
            <ac:picMk id="14" creationId="{138D9A53-C167-D04E-BF39-9528BD412F6C}"/>
          </ac:picMkLst>
        </pc:picChg>
        <pc:picChg chg="add mod">
          <ac:chgData name="Daly Donnacha HSLU I" userId="0f22e960-400a-43ff-baeb-4828c8f5cd3a" providerId="ADAL" clId="{25186994-00F8-734D-8EB0-4EF816F306B7}" dt="2021-03-10T13:53:47.620" v="3536" actId="14100"/>
          <ac:picMkLst>
            <pc:docMk/>
            <pc:sldMk cId="2964960322" sldId="335"/>
            <ac:picMk id="15" creationId="{5009AEAB-878B-D84C-8BFB-5DCE9DBB318C}"/>
          </ac:picMkLst>
        </pc:picChg>
        <pc:picChg chg="add del mod">
          <ac:chgData name="Daly Donnacha HSLU I" userId="0f22e960-400a-43ff-baeb-4828c8f5cd3a" providerId="ADAL" clId="{25186994-00F8-734D-8EB0-4EF816F306B7}" dt="2021-03-10T13:53:47.620" v="3536" actId="14100"/>
          <ac:picMkLst>
            <pc:docMk/>
            <pc:sldMk cId="2964960322" sldId="335"/>
            <ac:picMk id="16" creationId="{3D496CEA-1194-9D4B-A1CF-A223108D85E9}"/>
          </ac:picMkLst>
        </pc:picChg>
        <pc:picChg chg="add mod">
          <ac:chgData name="Daly Donnacha HSLU I" userId="0f22e960-400a-43ff-baeb-4828c8f5cd3a" providerId="ADAL" clId="{25186994-00F8-734D-8EB0-4EF816F306B7}" dt="2021-03-10T13:48:17.394" v="3280"/>
          <ac:picMkLst>
            <pc:docMk/>
            <pc:sldMk cId="2964960322" sldId="335"/>
            <ac:picMk id="17" creationId="{6C7CAE8C-785F-D644-9EC2-054948795C50}"/>
          </ac:picMkLst>
        </pc:picChg>
        <pc:picChg chg="add mod">
          <ac:chgData name="Daly Donnacha HSLU I" userId="0f22e960-400a-43ff-baeb-4828c8f5cd3a" providerId="ADAL" clId="{25186994-00F8-734D-8EB0-4EF816F306B7}" dt="2021-03-10T13:48:49.788" v="3284" actId="1036"/>
          <ac:picMkLst>
            <pc:docMk/>
            <pc:sldMk cId="2964960322" sldId="335"/>
            <ac:picMk id="18" creationId="{A924C4D7-14FC-5D44-B484-10DCD2ABAD5D}"/>
          </ac:picMkLst>
        </pc:picChg>
        <pc:picChg chg="add mod">
          <ac:chgData name="Daly Donnacha HSLU I" userId="0f22e960-400a-43ff-baeb-4828c8f5cd3a" providerId="ADAL" clId="{25186994-00F8-734D-8EB0-4EF816F306B7}" dt="2021-03-10T13:48:49.788" v="3284" actId="1036"/>
          <ac:picMkLst>
            <pc:docMk/>
            <pc:sldMk cId="2964960322" sldId="335"/>
            <ac:picMk id="19" creationId="{2EE226DC-484B-CD4B-9CA1-89E4A004091B}"/>
          </ac:picMkLst>
        </pc:picChg>
      </pc:sldChg>
      <pc:sldChg chg="addSp delSp modSp new mod">
        <pc:chgData name="Daly Donnacha HSLU I" userId="0f22e960-400a-43ff-baeb-4828c8f5cd3a" providerId="ADAL" clId="{25186994-00F8-734D-8EB0-4EF816F306B7}" dt="2021-03-10T14:49:39.927" v="6068" actId="20577"/>
        <pc:sldMkLst>
          <pc:docMk/>
          <pc:sldMk cId="53301900" sldId="336"/>
        </pc:sldMkLst>
        <pc:spChg chg="mod">
          <ac:chgData name="Daly Donnacha HSLU I" userId="0f22e960-400a-43ff-baeb-4828c8f5cd3a" providerId="ADAL" clId="{25186994-00F8-734D-8EB0-4EF816F306B7}" dt="2021-03-10T14:03:52.934" v="3774" actId="20577"/>
          <ac:spMkLst>
            <pc:docMk/>
            <pc:sldMk cId="53301900" sldId="336"/>
            <ac:spMk id="2" creationId="{6DEA1862-BD90-ED4D-BF60-3A3F89C92743}"/>
          </ac:spMkLst>
        </pc:spChg>
        <pc:spChg chg="add mod">
          <ac:chgData name="Daly Donnacha HSLU I" userId="0f22e960-400a-43ff-baeb-4828c8f5cd3a" providerId="ADAL" clId="{25186994-00F8-734D-8EB0-4EF816F306B7}" dt="2021-03-10T14:13:58.331" v="4548" actId="20577"/>
          <ac:spMkLst>
            <pc:docMk/>
            <pc:sldMk cId="53301900" sldId="336"/>
            <ac:spMk id="3" creationId="{9B8B6697-A853-DE4C-A0C2-5A99ED69E329}"/>
          </ac:spMkLst>
        </pc:spChg>
        <pc:spChg chg="add mod">
          <ac:chgData name="Daly Donnacha HSLU I" userId="0f22e960-400a-43ff-baeb-4828c8f5cd3a" providerId="ADAL" clId="{25186994-00F8-734D-8EB0-4EF816F306B7}" dt="2021-03-10T14:11:23.183" v="4497" actId="1035"/>
          <ac:spMkLst>
            <pc:docMk/>
            <pc:sldMk cId="53301900" sldId="336"/>
            <ac:spMk id="6" creationId="{2FBF2705-18B7-A54F-AE3F-2AC557B48F33}"/>
          </ac:spMkLst>
        </pc:spChg>
        <pc:spChg chg="add mod">
          <ac:chgData name="Daly Donnacha HSLU I" userId="0f22e960-400a-43ff-baeb-4828c8f5cd3a" providerId="ADAL" clId="{25186994-00F8-734D-8EB0-4EF816F306B7}" dt="2021-03-10T14:49:39.927" v="6068" actId="20577"/>
          <ac:spMkLst>
            <pc:docMk/>
            <pc:sldMk cId="53301900" sldId="336"/>
            <ac:spMk id="7" creationId="{5D16C7BE-5CEC-CD4D-89A8-038F4D0C48DD}"/>
          </ac:spMkLst>
        </pc:spChg>
        <pc:spChg chg="add del mod">
          <ac:chgData name="Daly Donnacha HSLU I" userId="0f22e960-400a-43ff-baeb-4828c8f5cd3a" providerId="ADAL" clId="{25186994-00F8-734D-8EB0-4EF816F306B7}" dt="2021-03-10T14:11:28.232" v="4501" actId="478"/>
          <ac:spMkLst>
            <pc:docMk/>
            <pc:sldMk cId="53301900" sldId="336"/>
            <ac:spMk id="8" creationId="{17AFC282-40DB-B342-80C4-D3AB9CB177FB}"/>
          </ac:spMkLst>
        </pc:spChg>
        <pc:picChg chg="add mod">
          <ac:chgData name="Daly Donnacha HSLU I" userId="0f22e960-400a-43ff-baeb-4828c8f5cd3a" providerId="ADAL" clId="{25186994-00F8-734D-8EB0-4EF816F306B7}" dt="2021-03-10T14:11:20.254" v="4494" actId="1035"/>
          <ac:picMkLst>
            <pc:docMk/>
            <pc:sldMk cId="53301900" sldId="336"/>
            <ac:picMk id="4" creationId="{A7CF495B-7009-7745-9439-339BBA3AB0D2}"/>
          </ac:picMkLst>
        </pc:picChg>
        <pc:picChg chg="add mod">
          <ac:chgData name="Daly Donnacha HSLU I" userId="0f22e960-400a-43ff-baeb-4828c8f5cd3a" providerId="ADAL" clId="{25186994-00F8-734D-8EB0-4EF816F306B7}" dt="2021-03-10T14:49:35.334" v="6066" actId="1036"/>
          <ac:picMkLst>
            <pc:docMk/>
            <pc:sldMk cId="53301900" sldId="336"/>
            <ac:picMk id="5" creationId="{A8821369-6B7E-4E43-A963-39B29BF0C630}"/>
          </ac:picMkLst>
        </pc:picChg>
      </pc:sldChg>
      <pc:sldChg chg="addSp delSp modSp new mod">
        <pc:chgData name="Daly Donnacha HSLU I" userId="0f22e960-400a-43ff-baeb-4828c8f5cd3a" providerId="ADAL" clId="{25186994-00F8-734D-8EB0-4EF816F306B7}" dt="2021-03-10T15:16:24.810" v="6841" actId="113"/>
        <pc:sldMkLst>
          <pc:docMk/>
          <pc:sldMk cId="3740263952" sldId="337"/>
        </pc:sldMkLst>
        <pc:spChg chg="mod">
          <ac:chgData name="Daly Donnacha HSLU I" userId="0f22e960-400a-43ff-baeb-4828c8f5cd3a" providerId="ADAL" clId="{25186994-00F8-734D-8EB0-4EF816F306B7}" dt="2021-03-10T14:14:37.463" v="4558" actId="20577"/>
          <ac:spMkLst>
            <pc:docMk/>
            <pc:sldMk cId="3740263952" sldId="337"/>
            <ac:spMk id="2" creationId="{F94C6510-E832-894D-83C3-B071D088F7B3}"/>
          </ac:spMkLst>
        </pc:spChg>
        <pc:spChg chg="add del mod">
          <ac:chgData name="Daly Donnacha HSLU I" userId="0f22e960-400a-43ff-baeb-4828c8f5cd3a" providerId="ADAL" clId="{25186994-00F8-734D-8EB0-4EF816F306B7}" dt="2021-03-10T14:15:05.058" v="4560" actId="478"/>
          <ac:spMkLst>
            <pc:docMk/>
            <pc:sldMk cId="3740263952" sldId="337"/>
            <ac:spMk id="4" creationId="{B15474E3-D874-A643-9A35-E736ACEC01D7}"/>
          </ac:spMkLst>
        </pc:spChg>
        <pc:spChg chg="add mod">
          <ac:chgData name="Daly Donnacha HSLU I" userId="0f22e960-400a-43ff-baeb-4828c8f5cd3a" providerId="ADAL" clId="{25186994-00F8-734D-8EB0-4EF816F306B7}" dt="2021-03-10T15:16:24.810" v="6841" actId="113"/>
          <ac:spMkLst>
            <pc:docMk/>
            <pc:sldMk cId="3740263952" sldId="337"/>
            <ac:spMk id="5" creationId="{DF0D8453-6D46-844E-9680-C02708A6E2AF}"/>
          </ac:spMkLst>
        </pc:spChg>
        <pc:spChg chg="add mod">
          <ac:chgData name="Daly Donnacha HSLU I" userId="0f22e960-400a-43ff-baeb-4828c8f5cd3a" providerId="ADAL" clId="{25186994-00F8-734D-8EB0-4EF816F306B7}" dt="2021-03-10T14:39:34.431" v="5929" actId="113"/>
          <ac:spMkLst>
            <pc:docMk/>
            <pc:sldMk cId="3740263952" sldId="337"/>
            <ac:spMk id="6" creationId="{8508D773-55F8-D041-B668-7344134A6A78}"/>
          </ac:spMkLst>
        </pc:spChg>
        <pc:spChg chg="add mod">
          <ac:chgData name="Daly Donnacha HSLU I" userId="0f22e960-400a-43ff-baeb-4828c8f5cd3a" providerId="ADAL" clId="{25186994-00F8-734D-8EB0-4EF816F306B7}" dt="2021-03-10T14:41:15.420" v="5977" actId="20577"/>
          <ac:spMkLst>
            <pc:docMk/>
            <pc:sldMk cId="3740263952" sldId="337"/>
            <ac:spMk id="7" creationId="{C13C0943-DD48-984B-B5DC-56C070780DB3}"/>
          </ac:spMkLst>
        </pc:spChg>
        <pc:spChg chg="add mod">
          <ac:chgData name="Daly Donnacha HSLU I" userId="0f22e960-400a-43ff-baeb-4828c8f5cd3a" providerId="ADAL" clId="{25186994-00F8-734D-8EB0-4EF816F306B7}" dt="2021-03-10T15:15:55.298" v="6839"/>
          <ac:spMkLst>
            <pc:docMk/>
            <pc:sldMk cId="3740263952" sldId="337"/>
            <ac:spMk id="8" creationId="{15EE14C7-7D3A-9145-866B-7407AB7A224C}"/>
          </ac:spMkLst>
        </pc:spChg>
        <pc:picChg chg="add mod">
          <ac:chgData name="Daly Donnacha HSLU I" userId="0f22e960-400a-43ff-baeb-4828c8f5cd3a" providerId="ADAL" clId="{25186994-00F8-734D-8EB0-4EF816F306B7}" dt="2021-03-10T14:40:45.712" v="5938" actId="14100"/>
          <ac:picMkLst>
            <pc:docMk/>
            <pc:sldMk cId="3740263952" sldId="337"/>
            <ac:picMk id="3" creationId="{502B957E-B2E6-2A49-A61C-2FDE04ACDEB1}"/>
          </ac:picMkLst>
        </pc:picChg>
      </pc:sldChg>
      <pc:sldChg chg="addSp delSp modSp new del">
        <pc:chgData name="Daly Donnacha HSLU I" userId="0f22e960-400a-43ff-baeb-4828c8f5cd3a" providerId="ADAL" clId="{25186994-00F8-734D-8EB0-4EF816F306B7}" dt="2021-03-10T18:58:21.870" v="8228" actId="2696"/>
        <pc:sldMkLst>
          <pc:docMk/>
          <pc:sldMk cId="2275995526" sldId="338"/>
        </pc:sldMkLst>
        <pc:spChg chg="add del mod">
          <ac:chgData name="Daly Donnacha HSLU I" userId="0f22e960-400a-43ff-baeb-4828c8f5cd3a" providerId="ADAL" clId="{25186994-00F8-734D-8EB0-4EF816F306B7}" dt="2021-03-10T18:58:11.078" v="8226" actId="21"/>
          <ac:spMkLst>
            <pc:docMk/>
            <pc:sldMk cId="2275995526" sldId="338"/>
            <ac:spMk id="3" creationId="{191D9874-0C4D-4F43-806D-65635F4846A9}"/>
          </ac:spMkLst>
        </pc:spChg>
        <pc:spChg chg="add del mod">
          <ac:chgData name="Daly Donnacha HSLU I" userId="0f22e960-400a-43ff-baeb-4828c8f5cd3a" providerId="ADAL" clId="{25186994-00F8-734D-8EB0-4EF816F306B7}" dt="2021-03-10T18:58:11.078" v="8226" actId="21"/>
          <ac:spMkLst>
            <pc:docMk/>
            <pc:sldMk cId="2275995526" sldId="338"/>
            <ac:spMk id="4" creationId="{4269980B-9007-0A42-85C8-E64F96D4808C}"/>
          </ac:spMkLst>
        </pc:spChg>
        <pc:picChg chg="add del mod">
          <ac:chgData name="Daly Donnacha HSLU I" userId="0f22e960-400a-43ff-baeb-4828c8f5cd3a" providerId="ADAL" clId="{25186994-00F8-734D-8EB0-4EF816F306B7}" dt="2021-03-10T18:58:11.078" v="8226" actId="21"/>
          <ac:picMkLst>
            <pc:docMk/>
            <pc:sldMk cId="2275995526" sldId="338"/>
            <ac:picMk id="5" creationId="{F9389C47-29FC-B34F-8E1E-918027267A81}"/>
          </ac:picMkLst>
        </pc:picChg>
      </pc:sldChg>
      <pc:sldChg chg="addSp delSp modSp add del mod">
        <pc:chgData name="Daly Donnacha HSLU I" userId="0f22e960-400a-43ff-baeb-4828c8f5cd3a" providerId="ADAL" clId="{25186994-00F8-734D-8EB0-4EF816F306B7}" dt="2021-03-10T19:38:10.342" v="9544" actId="2696"/>
        <pc:sldMkLst>
          <pc:docMk/>
          <pc:sldMk cId="3816578222" sldId="339"/>
        </pc:sldMkLst>
        <pc:spChg chg="del mod">
          <ac:chgData name="Daly Donnacha HSLU I" userId="0f22e960-400a-43ff-baeb-4828c8f5cd3a" providerId="ADAL" clId="{25186994-00F8-734D-8EB0-4EF816F306B7}" dt="2021-03-10T14:42:07.742" v="5978" actId="478"/>
          <ac:spMkLst>
            <pc:docMk/>
            <pc:sldMk cId="3816578222" sldId="339"/>
            <ac:spMk id="2" creationId="{BA96BC0F-DC69-7F45-A10A-68544200C173}"/>
          </ac:spMkLst>
        </pc:spChg>
        <pc:spChg chg="del">
          <ac:chgData name="Daly Donnacha HSLU I" userId="0f22e960-400a-43ff-baeb-4828c8f5cd3a" providerId="ADAL" clId="{25186994-00F8-734D-8EB0-4EF816F306B7}" dt="2021-03-10T14:21:49.596" v="4770" actId="478"/>
          <ac:spMkLst>
            <pc:docMk/>
            <pc:sldMk cId="3816578222" sldId="339"/>
            <ac:spMk id="18" creationId="{30FC8AAD-F14F-8244-BD0D-3D61834FEC79}"/>
          </ac:spMkLst>
        </pc:spChg>
        <pc:spChg chg="del">
          <ac:chgData name="Daly Donnacha HSLU I" userId="0f22e960-400a-43ff-baeb-4828c8f5cd3a" providerId="ADAL" clId="{25186994-00F8-734D-8EB0-4EF816F306B7}" dt="2021-03-10T14:21:49.596" v="4770" actId="478"/>
          <ac:spMkLst>
            <pc:docMk/>
            <pc:sldMk cId="3816578222" sldId="339"/>
            <ac:spMk id="19" creationId="{0039FA5E-A84D-FE4E-B7A2-3FDD9260CC80}"/>
          </ac:spMkLst>
        </pc:spChg>
        <pc:spChg chg="add mod">
          <ac:chgData name="Daly Donnacha HSLU I" userId="0f22e960-400a-43ff-baeb-4828c8f5cd3a" providerId="ADAL" clId="{25186994-00F8-734D-8EB0-4EF816F306B7}" dt="2021-03-10T19:32:54.624" v="9452" actId="14100"/>
          <ac:spMkLst>
            <pc:docMk/>
            <pc:sldMk cId="3816578222" sldId="339"/>
            <ac:spMk id="20" creationId="{A2C13F1D-946D-1642-A988-7229D5905F82}"/>
          </ac:spMkLst>
        </pc:spChg>
        <pc:spChg chg="add del mod">
          <ac:chgData name="Daly Donnacha HSLU I" userId="0f22e960-400a-43ff-baeb-4828c8f5cd3a" providerId="ADAL" clId="{25186994-00F8-734D-8EB0-4EF816F306B7}" dt="2021-03-10T14:42:12.546" v="5979" actId="478"/>
          <ac:spMkLst>
            <pc:docMk/>
            <pc:sldMk cId="3816578222" sldId="339"/>
            <ac:spMk id="21" creationId="{67DE3E9C-6F3D-F047-A7F6-A52CFC3A6745}"/>
          </ac:spMkLst>
        </pc:spChg>
        <pc:picChg chg="add mod">
          <ac:chgData name="Daly Donnacha HSLU I" userId="0f22e960-400a-43ff-baeb-4828c8f5cd3a" providerId="ADAL" clId="{25186994-00F8-734D-8EB0-4EF816F306B7}" dt="2021-03-10T19:33:01.154" v="9455" actId="1076"/>
          <ac:picMkLst>
            <pc:docMk/>
            <pc:sldMk cId="3816578222" sldId="339"/>
            <ac:picMk id="2" creationId="{930FC47A-8043-CB44-BA64-B4F2BED5A34C}"/>
          </ac:picMkLst>
        </pc:picChg>
        <pc:picChg chg="del">
          <ac:chgData name="Daly Donnacha HSLU I" userId="0f22e960-400a-43ff-baeb-4828c8f5cd3a" providerId="ADAL" clId="{25186994-00F8-734D-8EB0-4EF816F306B7}" dt="2021-03-10T14:21:49.596" v="4770" actId="478"/>
          <ac:picMkLst>
            <pc:docMk/>
            <pc:sldMk cId="3816578222" sldId="339"/>
            <ac:picMk id="3" creationId="{CB36EA87-76E5-4046-A1DC-232B80823C7F}"/>
          </ac:picMkLst>
        </pc:picChg>
        <pc:picChg chg="del">
          <ac:chgData name="Daly Donnacha HSLU I" userId="0f22e960-400a-43ff-baeb-4828c8f5cd3a" providerId="ADAL" clId="{25186994-00F8-734D-8EB0-4EF816F306B7}" dt="2021-03-10T14:21:49.596" v="4770" actId="478"/>
          <ac:picMkLst>
            <pc:docMk/>
            <pc:sldMk cId="3816578222" sldId="339"/>
            <ac:picMk id="4" creationId="{414783F0-3151-134A-88BC-85F26E8FFBA8}"/>
          </ac:picMkLst>
        </pc:picChg>
        <pc:picChg chg="del">
          <ac:chgData name="Daly Donnacha HSLU I" userId="0f22e960-400a-43ff-baeb-4828c8f5cd3a" providerId="ADAL" clId="{25186994-00F8-734D-8EB0-4EF816F306B7}" dt="2021-03-10T14:21:49.596" v="4770" actId="478"/>
          <ac:picMkLst>
            <pc:docMk/>
            <pc:sldMk cId="3816578222" sldId="339"/>
            <ac:picMk id="5" creationId="{DAEFB738-8F9F-3A4D-92E9-4787B09B8E10}"/>
          </ac:picMkLst>
        </pc:picChg>
        <pc:picChg chg="del">
          <ac:chgData name="Daly Donnacha HSLU I" userId="0f22e960-400a-43ff-baeb-4828c8f5cd3a" providerId="ADAL" clId="{25186994-00F8-734D-8EB0-4EF816F306B7}" dt="2021-03-10T14:21:49.596" v="4770" actId="478"/>
          <ac:picMkLst>
            <pc:docMk/>
            <pc:sldMk cId="3816578222" sldId="339"/>
            <ac:picMk id="6" creationId="{5C932CD3-0E22-1940-B71D-00107DCB570D}"/>
          </ac:picMkLst>
        </pc:picChg>
        <pc:picChg chg="del">
          <ac:chgData name="Daly Donnacha HSLU I" userId="0f22e960-400a-43ff-baeb-4828c8f5cd3a" providerId="ADAL" clId="{25186994-00F8-734D-8EB0-4EF816F306B7}" dt="2021-03-10T14:21:49.596" v="4770" actId="478"/>
          <ac:picMkLst>
            <pc:docMk/>
            <pc:sldMk cId="3816578222" sldId="339"/>
            <ac:picMk id="7" creationId="{9924B113-3EBB-474F-BE88-E44E88201D47}"/>
          </ac:picMkLst>
        </pc:picChg>
        <pc:picChg chg="del">
          <ac:chgData name="Daly Donnacha HSLU I" userId="0f22e960-400a-43ff-baeb-4828c8f5cd3a" providerId="ADAL" clId="{25186994-00F8-734D-8EB0-4EF816F306B7}" dt="2021-03-10T14:21:49.596" v="4770" actId="478"/>
          <ac:picMkLst>
            <pc:docMk/>
            <pc:sldMk cId="3816578222" sldId="339"/>
            <ac:picMk id="8" creationId="{749DCF6B-80F9-B745-B2D6-9A9FAAB9415F}"/>
          </ac:picMkLst>
        </pc:picChg>
        <pc:picChg chg="del">
          <ac:chgData name="Daly Donnacha HSLU I" userId="0f22e960-400a-43ff-baeb-4828c8f5cd3a" providerId="ADAL" clId="{25186994-00F8-734D-8EB0-4EF816F306B7}" dt="2021-03-10T14:21:49.596" v="4770" actId="478"/>
          <ac:picMkLst>
            <pc:docMk/>
            <pc:sldMk cId="3816578222" sldId="339"/>
            <ac:picMk id="9" creationId="{623F70D6-F3D2-274A-9D7C-B0F12549136E}"/>
          </ac:picMkLst>
        </pc:picChg>
        <pc:picChg chg="del">
          <ac:chgData name="Daly Donnacha HSLU I" userId="0f22e960-400a-43ff-baeb-4828c8f5cd3a" providerId="ADAL" clId="{25186994-00F8-734D-8EB0-4EF816F306B7}" dt="2021-03-10T14:21:49.596" v="4770" actId="478"/>
          <ac:picMkLst>
            <pc:docMk/>
            <pc:sldMk cId="3816578222" sldId="339"/>
            <ac:picMk id="10" creationId="{BE5DED23-9BBE-9147-9F9D-0AA74BCE649A}"/>
          </ac:picMkLst>
        </pc:picChg>
        <pc:picChg chg="del">
          <ac:chgData name="Daly Donnacha HSLU I" userId="0f22e960-400a-43ff-baeb-4828c8f5cd3a" providerId="ADAL" clId="{25186994-00F8-734D-8EB0-4EF816F306B7}" dt="2021-03-10T14:21:49.596" v="4770" actId="478"/>
          <ac:picMkLst>
            <pc:docMk/>
            <pc:sldMk cId="3816578222" sldId="339"/>
            <ac:picMk id="11" creationId="{DD40D25F-4200-4B41-B040-FD0D09AA9145}"/>
          </ac:picMkLst>
        </pc:picChg>
        <pc:picChg chg="del">
          <ac:chgData name="Daly Donnacha HSLU I" userId="0f22e960-400a-43ff-baeb-4828c8f5cd3a" providerId="ADAL" clId="{25186994-00F8-734D-8EB0-4EF816F306B7}" dt="2021-03-10T14:21:49.596" v="4770" actId="478"/>
          <ac:picMkLst>
            <pc:docMk/>
            <pc:sldMk cId="3816578222" sldId="339"/>
            <ac:picMk id="12" creationId="{364D3A3B-0425-A246-837B-EE0BBA1A5891}"/>
          </ac:picMkLst>
        </pc:picChg>
        <pc:picChg chg="del">
          <ac:chgData name="Daly Donnacha HSLU I" userId="0f22e960-400a-43ff-baeb-4828c8f5cd3a" providerId="ADAL" clId="{25186994-00F8-734D-8EB0-4EF816F306B7}" dt="2021-03-10T14:21:49.596" v="4770" actId="478"/>
          <ac:picMkLst>
            <pc:docMk/>
            <pc:sldMk cId="3816578222" sldId="339"/>
            <ac:picMk id="13" creationId="{6F6EF125-C744-D041-B32C-1BAA54FB48AB}"/>
          </ac:picMkLst>
        </pc:picChg>
        <pc:picChg chg="del">
          <ac:chgData name="Daly Donnacha HSLU I" userId="0f22e960-400a-43ff-baeb-4828c8f5cd3a" providerId="ADAL" clId="{25186994-00F8-734D-8EB0-4EF816F306B7}" dt="2021-03-10T14:21:49.596" v="4770" actId="478"/>
          <ac:picMkLst>
            <pc:docMk/>
            <pc:sldMk cId="3816578222" sldId="339"/>
            <ac:picMk id="14" creationId="{FEFAD993-E932-4148-90CF-447DD036E6ED}"/>
          </ac:picMkLst>
        </pc:picChg>
        <pc:picChg chg="del">
          <ac:chgData name="Daly Donnacha HSLU I" userId="0f22e960-400a-43ff-baeb-4828c8f5cd3a" providerId="ADAL" clId="{25186994-00F8-734D-8EB0-4EF816F306B7}" dt="2021-03-10T14:21:49.596" v="4770" actId="478"/>
          <ac:picMkLst>
            <pc:docMk/>
            <pc:sldMk cId="3816578222" sldId="339"/>
            <ac:picMk id="15" creationId="{0478B0A4-7274-C44E-AA8E-A616DBFB382F}"/>
          </ac:picMkLst>
        </pc:picChg>
        <pc:picChg chg="del">
          <ac:chgData name="Daly Donnacha HSLU I" userId="0f22e960-400a-43ff-baeb-4828c8f5cd3a" providerId="ADAL" clId="{25186994-00F8-734D-8EB0-4EF816F306B7}" dt="2021-03-10T14:21:49.596" v="4770" actId="478"/>
          <ac:picMkLst>
            <pc:docMk/>
            <pc:sldMk cId="3816578222" sldId="339"/>
            <ac:picMk id="16" creationId="{5C6BA5C5-567D-134B-9CDF-CF9EB09637F1}"/>
          </ac:picMkLst>
        </pc:picChg>
        <pc:picChg chg="del">
          <ac:chgData name="Daly Donnacha HSLU I" userId="0f22e960-400a-43ff-baeb-4828c8f5cd3a" providerId="ADAL" clId="{25186994-00F8-734D-8EB0-4EF816F306B7}" dt="2021-03-10T14:21:49.596" v="4770" actId="478"/>
          <ac:picMkLst>
            <pc:docMk/>
            <pc:sldMk cId="3816578222" sldId="339"/>
            <ac:picMk id="17" creationId="{B1186A4C-F4AF-BA4E-BA89-AE881E73C595}"/>
          </ac:picMkLst>
        </pc:picChg>
      </pc:sldChg>
      <pc:sldChg chg="addSp delSp modSp new mod">
        <pc:chgData name="Daly Donnacha HSLU I" userId="0f22e960-400a-43ff-baeb-4828c8f5cd3a" providerId="ADAL" clId="{25186994-00F8-734D-8EB0-4EF816F306B7}" dt="2021-03-10T21:07:45.255" v="11848" actId="20577"/>
        <pc:sldMkLst>
          <pc:docMk/>
          <pc:sldMk cId="645241920" sldId="340"/>
        </pc:sldMkLst>
        <pc:spChg chg="mod">
          <ac:chgData name="Daly Donnacha HSLU I" userId="0f22e960-400a-43ff-baeb-4828c8f5cd3a" providerId="ADAL" clId="{25186994-00F8-734D-8EB0-4EF816F306B7}" dt="2021-03-10T21:07:10.143" v="11844" actId="20577"/>
          <ac:spMkLst>
            <pc:docMk/>
            <pc:sldMk cId="645241920" sldId="340"/>
            <ac:spMk id="2" creationId="{6B8F8A94-AC99-7D4C-B26B-8F6C06598761}"/>
          </ac:spMkLst>
        </pc:spChg>
        <pc:spChg chg="add mod">
          <ac:chgData name="Daly Donnacha HSLU I" userId="0f22e960-400a-43ff-baeb-4828c8f5cd3a" providerId="ADAL" clId="{25186994-00F8-734D-8EB0-4EF816F306B7}" dt="2021-03-10T21:07:45.255" v="11848" actId="20577"/>
          <ac:spMkLst>
            <pc:docMk/>
            <pc:sldMk cId="645241920" sldId="340"/>
            <ac:spMk id="8" creationId="{FF1006F2-85AE-0945-91CD-224CC608EF85}"/>
          </ac:spMkLst>
        </pc:spChg>
        <pc:picChg chg="add del mod">
          <ac:chgData name="Daly Donnacha HSLU I" userId="0f22e960-400a-43ff-baeb-4828c8f5cd3a" providerId="ADAL" clId="{25186994-00F8-734D-8EB0-4EF816F306B7}" dt="2021-03-10T18:20:03.979" v="6909" actId="478"/>
          <ac:picMkLst>
            <pc:docMk/>
            <pc:sldMk cId="645241920" sldId="340"/>
            <ac:picMk id="3" creationId="{78E0039D-4998-DA4C-BCE9-95EDA4BB252A}"/>
          </ac:picMkLst>
        </pc:picChg>
        <pc:picChg chg="add del mod">
          <ac:chgData name="Daly Donnacha HSLU I" userId="0f22e960-400a-43ff-baeb-4828c8f5cd3a" providerId="ADAL" clId="{25186994-00F8-734D-8EB0-4EF816F306B7}" dt="2021-03-10T18:28:07.611" v="6934" actId="478"/>
          <ac:picMkLst>
            <pc:docMk/>
            <pc:sldMk cId="645241920" sldId="340"/>
            <ac:picMk id="4" creationId="{3EF73CDB-3847-A441-84C2-061C12A03837}"/>
          </ac:picMkLst>
        </pc:picChg>
        <pc:picChg chg="add del mod">
          <ac:chgData name="Daly Donnacha HSLU I" userId="0f22e960-400a-43ff-baeb-4828c8f5cd3a" providerId="ADAL" clId="{25186994-00F8-734D-8EB0-4EF816F306B7}" dt="2021-03-10T18:20:48.253" v="6918" actId="478"/>
          <ac:picMkLst>
            <pc:docMk/>
            <pc:sldMk cId="645241920" sldId="340"/>
            <ac:picMk id="5" creationId="{9F274143-003C-5F4A-9E71-ADBC670F0E74}"/>
          </ac:picMkLst>
        </pc:picChg>
        <pc:picChg chg="add mod">
          <ac:chgData name="Daly Donnacha HSLU I" userId="0f22e960-400a-43ff-baeb-4828c8f5cd3a" providerId="ADAL" clId="{25186994-00F8-734D-8EB0-4EF816F306B7}" dt="2021-03-10T18:28:31.820" v="6942" actId="1036"/>
          <ac:picMkLst>
            <pc:docMk/>
            <pc:sldMk cId="645241920" sldId="340"/>
            <ac:picMk id="6" creationId="{1371E48D-04E9-B041-BA87-879B7097A7B1}"/>
          </ac:picMkLst>
        </pc:picChg>
        <pc:picChg chg="add mod">
          <ac:chgData name="Daly Donnacha HSLU I" userId="0f22e960-400a-43ff-baeb-4828c8f5cd3a" providerId="ADAL" clId="{25186994-00F8-734D-8EB0-4EF816F306B7}" dt="2021-03-10T18:28:18.049" v="6937" actId="14100"/>
          <ac:picMkLst>
            <pc:docMk/>
            <pc:sldMk cId="645241920" sldId="340"/>
            <ac:picMk id="7" creationId="{2B5A936F-8AE6-2D4A-B985-68274E873ED6}"/>
          </ac:picMkLst>
        </pc:picChg>
      </pc:sldChg>
      <pc:sldChg chg="addSp modSp new mod">
        <pc:chgData name="Daly Donnacha HSLU I" userId="0f22e960-400a-43ff-baeb-4828c8f5cd3a" providerId="ADAL" clId="{25186994-00F8-734D-8EB0-4EF816F306B7}" dt="2021-03-10T19:30:45.800" v="9444" actId="207"/>
        <pc:sldMkLst>
          <pc:docMk/>
          <pc:sldMk cId="3848251181" sldId="341"/>
        </pc:sldMkLst>
        <pc:spChg chg="mod">
          <ac:chgData name="Daly Donnacha HSLU I" userId="0f22e960-400a-43ff-baeb-4828c8f5cd3a" providerId="ADAL" clId="{25186994-00F8-734D-8EB0-4EF816F306B7}" dt="2021-03-10T18:44:47.347" v="7839" actId="20577"/>
          <ac:spMkLst>
            <pc:docMk/>
            <pc:sldMk cId="3848251181" sldId="341"/>
            <ac:spMk id="2" creationId="{AA896B81-67AF-DF4A-92AB-75E06D7A0D64}"/>
          </ac:spMkLst>
        </pc:spChg>
        <pc:spChg chg="add mod">
          <ac:chgData name="Daly Donnacha HSLU I" userId="0f22e960-400a-43ff-baeb-4828c8f5cd3a" providerId="ADAL" clId="{25186994-00F8-734D-8EB0-4EF816F306B7}" dt="2021-03-10T18:46:47.091" v="7906" actId="14100"/>
          <ac:spMkLst>
            <pc:docMk/>
            <pc:sldMk cId="3848251181" sldId="341"/>
            <ac:spMk id="4" creationId="{E2F6BAB5-17C0-BD4E-B755-8D4413A12910}"/>
          </ac:spMkLst>
        </pc:spChg>
        <pc:spChg chg="add mod">
          <ac:chgData name="Daly Donnacha HSLU I" userId="0f22e960-400a-43ff-baeb-4828c8f5cd3a" providerId="ADAL" clId="{25186994-00F8-734D-8EB0-4EF816F306B7}" dt="2021-03-10T19:30:45.800" v="9444" actId="207"/>
          <ac:spMkLst>
            <pc:docMk/>
            <pc:sldMk cId="3848251181" sldId="341"/>
            <ac:spMk id="33" creationId="{433FDDD3-4D50-6B44-9287-CDE6E51E194A}"/>
          </ac:spMkLst>
        </pc:spChg>
        <pc:spChg chg="add mod">
          <ac:chgData name="Daly Donnacha HSLU I" userId="0f22e960-400a-43ff-baeb-4828c8f5cd3a" providerId="ADAL" clId="{25186994-00F8-734D-8EB0-4EF816F306B7}" dt="2021-03-10T18:48:48.713" v="8036" actId="1035"/>
          <ac:spMkLst>
            <pc:docMk/>
            <pc:sldMk cId="3848251181" sldId="341"/>
            <ac:spMk id="34" creationId="{90F8899D-2537-814B-A24B-4D3671487B31}"/>
          </ac:spMkLst>
        </pc:spChg>
        <pc:spChg chg="add mod">
          <ac:chgData name="Daly Donnacha HSLU I" userId="0f22e960-400a-43ff-baeb-4828c8f5cd3a" providerId="ADAL" clId="{25186994-00F8-734D-8EB0-4EF816F306B7}" dt="2021-03-10T18:48:48.713" v="8036" actId="1035"/>
          <ac:spMkLst>
            <pc:docMk/>
            <pc:sldMk cId="3848251181" sldId="341"/>
            <ac:spMk id="35" creationId="{CC9ED4C4-5A8F-3042-A673-D2660625F124}"/>
          </ac:spMkLst>
        </pc:spChg>
        <pc:picChg chg="add mod modCrop">
          <ac:chgData name="Daly Donnacha HSLU I" userId="0f22e960-400a-43ff-baeb-4828c8f5cd3a" providerId="ADAL" clId="{25186994-00F8-734D-8EB0-4EF816F306B7}" dt="2021-03-10T18:35:08.623" v="7393" actId="732"/>
          <ac:picMkLst>
            <pc:docMk/>
            <pc:sldMk cId="3848251181" sldId="341"/>
            <ac:picMk id="3" creationId="{0D5814B1-8AAC-AE4F-9B2C-070BB9CC0690}"/>
          </ac:picMkLst>
        </pc:picChg>
        <pc:cxnChg chg="add mod">
          <ac:chgData name="Daly Donnacha HSLU I" userId="0f22e960-400a-43ff-baeb-4828c8f5cd3a" providerId="ADAL" clId="{25186994-00F8-734D-8EB0-4EF816F306B7}" dt="2021-03-10T18:37:07.756" v="7415" actId="14100"/>
          <ac:cxnSpMkLst>
            <pc:docMk/>
            <pc:sldMk cId="3848251181" sldId="341"/>
            <ac:cxnSpMk id="5" creationId="{10F91C0C-5B8C-B946-B8AE-80AA84D859DA}"/>
          </ac:cxnSpMkLst>
        </pc:cxnChg>
        <pc:cxnChg chg="add mod">
          <ac:chgData name="Daly Donnacha HSLU I" userId="0f22e960-400a-43ff-baeb-4828c8f5cd3a" providerId="ADAL" clId="{25186994-00F8-734D-8EB0-4EF816F306B7}" dt="2021-03-10T18:36:58.112" v="7413" actId="14100"/>
          <ac:cxnSpMkLst>
            <pc:docMk/>
            <pc:sldMk cId="3848251181" sldId="341"/>
            <ac:cxnSpMk id="6" creationId="{815B85B9-F7D1-F14B-99A3-DB147F37DF84}"/>
          </ac:cxnSpMkLst>
        </pc:cxnChg>
        <pc:cxnChg chg="add mod">
          <ac:chgData name="Daly Donnacha HSLU I" userId="0f22e960-400a-43ff-baeb-4828c8f5cd3a" providerId="ADAL" clId="{25186994-00F8-734D-8EB0-4EF816F306B7}" dt="2021-03-10T18:36:55.200" v="7412" actId="14100"/>
          <ac:cxnSpMkLst>
            <pc:docMk/>
            <pc:sldMk cId="3848251181" sldId="341"/>
            <ac:cxnSpMk id="11" creationId="{20E2AD87-E0B6-1A40-A7BE-A04B095301F1}"/>
          </ac:cxnSpMkLst>
        </pc:cxnChg>
        <pc:cxnChg chg="add mod">
          <ac:chgData name="Daly Donnacha HSLU I" userId="0f22e960-400a-43ff-baeb-4828c8f5cd3a" providerId="ADAL" clId="{25186994-00F8-734D-8EB0-4EF816F306B7}" dt="2021-03-10T18:37:44.661" v="7420" actId="14100"/>
          <ac:cxnSpMkLst>
            <pc:docMk/>
            <pc:sldMk cId="3848251181" sldId="341"/>
            <ac:cxnSpMk id="17" creationId="{27FF5A72-466A-0F42-A1E2-341FDB2A72B6}"/>
          </ac:cxnSpMkLst>
        </pc:cxnChg>
        <pc:cxnChg chg="add mod">
          <ac:chgData name="Daly Donnacha HSLU I" userId="0f22e960-400a-43ff-baeb-4828c8f5cd3a" providerId="ADAL" clId="{25186994-00F8-734D-8EB0-4EF816F306B7}" dt="2021-03-10T18:37:44.661" v="7420" actId="14100"/>
          <ac:cxnSpMkLst>
            <pc:docMk/>
            <pc:sldMk cId="3848251181" sldId="341"/>
            <ac:cxnSpMk id="18" creationId="{E3948C8D-C56E-614F-A442-8E13426874CD}"/>
          </ac:cxnSpMkLst>
        </pc:cxnChg>
        <pc:cxnChg chg="add mod">
          <ac:chgData name="Daly Donnacha HSLU I" userId="0f22e960-400a-43ff-baeb-4828c8f5cd3a" providerId="ADAL" clId="{25186994-00F8-734D-8EB0-4EF816F306B7}" dt="2021-03-10T18:38:25.770" v="7423" actId="14100"/>
          <ac:cxnSpMkLst>
            <pc:docMk/>
            <pc:sldMk cId="3848251181" sldId="341"/>
            <ac:cxnSpMk id="27" creationId="{E7E17391-E397-9D4A-A282-8E3FC06CDFC1}"/>
          </ac:cxnSpMkLst>
        </pc:cxnChg>
        <pc:cxnChg chg="add mod">
          <ac:chgData name="Daly Donnacha HSLU I" userId="0f22e960-400a-43ff-baeb-4828c8f5cd3a" providerId="ADAL" clId="{25186994-00F8-734D-8EB0-4EF816F306B7}" dt="2021-03-10T18:38:52.077" v="7426" actId="14100"/>
          <ac:cxnSpMkLst>
            <pc:docMk/>
            <pc:sldMk cId="3848251181" sldId="341"/>
            <ac:cxnSpMk id="30" creationId="{34C1E8E2-C6D6-AA43-A93A-450703475528}"/>
          </ac:cxnSpMkLst>
        </pc:cxnChg>
      </pc:sldChg>
      <pc:sldChg chg="addSp modSp new mod">
        <pc:chgData name="Daly Donnacha HSLU I" userId="0f22e960-400a-43ff-baeb-4828c8f5cd3a" providerId="ADAL" clId="{25186994-00F8-734D-8EB0-4EF816F306B7}" dt="2021-03-11T04:37:52.660" v="14264" actId="20577"/>
        <pc:sldMkLst>
          <pc:docMk/>
          <pc:sldMk cId="4215521886" sldId="342"/>
        </pc:sldMkLst>
        <pc:spChg chg="mod">
          <ac:chgData name="Daly Donnacha HSLU I" userId="0f22e960-400a-43ff-baeb-4828c8f5cd3a" providerId="ADAL" clId="{25186994-00F8-734D-8EB0-4EF816F306B7}" dt="2021-03-10T18:51:12.399" v="8056" actId="20577"/>
          <ac:spMkLst>
            <pc:docMk/>
            <pc:sldMk cId="4215521886" sldId="342"/>
            <ac:spMk id="2" creationId="{477B13EA-A08B-934C-A457-78D7DC4F717D}"/>
          </ac:spMkLst>
        </pc:spChg>
        <pc:spChg chg="add mod">
          <ac:chgData name="Daly Donnacha HSLU I" userId="0f22e960-400a-43ff-baeb-4828c8f5cd3a" providerId="ADAL" clId="{25186994-00F8-734D-8EB0-4EF816F306B7}" dt="2021-03-11T04:37:52.660" v="14264" actId="20577"/>
          <ac:spMkLst>
            <pc:docMk/>
            <pc:sldMk cId="4215521886" sldId="342"/>
            <ac:spMk id="3" creationId="{D174F4D5-A625-774D-ACA8-EFA02EB7CC61}"/>
          </ac:spMkLst>
        </pc:spChg>
        <pc:spChg chg="add mod">
          <ac:chgData name="Daly Donnacha HSLU I" userId="0f22e960-400a-43ff-baeb-4828c8f5cd3a" providerId="ADAL" clId="{25186994-00F8-734D-8EB0-4EF816F306B7}" dt="2021-03-10T19:24:44.730" v="9253" actId="1076"/>
          <ac:spMkLst>
            <pc:docMk/>
            <pc:sldMk cId="4215521886" sldId="342"/>
            <ac:spMk id="4" creationId="{0E7BFD51-BE61-6749-B1DE-FDD4D316C954}"/>
          </ac:spMkLst>
        </pc:spChg>
        <pc:spChg chg="add mod">
          <ac:chgData name="Daly Donnacha HSLU I" userId="0f22e960-400a-43ff-baeb-4828c8f5cd3a" providerId="ADAL" clId="{25186994-00F8-734D-8EB0-4EF816F306B7}" dt="2021-03-10T19:18:47.198" v="8901" actId="14100"/>
          <ac:spMkLst>
            <pc:docMk/>
            <pc:sldMk cId="4215521886" sldId="342"/>
            <ac:spMk id="5" creationId="{D7D42735-E8A2-1D4B-B0DD-8A2E04C3C193}"/>
          </ac:spMkLst>
        </pc:spChg>
        <pc:spChg chg="add mod">
          <ac:chgData name="Daly Donnacha HSLU I" userId="0f22e960-400a-43ff-baeb-4828c8f5cd3a" providerId="ADAL" clId="{25186994-00F8-734D-8EB0-4EF816F306B7}" dt="2021-03-10T19:20:11.651" v="9042" actId="20577"/>
          <ac:spMkLst>
            <pc:docMk/>
            <pc:sldMk cId="4215521886" sldId="342"/>
            <ac:spMk id="6" creationId="{3F0154BD-4727-B64F-999A-4B7C2783DAC2}"/>
          </ac:spMkLst>
        </pc:spChg>
        <pc:spChg chg="add mod">
          <ac:chgData name="Daly Donnacha HSLU I" userId="0f22e960-400a-43ff-baeb-4828c8f5cd3a" providerId="ADAL" clId="{25186994-00F8-734D-8EB0-4EF816F306B7}" dt="2021-03-10T22:11:46.105" v="13543" actId="14100"/>
          <ac:spMkLst>
            <pc:docMk/>
            <pc:sldMk cId="4215521886" sldId="342"/>
            <ac:spMk id="8" creationId="{EE7E45A1-321B-7F40-88E5-8844DBA10720}"/>
          </ac:spMkLst>
        </pc:spChg>
        <pc:picChg chg="add mod">
          <ac:chgData name="Daly Donnacha HSLU I" userId="0f22e960-400a-43ff-baeb-4828c8f5cd3a" providerId="ADAL" clId="{25186994-00F8-734D-8EB0-4EF816F306B7}" dt="2021-03-10T19:17:13.057" v="8819" actId="14100"/>
          <ac:picMkLst>
            <pc:docMk/>
            <pc:sldMk cId="4215521886" sldId="342"/>
            <ac:picMk id="1026" creationId="{B1FEA1E9-D5C3-ED4E-A39A-C00615A93797}"/>
          </ac:picMkLst>
        </pc:picChg>
      </pc:sldChg>
      <pc:sldChg chg="addSp delSp modSp add mod">
        <pc:chgData name="Daly Donnacha HSLU I" userId="0f22e960-400a-43ff-baeb-4828c8f5cd3a" providerId="ADAL" clId="{25186994-00F8-734D-8EB0-4EF816F306B7}" dt="2021-03-10T22:14:10.041" v="13578" actId="113"/>
        <pc:sldMkLst>
          <pc:docMk/>
          <pc:sldMk cId="494489230" sldId="343"/>
        </pc:sldMkLst>
        <pc:spChg chg="mod">
          <ac:chgData name="Daly Donnacha HSLU I" userId="0f22e960-400a-43ff-baeb-4828c8f5cd3a" providerId="ADAL" clId="{25186994-00F8-734D-8EB0-4EF816F306B7}" dt="2021-03-10T18:54:39.456" v="8143" actId="20577"/>
          <ac:spMkLst>
            <pc:docMk/>
            <pc:sldMk cId="494489230" sldId="343"/>
            <ac:spMk id="2" creationId="{477B13EA-A08B-934C-A457-78D7DC4F717D}"/>
          </ac:spMkLst>
        </pc:spChg>
        <pc:spChg chg="add mod">
          <ac:chgData name="Daly Donnacha HSLU I" userId="0f22e960-400a-43ff-baeb-4828c8f5cd3a" providerId="ADAL" clId="{25186994-00F8-734D-8EB0-4EF816F306B7}" dt="2021-03-10T22:14:10.041" v="13578" actId="113"/>
          <ac:spMkLst>
            <pc:docMk/>
            <pc:sldMk cId="494489230" sldId="343"/>
            <ac:spMk id="3" creationId="{035E4AD7-85F4-1140-ABAA-64656F5A4C2B}"/>
          </ac:spMkLst>
        </pc:spChg>
        <pc:spChg chg="add mod">
          <ac:chgData name="Daly Donnacha HSLU I" userId="0f22e960-400a-43ff-baeb-4828c8f5cd3a" providerId="ADAL" clId="{25186994-00F8-734D-8EB0-4EF816F306B7}" dt="2021-03-10T22:13:53.935" v="13575" actId="14100"/>
          <ac:spMkLst>
            <pc:docMk/>
            <pc:sldMk cId="494489230" sldId="343"/>
            <ac:spMk id="9" creationId="{47CF2DD4-058D-CA42-86E9-AAEFE6149177}"/>
          </ac:spMkLst>
        </pc:spChg>
        <pc:picChg chg="add mod modCrop">
          <ac:chgData name="Daly Donnacha HSLU I" userId="0f22e960-400a-43ff-baeb-4828c8f5cd3a" providerId="ADAL" clId="{25186994-00F8-734D-8EB0-4EF816F306B7}" dt="2021-03-10T21:53:27.765" v="12948" actId="1035"/>
          <ac:picMkLst>
            <pc:docMk/>
            <pc:sldMk cId="494489230" sldId="343"/>
            <ac:picMk id="4" creationId="{EB4B8B30-C48A-5443-8143-178AF4E7D6B5}"/>
          </ac:picMkLst>
        </pc:picChg>
        <pc:picChg chg="add mod">
          <ac:chgData name="Daly Donnacha HSLU I" userId="0f22e960-400a-43ff-baeb-4828c8f5cd3a" providerId="ADAL" clId="{25186994-00F8-734D-8EB0-4EF816F306B7}" dt="2021-03-10T21:53:02.200" v="12936" actId="14100"/>
          <ac:picMkLst>
            <pc:docMk/>
            <pc:sldMk cId="494489230" sldId="343"/>
            <ac:picMk id="5" creationId="{56D5FF1B-9C5B-8B4C-8174-E756C2DFF018}"/>
          </ac:picMkLst>
        </pc:picChg>
        <pc:picChg chg="add del">
          <ac:chgData name="Daly Donnacha HSLU I" userId="0f22e960-400a-43ff-baeb-4828c8f5cd3a" providerId="ADAL" clId="{25186994-00F8-734D-8EB0-4EF816F306B7}" dt="2021-03-10T21:47:11.698" v="12905" actId="478"/>
          <ac:picMkLst>
            <pc:docMk/>
            <pc:sldMk cId="494489230" sldId="343"/>
            <ac:picMk id="7170" creationId="{8647EBF5-0CA1-5E46-B2A9-E5882710FDB6}"/>
          </ac:picMkLst>
        </pc:picChg>
        <pc:picChg chg="add del">
          <ac:chgData name="Daly Donnacha HSLU I" userId="0f22e960-400a-43ff-baeb-4828c8f5cd3a" providerId="ADAL" clId="{25186994-00F8-734D-8EB0-4EF816F306B7}" dt="2021-03-10T21:47:11.698" v="12905" actId="478"/>
          <ac:picMkLst>
            <pc:docMk/>
            <pc:sldMk cId="494489230" sldId="343"/>
            <ac:picMk id="7172" creationId="{6BD9A8C4-7DB0-A14A-9F59-928714F17809}"/>
          </ac:picMkLst>
        </pc:picChg>
        <pc:picChg chg="add del">
          <ac:chgData name="Daly Donnacha HSLU I" userId="0f22e960-400a-43ff-baeb-4828c8f5cd3a" providerId="ADAL" clId="{25186994-00F8-734D-8EB0-4EF816F306B7}" dt="2021-03-10T21:47:11.698" v="12905" actId="478"/>
          <ac:picMkLst>
            <pc:docMk/>
            <pc:sldMk cId="494489230" sldId="343"/>
            <ac:picMk id="7174" creationId="{FE411151-6ECF-D24B-A97B-992CF238A1E9}"/>
          </ac:picMkLst>
        </pc:picChg>
      </pc:sldChg>
      <pc:sldChg chg="addSp delSp modSp add mod">
        <pc:chgData name="Daly Donnacha HSLU I" userId="0f22e960-400a-43ff-baeb-4828c8f5cd3a" providerId="ADAL" clId="{25186994-00F8-734D-8EB0-4EF816F306B7}" dt="2021-03-10T21:04:20.518" v="11842" actId="20577"/>
        <pc:sldMkLst>
          <pc:docMk/>
          <pc:sldMk cId="122152417" sldId="344"/>
        </pc:sldMkLst>
        <pc:spChg chg="mod">
          <ac:chgData name="Daly Donnacha HSLU I" userId="0f22e960-400a-43ff-baeb-4828c8f5cd3a" providerId="ADAL" clId="{25186994-00F8-734D-8EB0-4EF816F306B7}" dt="2021-03-10T21:04:16.660" v="11834" actId="20577"/>
          <ac:spMkLst>
            <pc:docMk/>
            <pc:sldMk cId="122152417" sldId="344"/>
            <ac:spMk id="2" creationId="{477B13EA-A08B-934C-A457-78D7DC4F717D}"/>
          </ac:spMkLst>
        </pc:spChg>
        <pc:spChg chg="add mod">
          <ac:chgData name="Daly Donnacha HSLU I" userId="0f22e960-400a-43ff-baeb-4828c8f5cd3a" providerId="ADAL" clId="{25186994-00F8-734D-8EB0-4EF816F306B7}" dt="2021-03-10T19:46:47.055" v="9593" actId="113"/>
          <ac:spMkLst>
            <pc:docMk/>
            <pc:sldMk cId="122152417" sldId="344"/>
            <ac:spMk id="3" creationId="{EA692131-7A2A-4247-BBAA-CEA18EA68859}"/>
          </ac:spMkLst>
        </pc:spChg>
        <pc:spChg chg="add mod">
          <ac:chgData name="Daly Donnacha HSLU I" userId="0f22e960-400a-43ff-baeb-4828c8f5cd3a" providerId="ADAL" clId="{25186994-00F8-734D-8EB0-4EF816F306B7}" dt="2021-03-10T21:04:20.518" v="11842" actId="20577"/>
          <ac:spMkLst>
            <pc:docMk/>
            <pc:sldMk cId="122152417" sldId="344"/>
            <ac:spMk id="4" creationId="{29A277BC-8FBF-904C-9705-8A5E84B328F0}"/>
          </ac:spMkLst>
        </pc:spChg>
        <pc:spChg chg="add mod">
          <ac:chgData name="Daly Donnacha HSLU I" userId="0f22e960-400a-43ff-baeb-4828c8f5cd3a" providerId="ADAL" clId="{25186994-00F8-734D-8EB0-4EF816F306B7}" dt="2021-03-10T20:03:35.006" v="10151" actId="6549"/>
          <ac:spMkLst>
            <pc:docMk/>
            <pc:sldMk cId="122152417" sldId="344"/>
            <ac:spMk id="5" creationId="{653C4267-2E86-8045-A251-31B39EDD5703}"/>
          </ac:spMkLst>
        </pc:spChg>
        <pc:spChg chg="add mod">
          <ac:chgData name="Daly Donnacha HSLU I" userId="0f22e960-400a-43ff-baeb-4828c8f5cd3a" providerId="ADAL" clId="{25186994-00F8-734D-8EB0-4EF816F306B7}" dt="2021-03-10T20:02:29.384" v="10131" actId="14100"/>
          <ac:spMkLst>
            <pc:docMk/>
            <pc:sldMk cId="122152417" sldId="344"/>
            <ac:spMk id="6" creationId="{425CFBE8-1107-5F48-855A-3F1C5A784BF5}"/>
          </ac:spMkLst>
        </pc:spChg>
        <pc:spChg chg="add mod">
          <ac:chgData name="Daly Donnacha HSLU I" userId="0f22e960-400a-43ff-baeb-4828c8f5cd3a" providerId="ADAL" clId="{25186994-00F8-734D-8EB0-4EF816F306B7}" dt="2021-03-10T20:02:48.756" v="10138" actId="14100"/>
          <ac:spMkLst>
            <pc:docMk/>
            <pc:sldMk cId="122152417" sldId="344"/>
            <ac:spMk id="7" creationId="{20A1F525-E9F4-F348-88A6-1A63EC912EA5}"/>
          </ac:spMkLst>
        </pc:spChg>
        <pc:spChg chg="add mod">
          <ac:chgData name="Daly Donnacha HSLU I" userId="0f22e960-400a-43ff-baeb-4828c8f5cd3a" providerId="ADAL" clId="{25186994-00F8-734D-8EB0-4EF816F306B7}" dt="2021-03-10T19:53:28.546" v="9985" actId="2085"/>
          <ac:spMkLst>
            <pc:docMk/>
            <pc:sldMk cId="122152417" sldId="344"/>
            <ac:spMk id="8" creationId="{A4DA4D5F-3DA2-2548-8DAA-7F433561BF9D}"/>
          </ac:spMkLst>
        </pc:spChg>
        <pc:spChg chg="add del mod">
          <ac:chgData name="Daly Donnacha HSLU I" userId="0f22e960-400a-43ff-baeb-4828c8f5cd3a" providerId="ADAL" clId="{25186994-00F8-734D-8EB0-4EF816F306B7}" dt="2021-03-10T19:59:24.291" v="10018" actId="478"/>
          <ac:spMkLst>
            <pc:docMk/>
            <pc:sldMk cId="122152417" sldId="344"/>
            <ac:spMk id="12" creationId="{E98272A7-94BF-EB42-AF49-567AE5E6AFA7}"/>
          </ac:spMkLst>
        </pc:spChg>
        <pc:spChg chg="add mod">
          <ac:chgData name="Daly Donnacha HSLU I" userId="0f22e960-400a-43ff-baeb-4828c8f5cd3a" providerId="ADAL" clId="{25186994-00F8-734D-8EB0-4EF816F306B7}" dt="2021-03-10T20:02:05.889" v="10130" actId="20577"/>
          <ac:spMkLst>
            <pc:docMk/>
            <pc:sldMk cId="122152417" sldId="344"/>
            <ac:spMk id="13" creationId="{6FF4E62F-8BCE-D74D-96B2-0DA6898C07A1}"/>
          </ac:spMkLst>
        </pc:spChg>
        <pc:spChg chg="add mod">
          <ac:chgData name="Daly Donnacha HSLU I" userId="0f22e960-400a-43ff-baeb-4828c8f5cd3a" providerId="ADAL" clId="{25186994-00F8-734D-8EB0-4EF816F306B7}" dt="2021-03-10T20:01:46.263" v="10129" actId="14100"/>
          <ac:spMkLst>
            <pc:docMk/>
            <pc:sldMk cId="122152417" sldId="344"/>
            <ac:spMk id="14" creationId="{68ECD984-49DF-B94A-A0D5-17D24DB18BFA}"/>
          </ac:spMkLst>
        </pc:spChg>
        <pc:spChg chg="add mod">
          <ac:chgData name="Daly Donnacha HSLU I" userId="0f22e960-400a-43ff-baeb-4828c8f5cd3a" providerId="ADAL" clId="{25186994-00F8-734D-8EB0-4EF816F306B7}" dt="2021-03-10T20:03:13.219" v="10142" actId="1076"/>
          <ac:spMkLst>
            <pc:docMk/>
            <pc:sldMk cId="122152417" sldId="344"/>
            <ac:spMk id="15" creationId="{A8B9E6B1-653E-4B47-950A-58417BAF56BD}"/>
          </ac:spMkLst>
        </pc:spChg>
        <pc:grpChg chg="add mod">
          <ac:chgData name="Daly Donnacha HSLU I" userId="0f22e960-400a-43ff-baeb-4828c8f5cd3a" providerId="ADAL" clId="{25186994-00F8-734D-8EB0-4EF816F306B7}" dt="2021-03-10T20:01:31.964" v="10126" actId="1036"/>
          <ac:grpSpMkLst>
            <pc:docMk/>
            <pc:sldMk cId="122152417" sldId="344"/>
            <ac:grpSpMk id="9" creationId="{C7812B90-5F95-E64E-ADD4-68F700CEF91D}"/>
          </ac:grpSpMkLst>
        </pc:grpChg>
        <pc:picChg chg="mod">
          <ac:chgData name="Daly Donnacha HSLU I" userId="0f22e960-400a-43ff-baeb-4828c8f5cd3a" providerId="ADAL" clId="{25186994-00F8-734D-8EB0-4EF816F306B7}" dt="2021-03-10T19:58:26.141" v="10011"/>
          <ac:picMkLst>
            <pc:docMk/>
            <pc:sldMk cId="122152417" sldId="344"/>
            <ac:picMk id="10" creationId="{695E902B-D661-B843-B14F-AA47519A2B06}"/>
          </ac:picMkLst>
        </pc:picChg>
        <pc:picChg chg="mod">
          <ac:chgData name="Daly Donnacha HSLU I" userId="0f22e960-400a-43ff-baeb-4828c8f5cd3a" providerId="ADAL" clId="{25186994-00F8-734D-8EB0-4EF816F306B7}" dt="2021-03-10T19:58:26.141" v="10011"/>
          <ac:picMkLst>
            <pc:docMk/>
            <pc:sldMk cId="122152417" sldId="344"/>
            <ac:picMk id="11" creationId="{394F0C32-91FE-204E-9784-3D6C940158B4}"/>
          </ac:picMkLst>
        </pc:picChg>
      </pc:sldChg>
      <pc:sldChg chg="addSp delSp modSp add mod">
        <pc:chgData name="Daly Donnacha HSLU I" userId="0f22e960-400a-43ff-baeb-4828c8f5cd3a" providerId="ADAL" clId="{25186994-00F8-734D-8EB0-4EF816F306B7}" dt="2021-03-10T22:12:14.347" v="13561" actId="14100"/>
        <pc:sldMkLst>
          <pc:docMk/>
          <pc:sldMk cId="3111038021" sldId="345"/>
        </pc:sldMkLst>
        <pc:spChg chg="mod">
          <ac:chgData name="Daly Donnacha HSLU I" userId="0f22e960-400a-43ff-baeb-4828c8f5cd3a" providerId="ADAL" clId="{25186994-00F8-734D-8EB0-4EF816F306B7}" dt="2021-03-10T18:53:57.916" v="8135" actId="20577"/>
          <ac:spMkLst>
            <pc:docMk/>
            <pc:sldMk cId="3111038021" sldId="345"/>
            <ac:spMk id="2" creationId="{477B13EA-A08B-934C-A457-78D7DC4F717D}"/>
          </ac:spMkLst>
        </pc:spChg>
        <pc:spChg chg="add mod">
          <ac:chgData name="Daly Donnacha HSLU I" userId="0f22e960-400a-43ff-baeb-4828c8f5cd3a" providerId="ADAL" clId="{25186994-00F8-734D-8EB0-4EF816F306B7}" dt="2021-03-10T21:08:51.695" v="11860" actId="20577"/>
          <ac:spMkLst>
            <pc:docMk/>
            <pc:sldMk cId="3111038021" sldId="345"/>
            <ac:spMk id="4" creationId="{71E44F6E-DCC6-0242-BA14-01A8E2FFD081}"/>
          </ac:spMkLst>
        </pc:spChg>
        <pc:spChg chg="add mod">
          <ac:chgData name="Daly Donnacha HSLU I" userId="0f22e960-400a-43ff-baeb-4828c8f5cd3a" providerId="ADAL" clId="{25186994-00F8-734D-8EB0-4EF816F306B7}" dt="2021-03-10T20:24:29.034" v="10836"/>
          <ac:spMkLst>
            <pc:docMk/>
            <pc:sldMk cId="3111038021" sldId="345"/>
            <ac:spMk id="5" creationId="{B5A72DCD-C589-F64C-B2F7-549D30B53C5E}"/>
          </ac:spMkLst>
        </pc:spChg>
        <pc:spChg chg="add mod">
          <ac:chgData name="Daly Donnacha HSLU I" userId="0f22e960-400a-43ff-baeb-4828c8f5cd3a" providerId="ADAL" clId="{25186994-00F8-734D-8EB0-4EF816F306B7}" dt="2021-03-10T22:12:14.347" v="13561" actId="14100"/>
          <ac:spMkLst>
            <pc:docMk/>
            <pc:sldMk cId="3111038021" sldId="345"/>
            <ac:spMk id="7" creationId="{7F3F11CF-1FFD-1141-A0A4-04667EA54A95}"/>
          </ac:spMkLst>
        </pc:spChg>
        <pc:picChg chg="add del">
          <ac:chgData name="Daly Donnacha HSLU I" userId="0f22e960-400a-43ff-baeb-4828c8f5cd3a" providerId="ADAL" clId="{25186994-00F8-734D-8EB0-4EF816F306B7}" dt="2021-03-10T20:11:42.212" v="10153" actId="478"/>
          <ac:picMkLst>
            <pc:docMk/>
            <pc:sldMk cId="3111038021" sldId="345"/>
            <ac:picMk id="3" creationId="{02CA51EC-DB48-984C-8B1E-121B889C5D4A}"/>
          </ac:picMkLst>
        </pc:picChg>
        <pc:picChg chg="add mod">
          <ac:chgData name="Daly Donnacha HSLU I" userId="0f22e960-400a-43ff-baeb-4828c8f5cd3a" providerId="ADAL" clId="{25186994-00F8-734D-8EB0-4EF816F306B7}" dt="2021-03-10T20:22:40.372" v="10823" actId="14100"/>
          <ac:picMkLst>
            <pc:docMk/>
            <pc:sldMk cId="3111038021" sldId="345"/>
            <ac:picMk id="3074" creationId="{5F4F34CB-8F12-DF46-971B-A68D41A12977}"/>
          </ac:picMkLst>
        </pc:picChg>
      </pc:sldChg>
      <pc:sldChg chg="addSp delSp modSp add mod">
        <pc:chgData name="Daly Donnacha HSLU I" userId="0f22e960-400a-43ff-baeb-4828c8f5cd3a" providerId="ADAL" clId="{25186994-00F8-734D-8EB0-4EF816F306B7}" dt="2021-03-10T22:13:36.451" v="13572"/>
        <pc:sldMkLst>
          <pc:docMk/>
          <pc:sldMk cId="561057908" sldId="346"/>
        </pc:sldMkLst>
        <pc:spChg chg="mod">
          <ac:chgData name="Daly Donnacha HSLU I" userId="0f22e960-400a-43ff-baeb-4828c8f5cd3a" providerId="ADAL" clId="{25186994-00F8-734D-8EB0-4EF816F306B7}" dt="2021-03-10T18:54:50.514" v="8153" actId="20577"/>
          <ac:spMkLst>
            <pc:docMk/>
            <pc:sldMk cId="561057908" sldId="346"/>
            <ac:spMk id="2" creationId="{477B13EA-A08B-934C-A457-78D7DC4F717D}"/>
          </ac:spMkLst>
        </pc:spChg>
        <pc:spChg chg="add del mod">
          <ac:chgData name="Daly Donnacha HSLU I" userId="0f22e960-400a-43ff-baeb-4828c8f5cd3a" providerId="ADAL" clId="{25186994-00F8-734D-8EB0-4EF816F306B7}" dt="2021-03-10T21:18:35.068" v="11880" actId="478"/>
          <ac:spMkLst>
            <pc:docMk/>
            <pc:sldMk cId="561057908" sldId="346"/>
            <ac:spMk id="3" creationId="{514C621E-8C95-3245-AB53-FF4C21C6B5E4}"/>
          </ac:spMkLst>
        </pc:spChg>
        <pc:spChg chg="add del mod">
          <ac:chgData name="Daly Donnacha HSLU I" userId="0f22e960-400a-43ff-baeb-4828c8f5cd3a" providerId="ADAL" clId="{25186994-00F8-734D-8EB0-4EF816F306B7}" dt="2021-03-10T21:18:35.068" v="11880" actId="478"/>
          <ac:spMkLst>
            <pc:docMk/>
            <pc:sldMk cId="561057908" sldId="346"/>
            <ac:spMk id="4" creationId="{C255D828-C14C-7B49-AEB4-A9A79CD507FC}"/>
          </ac:spMkLst>
        </pc:spChg>
        <pc:spChg chg="add mod">
          <ac:chgData name="Daly Donnacha HSLU I" userId="0f22e960-400a-43ff-baeb-4828c8f5cd3a" providerId="ADAL" clId="{25186994-00F8-734D-8EB0-4EF816F306B7}" dt="2021-03-10T21:59:05.721" v="13233" actId="14100"/>
          <ac:spMkLst>
            <pc:docMk/>
            <pc:sldMk cId="561057908" sldId="346"/>
            <ac:spMk id="6" creationId="{22A19109-A8F2-984D-B8D0-FBE87E2EB703}"/>
          </ac:spMkLst>
        </pc:spChg>
        <pc:spChg chg="add mod">
          <ac:chgData name="Daly Donnacha HSLU I" userId="0f22e960-400a-43ff-baeb-4828c8f5cd3a" providerId="ADAL" clId="{25186994-00F8-734D-8EB0-4EF816F306B7}" dt="2021-03-10T21:58:53.364" v="13230" actId="20577"/>
          <ac:spMkLst>
            <pc:docMk/>
            <pc:sldMk cId="561057908" sldId="346"/>
            <ac:spMk id="8" creationId="{D2450800-D32B-2F4C-861C-CDD1B8139DEE}"/>
          </ac:spMkLst>
        </pc:spChg>
        <pc:spChg chg="add mod">
          <ac:chgData name="Daly Donnacha HSLU I" userId="0f22e960-400a-43ff-baeb-4828c8f5cd3a" providerId="ADAL" clId="{25186994-00F8-734D-8EB0-4EF816F306B7}" dt="2021-03-10T22:13:16.588" v="13570" actId="14100"/>
          <ac:spMkLst>
            <pc:docMk/>
            <pc:sldMk cId="561057908" sldId="346"/>
            <ac:spMk id="10" creationId="{9C4EB3D0-A031-DB42-AA52-44A2265D68C9}"/>
          </ac:spMkLst>
        </pc:spChg>
        <pc:spChg chg="add del mod">
          <ac:chgData name="Daly Donnacha HSLU I" userId="0f22e960-400a-43ff-baeb-4828c8f5cd3a" providerId="ADAL" clId="{25186994-00F8-734D-8EB0-4EF816F306B7}" dt="2021-03-10T22:13:36.451" v="13572"/>
          <ac:spMkLst>
            <pc:docMk/>
            <pc:sldMk cId="561057908" sldId="346"/>
            <ac:spMk id="11" creationId="{B48FA961-1C07-0E4E-8CA5-C52C16A365FC}"/>
          </ac:spMkLst>
        </pc:spChg>
        <pc:picChg chg="add del mod">
          <ac:chgData name="Daly Donnacha HSLU I" userId="0f22e960-400a-43ff-baeb-4828c8f5cd3a" providerId="ADAL" clId="{25186994-00F8-734D-8EB0-4EF816F306B7}" dt="2021-03-10T21:18:35.068" v="11880" actId="478"/>
          <ac:picMkLst>
            <pc:docMk/>
            <pc:sldMk cId="561057908" sldId="346"/>
            <ac:picMk id="5" creationId="{102DCE18-8A6D-A44B-B6FA-E147516287B4}"/>
          </ac:picMkLst>
        </pc:picChg>
        <pc:picChg chg="add mod">
          <ac:chgData name="Daly Donnacha HSLU I" userId="0f22e960-400a-43ff-baeb-4828c8f5cd3a" providerId="ADAL" clId="{25186994-00F8-734D-8EB0-4EF816F306B7}" dt="2021-03-10T21:59:02.364" v="13232" actId="14100"/>
          <ac:picMkLst>
            <pc:docMk/>
            <pc:sldMk cId="561057908" sldId="346"/>
            <ac:picMk id="7" creationId="{2806E5AD-EDC3-4047-8DF0-B2C9F7617B84}"/>
          </ac:picMkLst>
        </pc:picChg>
        <pc:picChg chg="add mod">
          <ac:chgData name="Daly Donnacha HSLU I" userId="0f22e960-400a-43ff-baeb-4828c8f5cd3a" providerId="ADAL" clId="{25186994-00F8-734D-8EB0-4EF816F306B7}" dt="2021-03-10T21:20:21.404" v="11919" actId="1038"/>
          <ac:picMkLst>
            <pc:docMk/>
            <pc:sldMk cId="561057908" sldId="346"/>
            <ac:picMk id="6146" creationId="{1AC90BA2-3AC9-9B40-9E11-3280B3E5DA18}"/>
          </ac:picMkLst>
        </pc:picChg>
      </pc:sldChg>
      <pc:sldChg chg="addSp delSp modSp new mod">
        <pc:chgData name="Daly Donnacha HSLU I" userId="0f22e960-400a-43ff-baeb-4828c8f5cd3a" providerId="ADAL" clId="{25186994-00F8-734D-8EB0-4EF816F306B7}" dt="2021-03-10T20:45:47.380" v="11133" actId="20577"/>
        <pc:sldMkLst>
          <pc:docMk/>
          <pc:sldMk cId="4292659517" sldId="347"/>
        </pc:sldMkLst>
        <pc:spChg chg="mod">
          <ac:chgData name="Daly Donnacha HSLU I" userId="0f22e960-400a-43ff-baeb-4828c8f5cd3a" providerId="ADAL" clId="{25186994-00F8-734D-8EB0-4EF816F306B7}" dt="2021-03-10T18:57:04.969" v="8223" actId="20577"/>
          <ac:spMkLst>
            <pc:docMk/>
            <pc:sldMk cId="4292659517" sldId="347"/>
            <ac:spMk id="2" creationId="{2825615E-6FA1-3444-B60E-CC12550B8AE7}"/>
          </ac:spMkLst>
        </pc:spChg>
        <pc:spChg chg="add mod">
          <ac:chgData name="Daly Donnacha HSLU I" userId="0f22e960-400a-43ff-baeb-4828c8f5cd3a" providerId="ADAL" clId="{25186994-00F8-734D-8EB0-4EF816F306B7}" dt="2021-03-10T20:28:27.987" v="10854" actId="207"/>
          <ac:spMkLst>
            <pc:docMk/>
            <pc:sldMk cId="4292659517" sldId="347"/>
            <ac:spMk id="3" creationId="{EEB67420-90CB-624D-B194-D60AF979969F}"/>
          </ac:spMkLst>
        </pc:spChg>
        <pc:spChg chg="add mod">
          <ac:chgData name="Daly Donnacha HSLU I" userId="0f22e960-400a-43ff-baeb-4828c8f5cd3a" providerId="ADAL" clId="{25186994-00F8-734D-8EB0-4EF816F306B7}" dt="2021-03-10T20:37:07.819" v="10966" actId="1038"/>
          <ac:spMkLst>
            <pc:docMk/>
            <pc:sldMk cId="4292659517" sldId="347"/>
            <ac:spMk id="6" creationId="{341022FD-BD63-DD4B-AA0A-828C6C8972A1}"/>
          </ac:spMkLst>
        </pc:spChg>
        <pc:spChg chg="add mod">
          <ac:chgData name="Daly Donnacha HSLU I" userId="0f22e960-400a-43ff-baeb-4828c8f5cd3a" providerId="ADAL" clId="{25186994-00F8-734D-8EB0-4EF816F306B7}" dt="2021-03-10T20:37:03.506" v="10964" actId="1037"/>
          <ac:spMkLst>
            <pc:docMk/>
            <pc:sldMk cId="4292659517" sldId="347"/>
            <ac:spMk id="7" creationId="{1855C8DE-B0F1-6142-AF00-830612CB51C6}"/>
          </ac:spMkLst>
        </pc:spChg>
        <pc:spChg chg="add mod">
          <ac:chgData name="Daly Donnacha HSLU I" userId="0f22e960-400a-43ff-baeb-4828c8f5cd3a" providerId="ADAL" clId="{25186994-00F8-734D-8EB0-4EF816F306B7}" dt="2021-03-10T20:45:44.571" v="11131" actId="20577"/>
          <ac:spMkLst>
            <pc:docMk/>
            <pc:sldMk cId="4292659517" sldId="347"/>
            <ac:spMk id="8" creationId="{784142A3-1918-5349-B3B9-B54B1FF5DD7B}"/>
          </ac:spMkLst>
        </pc:spChg>
        <pc:spChg chg="add mod">
          <ac:chgData name="Daly Donnacha HSLU I" userId="0f22e960-400a-43ff-baeb-4828c8f5cd3a" providerId="ADAL" clId="{25186994-00F8-734D-8EB0-4EF816F306B7}" dt="2021-03-10T20:45:47.380" v="11133" actId="20577"/>
          <ac:spMkLst>
            <pc:docMk/>
            <pc:sldMk cId="4292659517" sldId="347"/>
            <ac:spMk id="10" creationId="{A16CC620-E579-4B41-AC8F-E49B2A707543}"/>
          </ac:spMkLst>
        </pc:spChg>
        <pc:spChg chg="add mod">
          <ac:chgData name="Daly Donnacha HSLU I" userId="0f22e960-400a-43ff-baeb-4828c8f5cd3a" providerId="ADAL" clId="{25186994-00F8-734D-8EB0-4EF816F306B7}" dt="2021-03-10T20:42:28.623" v="11094" actId="1076"/>
          <ac:spMkLst>
            <pc:docMk/>
            <pc:sldMk cId="4292659517" sldId="347"/>
            <ac:spMk id="11" creationId="{930FAD36-43E2-6242-B578-2E14AB423EE5}"/>
          </ac:spMkLst>
        </pc:spChg>
        <pc:spChg chg="add mod">
          <ac:chgData name="Daly Donnacha HSLU I" userId="0f22e960-400a-43ff-baeb-4828c8f5cd3a" providerId="ADAL" clId="{25186994-00F8-734D-8EB0-4EF816F306B7}" dt="2021-03-10T20:40:57.143" v="11073" actId="207"/>
          <ac:spMkLst>
            <pc:docMk/>
            <pc:sldMk cId="4292659517" sldId="347"/>
            <ac:spMk id="13" creationId="{D626F19D-4D4F-BE49-BC9B-7245A7ED0AF4}"/>
          </ac:spMkLst>
        </pc:spChg>
        <pc:spChg chg="add mod">
          <ac:chgData name="Daly Donnacha HSLU I" userId="0f22e960-400a-43ff-baeb-4828c8f5cd3a" providerId="ADAL" clId="{25186994-00F8-734D-8EB0-4EF816F306B7}" dt="2021-03-10T20:41:24.522" v="11082" actId="20577"/>
          <ac:spMkLst>
            <pc:docMk/>
            <pc:sldMk cId="4292659517" sldId="347"/>
            <ac:spMk id="14" creationId="{C74C0371-E7BE-934D-8EAA-0AC7F783CE5E}"/>
          </ac:spMkLst>
        </pc:spChg>
        <pc:spChg chg="add mod">
          <ac:chgData name="Daly Donnacha HSLU I" userId="0f22e960-400a-43ff-baeb-4828c8f5cd3a" providerId="ADAL" clId="{25186994-00F8-734D-8EB0-4EF816F306B7}" dt="2021-03-10T20:41:15.855" v="11079" actId="571"/>
          <ac:spMkLst>
            <pc:docMk/>
            <pc:sldMk cId="4292659517" sldId="347"/>
            <ac:spMk id="15" creationId="{25B75253-F67E-CC45-AD3D-B8C7F63D7016}"/>
          </ac:spMkLst>
        </pc:spChg>
        <pc:spChg chg="add mod">
          <ac:chgData name="Daly Donnacha HSLU I" userId="0f22e960-400a-43ff-baeb-4828c8f5cd3a" providerId="ADAL" clId="{25186994-00F8-734D-8EB0-4EF816F306B7}" dt="2021-03-10T20:41:42.969" v="11084" actId="1076"/>
          <ac:spMkLst>
            <pc:docMk/>
            <pc:sldMk cId="4292659517" sldId="347"/>
            <ac:spMk id="16" creationId="{DF79D13F-0300-D642-B759-62EC8197EC4D}"/>
          </ac:spMkLst>
        </pc:spChg>
        <pc:spChg chg="add mod">
          <ac:chgData name="Daly Donnacha HSLU I" userId="0f22e960-400a-43ff-baeb-4828c8f5cd3a" providerId="ADAL" clId="{25186994-00F8-734D-8EB0-4EF816F306B7}" dt="2021-03-10T20:41:50.341" v="11085" actId="571"/>
          <ac:spMkLst>
            <pc:docMk/>
            <pc:sldMk cId="4292659517" sldId="347"/>
            <ac:spMk id="17" creationId="{0E3A9EFC-A1F9-2D48-AF66-93555DC2C9F9}"/>
          </ac:spMkLst>
        </pc:spChg>
        <pc:spChg chg="add del mod">
          <ac:chgData name="Daly Donnacha HSLU I" userId="0f22e960-400a-43ff-baeb-4828c8f5cd3a" providerId="ADAL" clId="{25186994-00F8-734D-8EB0-4EF816F306B7}" dt="2021-03-10T20:42:23.396" v="11093"/>
          <ac:spMkLst>
            <pc:docMk/>
            <pc:sldMk cId="4292659517" sldId="347"/>
            <ac:spMk id="18" creationId="{1FDA6C06-3844-EE48-8825-46A36269A0CE}"/>
          </ac:spMkLst>
        </pc:spChg>
        <pc:spChg chg="add mod">
          <ac:chgData name="Daly Donnacha HSLU I" userId="0f22e960-400a-43ff-baeb-4828c8f5cd3a" providerId="ADAL" clId="{25186994-00F8-734D-8EB0-4EF816F306B7}" dt="2021-03-10T20:42:34.833" v="11095" actId="571"/>
          <ac:spMkLst>
            <pc:docMk/>
            <pc:sldMk cId="4292659517" sldId="347"/>
            <ac:spMk id="19" creationId="{A487205C-FA8A-F24B-A283-1F6FE16E7CF9}"/>
          </ac:spMkLst>
        </pc:spChg>
        <pc:grpChg chg="add mod">
          <ac:chgData name="Daly Donnacha HSLU I" userId="0f22e960-400a-43ff-baeb-4828c8f5cd3a" providerId="ADAL" clId="{25186994-00F8-734D-8EB0-4EF816F306B7}" dt="2021-03-10T20:37:07.819" v="10966" actId="1038"/>
          <ac:grpSpMkLst>
            <pc:docMk/>
            <pc:sldMk cId="4292659517" sldId="347"/>
            <ac:grpSpMk id="5" creationId="{34C8BF98-90A8-9F4C-BFCB-37EF2B59209C}"/>
          </ac:grpSpMkLst>
        </pc:grpChg>
        <pc:grpChg chg="add mod">
          <ac:chgData name="Daly Donnacha HSLU I" userId="0f22e960-400a-43ff-baeb-4828c8f5cd3a" providerId="ADAL" clId="{25186994-00F8-734D-8EB0-4EF816F306B7}" dt="2021-03-10T20:37:03.506" v="10964" actId="1037"/>
          <ac:grpSpMkLst>
            <pc:docMk/>
            <pc:sldMk cId="4292659517" sldId="347"/>
            <ac:grpSpMk id="9" creationId="{E91E344B-7898-F046-99E7-2E36A207CECD}"/>
          </ac:grpSpMkLst>
        </pc:grpChg>
        <pc:picChg chg="add mod">
          <ac:chgData name="Daly Donnacha HSLU I" userId="0f22e960-400a-43ff-baeb-4828c8f5cd3a" providerId="ADAL" clId="{25186994-00F8-734D-8EB0-4EF816F306B7}" dt="2021-03-10T20:37:03.506" v="10964" actId="1037"/>
          <ac:picMkLst>
            <pc:docMk/>
            <pc:sldMk cId="4292659517" sldId="347"/>
            <ac:picMk id="4" creationId="{B655BCD9-18E9-CC4C-B3E4-9D9B39D40BDC}"/>
          </ac:picMkLst>
        </pc:picChg>
        <pc:picChg chg="add mod">
          <ac:chgData name="Daly Donnacha HSLU I" userId="0f22e960-400a-43ff-baeb-4828c8f5cd3a" providerId="ADAL" clId="{25186994-00F8-734D-8EB0-4EF816F306B7}" dt="2021-03-10T20:37:07.819" v="10966" actId="1038"/>
          <ac:picMkLst>
            <pc:docMk/>
            <pc:sldMk cId="4292659517" sldId="347"/>
            <ac:picMk id="4098" creationId="{FEA99243-3AE2-F443-8495-80CB6DF7D0AE}"/>
          </ac:picMkLst>
        </pc:picChg>
      </pc:sldChg>
      <pc:sldChg chg="addSp delSp modSp new mod">
        <pc:chgData name="Daly Donnacha HSLU I" userId="0f22e960-400a-43ff-baeb-4828c8f5cd3a" providerId="ADAL" clId="{25186994-00F8-734D-8EB0-4EF816F306B7}" dt="2021-03-11T09:04:50.197" v="18577" actId="14100"/>
        <pc:sldMkLst>
          <pc:docMk/>
          <pc:sldMk cId="500806703" sldId="348"/>
        </pc:sldMkLst>
        <pc:spChg chg="mod">
          <ac:chgData name="Daly Donnacha HSLU I" userId="0f22e960-400a-43ff-baeb-4828c8f5cd3a" providerId="ADAL" clId="{25186994-00F8-734D-8EB0-4EF816F306B7}" dt="2021-03-10T19:33:33.552" v="9475" actId="20577"/>
          <ac:spMkLst>
            <pc:docMk/>
            <pc:sldMk cId="500806703" sldId="348"/>
            <ac:spMk id="2" creationId="{5D8A5554-48B1-F54D-B404-C09EAA37FB1A}"/>
          </ac:spMkLst>
        </pc:spChg>
        <pc:spChg chg="add mod">
          <ac:chgData name="Daly Donnacha HSLU I" userId="0f22e960-400a-43ff-baeb-4828c8f5cd3a" providerId="ADAL" clId="{25186994-00F8-734D-8EB0-4EF816F306B7}" dt="2021-03-10T19:37:41.642" v="9543" actId="14100"/>
          <ac:spMkLst>
            <pc:docMk/>
            <pc:sldMk cId="500806703" sldId="348"/>
            <ac:spMk id="3" creationId="{43A53E16-3148-F040-940B-88D59DCEF3D7}"/>
          </ac:spMkLst>
        </pc:spChg>
        <pc:spChg chg="add del mod">
          <ac:chgData name="Daly Donnacha HSLU I" userId="0f22e960-400a-43ff-baeb-4828c8f5cd3a" providerId="ADAL" clId="{25186994-00F8-734D-8EB0-4EF816F306B7}" dt="2021-03-10T19:33:56.555" v="9481" actId="478"/>
          <ac:spMkLst>
            <pc:docMk/>
            <pc:sldMk cId="500806703" sldId="348"/>
            <ac:spMk id="4" creationId="{E51F44F5-DF01-AE40-9171-33349689D891}"/>
          </ac:spMkLst>
        </pc:spChg>
        <pc:spChg chg="add mod">
          <ac:chgData name="Daly Donnacha HSLU I" userId="0f22e960-400a-43ff-baeb-4828c8f5cd3a" providerId="ADAL" clId="{25186994-00F8-734D-8EB0-4EF816F306B7}" dt="2021-03-10T19:41:37.391" v="9548" actId="207"/>
          <ac:spMkLst>
            <pc:docMk/>
            <pc:sldMk cId="500806703" sldId="348"/>
            <ac:spMk id="6" creationId="{975CC16B-B620-7C45-BF17-82B1044DBDCE}"/>
          </ac:spMkLst>
        </pc:spChg>
        <pc:spChg chg="add mod">
          <ac:chgData name="Daly Donnacha HSLU I" userId="0f22e960-400a-43ff-baeb-4828c8f5cd3a" providerId="ADAL" clId="{25186994-00F8-734D-8EB0-4EF816F306B7}" dt="2021-03-10T19:42:07.912" v="9554" actId="1076"/>
          <ac:spMkLst>
            <pc:docMk/>
            <pc:sldMk cId="500806703" sldId="348"/>
            <ac:spMk id="7" creationId="{F4A4905D-67A5-4742-9D90-3A9AC77C009D}"/>
          </ac:spMkLst>
        </pc:spChg>
        <pc:spChg chg="add mod">
          <ac:chgData name="Daly Donnacha HSLU I" userId="0f22e960-400a-43ff-baeb-4828c8f5cd3a" providerId="ADAL" clId="{25186994-00F8-734D-8EB0-4EF816F306B7}" dt="2021-03-11T09:04:50.197" v="18577" actId="14100"/>
          <ac:spMkLst>
            <pc:docMk/>
            <pc:sldMk cId="500806703" sldId="348"/>
            <ac:spMk id="8" creationId="{5B54B0E9-1BD3-304F-97E1-5DA0C1906ED4}"/>
          </ac:spMkLst>
        </pc:spChg>
        <pc:picChg chg="add mod">
          <ac:chgData name="Daly Donnacha HSLU I" userId="0f22e960-400a-43ff-baeb-4828c8f5cd3a" providerId="ADAL" clId="{25186994-00F8-734D-8EB0-4EF816F306B7}" dt="2021-03-10T19:35:52.194" v="9509" actId="14100"/>
          <ac:picMkLst>
            <pc:docMk/>
            <pc:sldMk cId="500806703" sldId="348"/>
            <ac:picMk id="5" creationId="{AF402DF7-4D57-724B-9592-63A34E8F84E2}"/>
          </ac:picMkLst>
        </pc:picChg>
      </pc:sldChg>
      <pc:sldChg chg="addSp delSp modSp add del mod">
        <pc:chgData name="Daly Donnacha HSLU I" userId="0f22e960-400a-43ff-baeb-4828c8f5cd3a" providerId="ADAL" clId="{25186994-00F8-734D-8EB0-4EF816F306B7}" dt="2021-03-10T22:04:09.730" v="13530" actId="2696"/>
        <pc:sldMkLst>
          <pc:docMk/>
          <pc:sldMk cId="1764187980" sldId="349"/>
        </pc:sldMkLst>
        <pc:spChg chg="del">
          <ac:chgData name="Daly Donnacha HSLU I" userId="0f22e960-400a-43ff-baeb-4828c8f5cd3a" providerId="ADAL" clId="{25186994-00F8-734D-8EB0-4EF816F306B7}" dt="2021-03-10T22:01:51.528" v="13256" actId="478"/>
          <ac:spMkLst>
            <pc:docMk/>
            <pc:sldMk cId="1764187980" sldId="349"/>
            <ac:spMk id="2" creationId="{069B8F1E-027C-6440-9E6A-40BB8DAAAB65}"/>
          </ac:spMkLst>
        </pc:spChg>
        <pc:spChg chg="mod">
          <ac:chgData name="Daly Donnacha HSLU I" userId="0f22e960-400a-43ff-baeb-4828c8f5cd3a" providerId="ADAL" clId="{25186994-00F8-734D-8EB0-4EF816F306B7}" dt="2021-03-10T22:03:40.671" v="13512" actId="1036"/>
          <ac:spMkLst>
            <pc:docMk/>
            <pc:sldMk cId="1764187980" sldId="349"/>
            <ac:spMk id="3" creationId="{63132F41-5235-6647-AE60-DA2A6069816C}"/>
          </ac:spMkLst>
        </pc:spChg>
        <pc:spChg chg="add del mod">
          <ac:chgData name="Daly Donnacha HSLU I" userId="0f22e960-400a-43ff-baeb-4828c8f5cd3a" providerId="ADAL" clId="{25186994-00F8-734D-8EB0-4EF816F306B7}" dt="2021-03-10T22:01:55.695" v="13257" actId="478"/>
          <ac:spMkLst>
            <pc:docMk/>
            <pc:sldMk cId="1764187980" sldId="349"/>
            <ac:spMk id="4" creationId="{FAA93CF6-19F2-2D47-9629-52726D2284A6}"/>
          </ac:spMkLst>
        </pc:spChg>
      </pc:sldChg>
      <pc:sldChg chg="addSp modSp new del mod">
        <pc:chgData name="Daly Donnacha HSLU I" userId="0f22e960-400a-43ff-baeb-4828c8f5cd3a" providerId="ADAL" clId="{25186994-00F8-734D-8EB0-4EF816F306B7}" dt="2021-03-10T22:10:03.269" v="13533" actId="2696"/>
        <pc:sldMkLst>
          <pc:docMk/>
          <pc:sldMk cId="233778348" sldId="350"/>
        </pc:sldMkLst>
        <pc:spChg chg="mod">
          <ac:chgData name="Daly Donnacha HSLU I" userId="0f22e960-400a-43ff-baeb-4828c8f5cd3a" providerId="ADAL" clId="{25186994-00F8-734D-8EB0-4EF816F306B7}" dt="2021-03-10T22:03:56.362" v="13528" actId="5793"/>
          <ac:spMkLst>
            <pc:docMk/>
            <pc:sldMk cId="233778348" sldId="350"/>
            <ac:spMk id="2" creationId="{8AB61BE7-4986-724F-8D84-BC13470E2761}"/>
          </ac:spMkLst>
        </pc:spChg>
        <pc:spChg chg="add mod">
          <ac:chgData name="Daly Donnacha HSLU I" userId="0f22e960-400a-43ff-baeb-4828c8f5cd3a" providerId="ADAL" clId="{25186994-00F8-734D-8EB0-4EF816F306B7}" dt="2021-03-10T22:04:04.388" v="13529"/>
          <ac:spMkLst>
            <pc:docMk/>
            <pc:sldMk cId="233778348" sldId="350"/>
            <ac:spMk id="3" creationId="{84F7EB68-49D7-E946-9C97-7F725AFD1637}"/>
          </ac:spMkLst>
        </pc:spChg>
      </pc:sldChg>
      <pc:sldChg chg="modSp add mod ord">
        <pc:chgData name="Daly Donnacha HSLU I" userId="0f22e960-400a-43ff-baeb-4828c8f5cd3a" providerId="ADAL" clId="{25186994-00F8-734D-8EB0-4EF816F306B7}" dt="2021-03-11T09:59:27.810" v="20392" actId="20577"/>
        <pc:sldMkLst>
          <pc:docMk/>
          <pc:sldMk cId="2409819955" sldId="350"/>
        </pc:sldMkLst>
        <pc:spChg chg="mod">
          <ac:chgData name="Daly Donnacha HSLU I" userId="0f22e960-400a-43ff-baeb-4828c8f5cd3a" providerId="ADAL" clId="{25186994-00F8-734D-8EB0-4EF816F306B7}" dt="2021-03-11T09:59:27.810" v="20392" actId="20577"/>
          <ac:spMkLst>
            <pc:docMk/>
            <pc:sldMk cId="2409819955" sldId="350"/>
            <ac:spMk id="3" creationId="{84F7EB68-49D7-E946-9C97-7F725AFD1637}"/>
          </ac:spMkLst>
        </pc:spChg>
      </pc:sldChg>
      <pc:sldChg chg="add del">
        <pc:chgData name="Daly Donnacha HSLU I" userId="0f22e960-400a-43ff-baeb-4828c8f5cd3a" providerId="ADAL" clId="{25186994-00F8-734D-8EB0-4EF816F306B7}" dt="2021-03-10T22:09:55.732" v="13532" actId="2696"/>
        <pc:sldMkLst>
          <pc:docMk/>
          <pc:sldMk cId="1227327002" sldId="351"/>
        </pc:sldMkLst>
      </pc:sldChg>
      <pc:sldChg chg="addSp modSp new mod">
        <pc:chgData name="Daly Donnacha HSLU I" userId="0f22e960-400a-43ff-baeb-4828c8f5cd3a" providerId="ADAL" clId="{25186994-00F8-734D-8EB0-4EF816F306B7}" dt="2021-03-11T05:10:21.887" v="15017" actId="113"/>
        <pc:sldMkLst>
          <pc:docMk/>
          <pc:sldMk cId="2403689426" sldId="351"/>
        </pc:sldMkLst>
        <pc:spChg chg="mod">
          <ac:chgData name="Daly Donnacha HSLU I" userId="0f22e960-400a-43ff-baeb-4828c8f5cd3a" providerId="ADAL" clId="{25186994-00F8-734D-8EB0-4EF816F306B7}" dt="2021-03-10T22:20:19.287" v="14257" actId="20577"/>
          <ac:spMkLst>
            <pc:docMk/>
            <pc:sldMk cId="2403689426" sldId="351"/>
            <ac:spMk id="2" creationId="{6E278DF9-C709-234B-A382-F1AAA5D047AC}"/>
          </ac:spMkLst>
        </pc:spChg>
        <pc:spChg chg="add mod">
          <ac:chgData name="Daly Donnacha HSLU I" userId="0f22e960-400a-43ff-baeb-4828c8f5cd3a" providerId="ADAL" clId="{25186994-00F8-734D-8EB0-4EF816F306B7}" dt="2021-03-11T05:10:21.887" v="15017" actId="113"/>
          <ac:spMkLst>
            <pc:docMk/>
            <pc:sldMk cId="2403689426" sldId="351"/>
            <ac:spMk id="3" creationId="{B6202F9E-F03A-254B-80DD-3831EE756946}"/>
          </ac:spMkLst>
        </pc:spChg>
        <pc:spChg chg="add mod">
          <ac:chgData name="Daly Donnacha HSLU I" userId="0f22e960-400a-43ff-baeb-4828c8f5cd3a" providerId="ADAL" clId="{25186994-00F8-734D-8EB0-4EF816F306B7}" dt="2021-03-11T04:44:30.439" v="14420" actId="207"/>
          <ac:spMkLst>
            <pc:docMk/>
            <pc:sldMk cId="2403689426" sldId="351"/>
            <ac:spMk id="4" creationId="{5C33F8BB-F696-AA49-81D2-4324D53FE1A6}"/>
          </ac:spMkLst>
        </pc:spChg>
      </pc:sldChg>
      <pc:sldChg chg="addSp modSp new mod ord">
        <pc:chgData name="Daly Donnacha HSLU I" userId="0f22e960-400a-43ff-baeb-4828c8f5cd3a" providerId="ADAL" clId="{25186994-00F8-734D-8EB0-4EF816F306B7}" dt="2021-03-11T06:26:45.336" v="16914" actId="20577"/>
        <pc:sldMkLst>
          <pc:docMk/>
          <pc:sldMk cId="1710712157" sldId="352"/>
        </pc:sldMkLst>
        <pc:spChg chg="mod">
          <ac:chgData name="Daly Donnacha HSLU I" userId="0f22e960-400a-43ff-baeb-4828c8f5cd3a" providerId="ADAL" clId="{25186994-00F8-734D-8EB0-4EF816F306B7}" dt="2021-03-11T04:50:18.460" v="14481" actId="20577"/>
          <ac:spMkLst>
            <pc:docMk/>
            <pc:sldMk cId="1710712157" sldId="352"/>
            <ac:spMk id="2" creationId="{44639F45-9EB2-5F4D-9DFF-2DD0C4C21B66}"/>
          </ac:spMkLst>
        </pc:spChg>
        <pc:spChg chg="add mod">
          <ac:chgData name="Daly Donnacha HSLU I" userId="0f22e960-400a-43ff-baeb-4828c8f5cd3a" providerId="ADAL" clId="{25186994-00F8-734D-8EB0-4EF816F306B7}" dt="2021-03-11T04:47:52.826" v="14456"/>
          <ac:spMkLst>
            <pc:docMk/>
            <pc:sldMk cId="1710712157" sldId="352"/>
            <ac:spMk id="4" creationId="{99D9666D-4726-2F4A-841C-EC858941FBCE}"/>
          </ac:spMkLst>
        </pc:spChg>
        <pc:spChg chg="add mod">
          <ac:chgData name="Daly Donnacha HSLU I" userId="0f22e960-400a-43ff-baeb-4828c8f5cd3a" providerId="ADAL" clId="{25186994-00F8-734D-8EB0-4EF816F306B7}" dt="2021-03-11T06:26:45.336" v="16914" actId="20577"/>
          <ac:spMkLst>
            <pc:docMk/>
            <pc:sldMk cId="1710712157" sldId="352"/>
            <ac:spMk id="5" creationId="{EDDAD592-ED50-964B-B2E6-3FCB16F7FA6F}"/>
          </ac:spMkLst>
        </pc:spChg>
        <pc:spChg chg="add mod">
          <ac:chgData name="Daly Donnacha HSLU I" userId="0f22e960-400a-43ff-baeb-4828c8f5cd3a" providerId="ADAL" clId="{25186994-00F8-734D-8EB0-4EF816F306B7}" dt="2021-03-11T06:26:16.233" v="16909" actId="14100"/>
          <ac:spMkLst>
            <pc:docMk/>
            <pc:sldMk cId="1710712157" sldId="352"/>
            <ac:spMk id="6" creationId="{CFE47F92-499E-6C4C-A4EB-0B41F9FBEB5E}"/>
          </ac:spMkLst>
        </pc:spChg>
        <pc:spChg chg="add mod">
          <ac:chgData name="Daly Donnacha HSLU I" userId="0f22e960-400a-43ff-baeb-4828c8f5cd3a" providerId="ADAL" clId="{25186994-00F8-734D-8EB0-4EF816F306B7}" dt="2021-03-11T06:25:41.142" v="16862" actId="1037"/>
          <ac:spMkLst>
            <pc:docMk/>
            <pc:sldMk cId="1710712157" sldId="352"/>
            <ac:spMk id="7" creationId="{AADA72D0-E44F-5C47-BF60-CBBF1765F2A9}"/>
          </ac:spMkLst>
        </pc:spChg>
        <pc:picChg chg="add mod">
          <ac:chgData name="Daly Donnacha HSLU I" userId="0f22e960-400a-43ff-baeb-4828c8f5cd3a" providerId="ADAL" clId="{25186994-00F8-734D-8EB0-4EF816F306B7}" dt="2021-03-11T06:25:41.142" v="16862" actId="1037"/>
          <ac:picMkLst>
            <pc:docMk/>
            <pc:sldMk cId="1710712157" sldId="352"/>
            <ac:picMk id="3" creationId="{41A74E78-D435-7D41-887B-882EF732A865}"/>
          </ac:picMkLst>
        </pc:picChg>
      </pc:sldChg>
      <pc:sldChg chg="addSp modSp new mod">
        <pc:chgData name="Daly Donnacha HSLU I" userId="0f22e960-400a-43ff-baeb-4828c8f5cd3a" providerId="ADAL" clId="{25186994-00F8-734D-8EB0-4EF816F306B7}" dt="2021-03-11T05:44:21.044" v="15465" actId="207"/>
        <pc:sldMkLst>
          <pc:docMk/>
          <pc:sldMk cId="825054852" sldId="353"/>
        </pc:sldMkLst>
        <pc:spChg chg="mod">
          <ac:chgData name="Daly Donnacha HSLU I" userId="0f22e960-400a-43ff-baeb-4828c8f5cd3a" providerId="ADAL" clId="{25186994-00F8-734D-8EB0-4EF816F306B7}" dt="2021-03-11T05:40:14.158" v="15406" actId="20577"/>
          <ac:spMkLst>
            <pc:docMk/>
            <pc:sldMk cId="825054852" sldId="353"/>
            <ac:spMk id="2" creationId="{11E3B722-F0AA-324E-83F8-0BA73FF3CC27}"/>
          </ac:spMkLst>
        </pc:spChg>
        <pc:spChg chg="add mod">
          <ac:chgData name="Daly Donnacha HSLU I" userId="0f22e960-400a-43ff-baeb-4828c8f5cd3a" providerId="ADAL" clId="{25186994-00F8-734D-8EB0-4EF816F306B7}" dt="2021-03-11T05:44:21.044" v="15465" actId="207"/>
          <ac:spMkLst>
            <pc:docMk/>
            <pc:sldMk cId="825054852" sldId="353"/>
            <ac:spMk id="3" creationId="{5B941F28-0FC9-474A-8E6A-B8D279499923}"/>
          </ac:spMkLst>
        </pc:spChg>
        <pc:spChg chg="add mod">
          <ac:chgData name="Daly Donnacha HSLU I" userId="0f22e960-400a-43ff-baeb-4828c8f5cd3a" providerId="ADAL" clId="{25186994-00F8-734D-8EB0-4EF816F306B7}" dt="2021-03-11T04:50:36.615" v="14483"/>
          <ac:spMkLst>
            <pc:docMk/>
            <pc:sldMk cId="825054852" sldId="353"/>
            <ac:spMk id="9" creationId="{B22FF561-E70C-ED40-B983-571E5082CAC0}"/>
          </ac:spMkLst>
        </pc:spChg>
        <pc:spChg chg="add mod">
          <ac:chgData name="Daly Donnacha HSLU I" userId="0f22e960-400a-43ff-baeb-4828c8f5cd3a" providerId="ADAL" clId="{25186994-00F8-734D-8EB0-4EF816F306B7}" dt="2021-03-11T04:50:36.615" v="14483"/>
          <ac:spMkLst>
            <pc:docMk/>
            <pc:sldMk cId="825054852" sldId="353"/>
            <ac:spMk id="10" creationId="{34C16F0E-C28B-6546-8198-3BAC4EF0A856}"/>
          </ac:spMkLst>
        </pc:spChg>
        <pc:spChg chg="add mod">
          <ac:chgData name="Daly Donnacha HSLU I" userId="0f22e960-400a-43ff-baeb-4828c8f5cd3a" providerId="ADAL" clId="{25186994-00F8-734D-8EB0-4EF816F306B7}" dt="2021-03-11T04:50:36.615" v="14483"/>
          <ac:spMkLst>
            <pc:docMk/>
            <pc:sldMk cId="825054852" sldId="353"/>
            <ac:spMk id="12" creationId="{DA5C77E1-8A33-6646-8E36-89193AC6E000}"/>
          </ac:spMkLst>
        </pc:spChg>
        <pc:spChg chg="add mod">
          <ac:chgData name="Daly Donnacha HSLU I" userId="0f22e960-400a-43ff-baeb-4828c8f5cd3a" providerId="ADAL" clId="{25186994-00F8-734D-8EB0-4EF816F306B7}" dt="2021-03-11T04:50:36.615" v="14483"/>
          <ac:spMkLst>
            <pc:docMk/>
            <pc:sldMk cId="825054852" sldId="353"/>
            <ac:spMk id="16" creationId="{0826C188-5DD8-CC4E-91B9-EEAD08871505}"/>
          </ac:spMkLst>
        </pc:spChg>
        <pc:picChg chg="add mod">
          <ac:chgData name="Daly Donnacha HSLU I" userId="0f22e960-400a-43ff-baeb-4828c8f5cd3a" providerId="ADAL" clId="{25186994-00F8-734D-8EB0-4EF816F306B7}" dt="2021-03-11T04:50:36.615" v="14483"/>
          <ac:picMkLst>
            <pc:docMk/>
            <pc:sldMk cId="825054852" sldId="353"/>
            <ac:picMk id="4" creationId="{F1C4A474-2C21-C345-AC89-CFECFBF76727}"/>
          </ac:picMkLst>
        </pc:picChg>
        <pc:cxnChg chg="add mod">
          <ac:chgData name="Daly Donnacha HSLU I" userId="0f22e960-400a-43ff-baeb-4828c8f5cd3a" providerId="ADAL" clId="{25186994-00F8-734D-8EB0-4EF816F306B7}" dt="2021-03-11T05:43:29.417" v="15460" actId="14100"/>
          <ac:cxnSpMkLst>
            <pc:docMk/>
            <pc:sldMk cId="825054852" sldId="353"/>
            <ac:cxnSpMk id="5" creationId="{002AC69B-56EA-3340-8C95-8BE251EA62E5}"/>
          </ac:cxnSpMkLst>
        </pc:cxnChg>
        <pc:cxnChg chg="add mod">
          <ac:chgData name="Daly Donnacha HSLU I" userId="0f22e960-400a-43ff-baeb-4828c8f5cd3a" providerId="ADAL" clId="{25186994-00F8-734D-8EB0-4EF816F306B7}" dt="2021-03-11T05:43:32.716" v="15461" actId="14100"/>
          <ac:cxnSpMkLst>
            <pc:docMk/>
            <pc:sldMk cId="825054852" sldId="353"/>
            <ac:cxnSpMk id="6" creationId="{40BFD1A0-95D1-7440-B84B-4AB148FE89D7}"/>
          </ac:cxnSpMkLst>
        </pc:cxnChg>
        <pc:cxnChg chg="add mod">
          <ac:chgData name="Daly Donnacha HSLU I" userId="0f22e960-400a-43ff-baeb-4828c8f5cd3a" providerId="ADAL" clId="{25186994-00F8-734D-8EB0-4EF816F306B7}" dt="2021-03-11T05:43:36.157" v="15462" actId="14100"/>
          <ac:cxnSpMkLst>
            <pc:docMk/>
            <pc:sldMk cId="825054852" sldId="353"/>
            <ac:cxnSpMk id="7" creationId="{47CD189E-8EE2-414D-9CC9-E562CC7CCDFC}"/>
          </ac:cxnSpMkLst>
        </pc:cxnChg>
        <pc:cxnChg chg="add mod">
          <ac:chgData name="Daly Donnacha HSLU I" userId="0f22e960-400a-43ff-baeb-4828c8f5cd3a" providerId="ADAL" clId="{25186994-00F8-734D-8EB0-4EF816F306B7}" dt="2021-03-11T05:43:44.086" v="15464" actId="14100"/>
          <ac:cxnSpMkLst>
            <pc:docMk/>
            <pc:sldMk cId="825054852" sldId="353"/>
            <ac:cxnSpMk id="8" creationId="{C38D1468-3069-2243-AFC4-11F2DE29FCF0}"/>
          </ac:cxnSpMkLst>
        </pc:cxnChg>
        <pc:cxnChg chg="add mod">
          <ac:chgData name="Daly Donnacha HSLU I" userId="0f22e960-400a-43ff-baeb-4828c8f5cd3a" providerId="ADAL" clId="{25186994-00F8-734D-8EB0-4EF816F306B7}" dt="2021-03-11T04:50:36.615" v="14483"/>
          <ac:cxnSpMkLst>
            <pc:docMk/>
            <pc:sldMk cId="825054852" sldId="353"/>
            <ac:cxnSpMk id="11" creationId="{FAE73130-2CDC-3847-A33E-6940A8208ED4}"/>
          </ac:cxnSpMkLst>
        </pc:cxnChg>
        <pc:cxnChg chg="add mod">
          <ac:chgData name="Daly Donnacha HSLU I" userId="0f22e960-400a-43ff-baeb-4828c8f5cd3a" providerId="ADAL" clId="{25186994-00F8-734D-8EB0-4EF816F306B7}" dt="2021-03-11T04:50:36.615" v="14483"/>
          <ac:cxnSpMkLst>
            <pc:docMk/>
            <pc:sldMk cId="825054852" sldId="353"/>
            <ac:cxnSpMk id="13" creationId="{CE422837-4EEF-5A46-B35C-BE458236E24E}"/>
          </ac:cxnSpMkLst>
        </pc:cxnChg>
        <pc:cxnChg chg="add mod">
          <ac:chgData name="Daly Donnacha HSLU I" userId="0f22e960-400a-43ff-baeb-4828c8f5cd3a" providerId="ADAL" clId="{25186994-00F8-734D-8EB0-4EF816F306B7}" dt="2021-03-11T04:50:36.615" v="14483"/>
          <ac:cxnSpMkLst>
            <pc:docMk/>
            <pc:sldMk cId="825054852" sldId="353"/>
            <ac:cxnSpMk id="14" creationId="{566B3DB6-A266-914D-A50F-C16EAB58DEED}"/>
          </ac:cxnSpMkLst>
        </pc:cxnChg>
        <pc:cxnChg chg="add mod">
          <ac:chgData name="Daly Donnacha HSLU I" userId="0f22e960-400a-43ff-baeb-4828c8f5cd3a" providerId="ADAL" clId="{25186994-00F8-734D-8EB0-4EF816F306B7}" dt="2021-03-11T05:43:39.684" v="15463" actId="14100"/>
          <ac:cxnSpMkLst>
            <pc:docMk/>
            <pc:sldMk cId="825054852" sldId="353"/>
            <ac:cxnSpMk id="15" creationId="{DCE24DEC-7683-5B45-B95D-09BF5695132C}"/>
          </ac:cxnSpMkLst>
        </pc:cxnChg>
      </pc:sldChg>
      <pc:sldChg chg="addSp modSp new del mod">
        <pc:chgData name="Daly Donnacha HSLU I" userId="0f22e960-400a-43ff-baeb-4828c8f5cd3a" providerId="ADAL" clId="{25186994-00F8-734D-8EB0-4EF816F306B7}" dt="2021-03-11T04:48:25.068" v="14458" actId="2696"/>
        <pc:sldMkLst>
          <pc:docMk/>
          <pc:sldMk cId="3668039024" sldId="353"/>
        </pc:sldMkLst>
        <pc:spChg chg="mod">
          <ac:chgData name="Daly Donnacha HSLU I" userId="0f22e960-400a-43ff-baeb-4828c8f5cd3a" providerId="ADAL" clId="{25186994-00F8-734D-8EB0-4EF816F306B7}" dt="2021-03-11T04:47:31.261" v="14455" actId="20577"/>
          <ac:spMkLst>
            <pc:docMk/>
            <pc:sldMk cId="3668039024" sldId="353"/>
            <ac:spMk id="2" creationId="{C5E049DF-7E3F-1F49-9428-59D0BC2DE83A}"/>
          </ac:spMkLst>
        </pc:spChg>
        <pc:spChg chg="add mod">
          <ac:chgData name="Daly Donnacha HSLU I" userId="0f22e960-400a-43ff-baeb-4828c8f5cd3a" providerId="ADAL" clId="{25186994-00F8-734D-8EB0-4EF816F306B7}" dt="2021-03-11T04:48:08.801" v="14457"/>
          <ac:spMkLst>
            <pc:docMk/>
            <pc:sldMk cId="3668039024" sldId="353"/>
            <ac:spMk id="4" creationId="{36B14867-EE4C-954E-A23C-13BF05215D0A}"/>
          </ac:spMkLst>
        </pc:spChg>
        <pc:picChg chg="add mod">
          <ac:chgData name="Daly Donnacha HSLU I" userId="0f22e960-400a-43ff-baeb-4828c8f5cd3a" providerId="ADAL" clId="{25186994-00F8-734D-8EB0-4EF816F306B7}" dt="2021-03-11T04:48:08.801" v="14457"/>
          <ac:picMkLst>
            <pc:docMk/>
            <pc:sldMk cId="3668039024" sldId="353"/>
            <ac:picMk id="3" creationId="{A77A12DB-CFB9-9248-AEF7-81FCA711EDD9}"/>
          </ac:picMkLst>
        </pc:picChg>
      </pc:sldChg>
      <pc:sldChg chg="addSp modSp new mod">
        <pc:chgData name="Daly Donnacha HSLU I" userId="0f22e960-400a-43ff-baeb-4828c8f5cd3a" providerId="ADAL" clId="{25186994-00F8-734D-8EB0-4EF816F306B7}" dt="2021-03-11T06:33:00.660" v="16952" actId="14100"/>
        <pc:sldMkLst>
          <pc:docMk/>
          <pc:sldMk cId="2211873062" sldId="354"/>
        </pc:sldMkLst>
        <pc:spChg chg="mod">
          <ac:chgData name="Daly Donnacha HSLU I" userId="0f22e960-400a-43ff-baeb-4828c8f5cd3a" providerId="ADAL" clId="{25186994-00F8-734D-8EB0-4EF816F306B7}" dt="2021-03-11T04:55:53.142" v="14622" actId="20577"/>
          <ac:spMkLst>
            <pc:docMk/>
            <pc:sldMk cId="2211873062" sldId="354"/>
            <ac:spMk id="2" creationId="{F1FC9445-62EE-E84C-B2AB-BD7A0893C00F}"/>
          </ac:spMkLst>
        </pc:spChg>
        <pc:spChg chg="add mod">
          <ac:chgData name="Daly Donnacha HSLU I" userId="0f22e960-400a-43ff-baeb-4828c8f5cd3a" providerId="ADAL" clId="{25186994-00F8-734D-8EB0-4EF816F306B7}" dt="2021-03-11T04:51:46.176" v="14519"/>
          <ac:spMkLst>
            <pc:docMk/>
            <pc:sldMk cId="2211873062" sldId="354"/>
            <ac:spMk id="3" creationId="{D877C321-DAFA-7D40-B571-C947CE4DD9E5}"/>
          </ac:spMkLst>
        </pc:spChg>
        <pc:spChg chg="add mod">
          <ac:chgData name="Daly Donnacha HSLU I" userId="0f22e960-400a-43ff-baeb-4828c8f5cd3a" providerId="ADAL" clId="{25186994-00F8-734D-8EB0-4EF816F306B7}" dt="2021-03-11T06:32:51.533" v="16951" actId="14100"/>
          <ac:spMkLst>
            <pc:docMk/>
            <pc:sldMk cId="2211873062" sldId="354"/>
            <ac:spMk id="4" creationId="{665E23B7-7575-7649-B4E3-E8052CE24B50}"/>
          </ac:spMkLst>
        </pc:spChg>
        <pc:spChg chg="add mod">
          <ac:chgData name="Daly Donnacha HSLU I" userId="0f22e960-400a-43ff-baeb-4828c8f5cd3a" providerId="ADAL" clId="{25186994-00F8-734D-8EB0-4EF816F306B7}" dt="2021-03-11T06:32:47.742" v="16950" actId="14100"/>
          <ac:spMkLst>
            <pc:docMk/>
            <pc:sldMk cId="2211873062" sldId="354"/>
            <ac:spMk id="5" creationId="{3F2092D4-15CE-1140-90C4-07E089B04F70}"/>
          </ac:spMkLst>
        </pc:spChg>
        <pc:spChg chg="add mod">
          <ac:chgData name="Daly Donnacha HSLU I" userId="0f22e960-400a-43ff-baeb-4828c8f5cd3a" providerId="ADAL" clId="{25186994-00F8-734D-8EB0-4EF816F306B7}" dt="2021-03-11T04:51:46.176" v="14519"/>
          <ac:spMkLst>
            <pc:docMk/>
            <pc:sldMk cId="2211873062" sldId="354"/>
            <ac:spMk id="10" creationId="{8BAB03F1-5AF5-C84B-BCE8-D4E9DA65FF8B}"/>
          </ac:spMkLst>
        </pc:spChg>
        <pc:spChg chg="add mod">
          <ac:chgData name="Daly Donnacha HSLU I" userId="0f22e960-400a-43ff-baeb-4828c8f5cd3a" providerId="ADAL" clId="{25186994-00F8-734D-8EB0-4EF816F306B7}" dt="2021-03-11T04:51:46.176" v="14519"/>
          <ac:spMkLst>
            <pc:docMk/>
            <pc:sldMk cId="2211873062" sldId="354"/>
            <ac:spMk id="11" creationId="{B9763D7B-4E4C-AF45-9833-29F5415E2B58}"/>
          </ac:spMkLst>
        </pc:spChg>
        <pc:spChg chg="add mod">
          <ac:chgData name="Daly Donnacha HSLU I" userId="0f22e960-400a-43ff-baeb-4828c8f5cd3a" providerId="ADAL" clId="{25186994-00F8-734D-8EB0-4EF816F306B7}" dt="2021-03-11T04:51:46.176" v="14519"/>
          <ac:spMkLst>
            <pc:docMk/>
            <pc:sldMk cId="2211873062" sldId="354"/>
            <ac:spMk id="12" creationId="{4714D548-7F4E-AF4B-8AC2-7B48D6280BAF}"/>
          </ac:spMkLst>
        </pc:spChg>
        <pc:spChg chg="add mod">
          <ac:chgData name="Daly Donnacha HSLU I" userId="0f22e960-400a-43ff-baeb-4828c8f5cd3a" providerId="ADAL" clId="{25186994-00F8-734D-8EB0-4EF816F306B7}" dt="2021-03-11T04:51:46.176" v="14519"/>
          <ac:spMkLst>
            <pc:docMk/>
            <pc:sldMk cId="2211873062" sldId="354"/>
            <ac:spMk id="13" creationId="{F01CF474-33F4-794F-ABCA-E466AC2E1EF5}"/>
          </ac:spMkLst>
        </pc:spChg>
        <pc:spChg chg="add mod">
          <ac:chgData name="Daly Donnacha HSLU I" userId="0f22e960-400a-43ff-baeb-4828c8f5cd3a" providerId="ADAL" clId="{25186994-00F8-734D-8EB0-4EF816F306B7}" dt="2021-03-11T04:51:46.176" v="14519"/>
          <ac:spMkLst>
            <pc:docMk/>
            <pc:sldMk cId="2211873062" sldId="354"/>
            <ac:spMk id="16" creationId="{086F8723-B755-4049-9E80-E5C1782D9918}"/>
          </ac:spMkLst>
        </pc:spChg>
        <pc:spChg chg="add mod">
          <ac:chgData name="Daly Donnacha HSLU I" userId="0f22e960-400a-43ff-baeb-4828c8f5cd3a" providerId="ADAL" clId="{25186994-00F8-734D-8EB0-4EF816F306B7}" dt="2021-03-11T04:51:46.176" v="14519"/>
          <ac:spMkLst>
            <pc:docMk/>
            <pc:sldMk cId="2211873062" sldId="354"/>
            <ac:spMk id="17" creationId="{AFFA04CB-117C-E340-B02C-BEFA7A5094DD}"/>
          </ac:spMkLst>
        </pc:spChg>
        <pc:spChg chg="add mod">
          <ac:chgData name="Daly Donnacha HSLU I" userId="0f22e960-400a-43ff-baeb-4828c8f5cd3a" providerId="ADAL" clId="{25186994-00F8-734D-8EB0-4EF816F306B7}" dt="2021-03-11T04:51:46.176" v="14519"/>
          <ac:spMkLst>
            <pc:docMk/>
            <pc:sldMk cId="2211873062" sldId="354"/>
            <ac:spMk id="18" creationId="{423B0CF1-A9B0-204F-8701-EA81B9EB1445}"/>
          </ac:spMkLst>
        </pc:spChg>
        <pc:spChg chg="add mod">
          <ac:chgData name="Daly Donnacha HSLU I" userId="0f22e960-400a-43ff-baeb-4828c8f5cd3a" providerId="ADAL" clId="{25186994-00F8-734D-8EB0-4EF816F306B7}" dt="2021-03-11T04:51:46.176" v="14519"/>
          <ac:spMkLst>
            <pc:docMk/>
            <pc:sldMk cId="2211873062" sldId="354"/>
            <ac:spMk id="19" creationId="{861FF1E1-607C-424A-9100-0FDE5358EB04}"/>
          </ac:spMkLst>
        </pc:spChg>
        <pc:spChg chg="add mod">
          <ac:chgData name="Daly Donnacha HSLU I" userId="0f22e960-400a-43ff-baeb-4828c8f5cd3a" providerId="ADAL" clId="{25186994-00F8-734D-8EB0-4EF816F306B7}" dt="2021-03-11T04:51:56.538" v="14520"/>
          <ac:spMkLst>
            <pc:docMk/>
            <pc:sldMk cId="2211873062" sldId="354"/>
            <ac:spMk id="20" creationId="{1471C474-F337-8840-AA63-7D0B84F291BB}"/>
          </ac:spMkLst>
        </pc:spChg>
        <pc:picChg chg="add mod">
          <ac:chgData name="Daly Donnacha HSLU I" userId="0f22e960-400a-43ff-baeb-4828c8f5cd3a" providerId="ADAL" clId="{25186994-00F8-734D-8EB0-4EF816F306B7}" dt="2021-03-11T06:33:00.660" v="16952" actId="14100"/>
          <ac:picMkLst>
            <pc:docMk/>
            <pc:sldMk cId="2211873062" sldId="354"/>
            <ac:picMk id="6" creationId="{FA3C6DD0-6DF3-624A-961F-42C4F76D9806}"/>
          </ac:picMkLst>
        </pc:picChg>
        <pc:picChg chg="add mod">
          <ac:chgData name="Daly Donnacha HSLU I" userId="0f22e960-400a-43ff-baeb-4828c8f5cd3a" providerId="ADAL" clId="{25186994-00F8-734D-8EB0-4EF816F306B7}" dt="2021-03-11T04:51:46.176" v="14519"/>
          <ac:picMkLst>
            <pc:docMk/>
            <pc:sldMk cId="2211873062" sldId="354"/>
            <ac:picMk id="7" creationId="{B40A358A-5A14-E440-B8D5-11A02008D25C}"/>
          </ac:picMkLst>
        </pc:picChg>
        <pc:picChg chg="add mod">
          <ac:chgData name="Daly Donnacha HSLU I" userId="0f22e960-400a-43ff-baeb-4828c8f5cd3a" providerId="ADAL" clId="{25186994-00F8-734D-8EB0-4EF816F306B7}" dt="2021-03-11T06:33:00.660" v="16952" actId="14100"/>
          <ac:picMkLst>
            <pc:docMk/>
            <pc:sldMk cId="2211873062" sldId="354"/>
            <ac:picMk id="8" creationId="{D71F64FC-A1C2-EE44-8220-651A359B29E8}"/>
          </ac:picMkLst>
        </pc:picChg>
        <pc:picChg chg="add mod">
          <ac:chgData name="Daly Donnacha HSLU I" userId="0f22e960-400a-43ff-baeb-4828c8f5cd3a" providerId="ADAL" clId="{25186994-00F8-734D-8EB0-4EF816F306B7}" dt="2021-03-11T04:51:46.176" v="14519"/>
          <ac:picMkLst>
            <pc:docMk/>
            <pc:sldMk cId="2211873062" sldId="354"/>
            <ac:picMk id="9" creationId="{1987DC95-69F5-2642-A48F-50CCD80EAC01}"/>
          </ac:picMkLst>
        </pc:picChg>
        <pc:cxnChg chg="add mod">
          <ac:chgData name="Daly Donnacha HSLU I" userId="0f22e960-400a-43ff-baeb-4828c8f5cd3a" providerId="ADAL" clId="{25186994-00F8-734D-8EB0-4EF816F306B7}" dt="2021-03-11T04:51:46.176" v="14519"/>
          <ac:cxnSpMkLst>
            <pc:docMk/>
            <pc:sldMk cId="2211873062" sldId="354"/>
            <ac:cxnSpMk id="14" creationId="{1C833D49-72E6-FA49-81F4-026CDA11B940}"/>
          </ac:cxnSpMkLst>
        </pc:cxnChg>
        <pc:cxnChg chg="add mod">
          <ac:chgData name="Daly Donnacha HSLU I" userId="0f22e960-400a-43ff-baeb-4828c8f5cd3a" providerId="ADAL" clId="{25186994-00F8-734D-8EB0-4EF816F306B7}" dt="2021-03-11T04:51:46.176" v="14519"/>
          <ac:cxnSpMkLst>
            <pc:docMk/>
            <pc:sldMk cId="2211873062" sldId="354"/>
            <ac:cxnSpMk id="15" creationId="{95D2530D-B230-D049-AE12-942B40B40A75}"/>
          </ac:cxnSpMkLst>
        </pc:cxnChg>
      </pc:sldChg>
      <pc:sldChg chg="addSp delSp modSp new mod ord">
        <pc:chgData name="Daly Donnacha HSLU I" userId="0f22e960-400a-43ff-baeb-4828c8f5cd3a" providerId="ADAL" clId="{25186994-00F8-734D-8EB0-4EF816F306B7}" dt="2021-03-11T10:15:05.836" v="20433" actId="1037"/>
        <pc:sldMkLst>
          <pc:docMk/>
          <pc:sldMk cId="3570658457" sldId="355"/>
        </pc:sldMkLst>
        <pc:spChg chg="mod">
          <ac:chgData name="Daly Donnacha HSLU I" userId="0f22e960-400a-43ff-baeb-4828c8f5cd3a" providerId="ADAL" clId="{25186994-00F8-734D-8EB0-4EF816F306B7}" dt="2021-03-11T04:52:36.461" v="14535" actId="20577"/>
          <ac:spMkLst>
            <pc:docMk/>
            <pc:sldMk cId="3570658457" sldId="355"/>
            <ac:spMk id="2" creationId="{7401435A-4C58-2B42-8B32-20542CBBA9B6}"/>
          </ac:spMkLst>
        </pc:spChg>
        <pc:spChg chg="add del mod">
          <ac:chgData name="Daly Donnacha HSLU I" userId="0f22e960-400a-43ff-baeb-4828c8f5cd3a" providerId="ADAL" clId="{25186994-00F8-734D-8EB0-4EF816F306B7}" dt="2021-03-11T05:38:59.556" v="15374" actId="478"/>
          <ac:spMkLst>
            <pc:docMk/>
            <pc:sldMk cId="3570658457" sldId="355"/>
            <ac:spMk id="4" creationId="{907CE641-0C4C-F449-91DE-90C413647A7B}"/>
          </ac:spMkLst>
        </pc:spChg>
        <pc:spChg chg="add mod">
          <ac:chgData name="Daly Donnacha HSLU I" userId="0f22e960-400a-43ff-baeb-4828c8f5cd3a" providerId="ADAL" clId="{25186994-00F8-734D-8EB0-4EF816F306B7}" dt="2021-03-11T10:15:05.836" v="20433" actId="1037"/>
          <ac:spMkLst>
            <pc:docMk/>
            <pc:sldMk cId="3570658457" sldId="355"/>
            <ac:spMk id="7" creationId="{B80D1E43-AA8E-944F-AD57-3B8F85E63C70}"/>
          </ac:spMkLst>
        </pc:spChg>
        <pc:spChg chg="add mod">
          <ac:chgData name="Daly Donnacha HSLU I" userId="0f22e960-400a-43ff-baeb-4828c8f5cd3a" providerId="ADAL" clId="{25186994-00F8-734D-8EB0-4EF816F306B7}" dt="2021-03-11T10:14:54.889" v="20421" actId="20577"/>
          <ac:spMkLst>
            <pc:docMk/>
            <pc:sldMk cId="3570658457" sldId="355"/>
            <ac:spMk id="8" creationId="{EE34101C-5973-F843-9160-B4A27AC665DD}"/>
          </ac:spMkLst>
        </pc:spChg>
        <pc:spChg chg="add mod">
          <ac:chgData name="Daly Donnacha HSLU I" userId="0f22e960-400a-43ff-baeb-4828c8f5cd3a" providerId="ADAL" clId="{25186994-00F8-734D-8EB0-4EF816F306B7}" dt="2021-03-11T10:14:03.150" v="20402" actId="207"/>
          <ac:spMkLst>
            <pc:docMk/>
            <pc:sldMk cId="3570658457" sldId="355"/>
            <ac:spMk id="9" creationId="{D52D5D39-EDD2-B444-A469-EA8B71386303}"/>
          </ac:spMkLst>
        </pc:spChg>
        <pc:spChg chg="add mod">
          <ac:chgData name="Daly Donnacha HSLU I" userId="0f22e960-400a-43ff-baeb-4828c8f5cd3a" providerId="ADAL" clId="{25186994-00F8-734D-8EB0-4EF816F306B7}" dt="2021-03-11T10:14:36.725" v="20410" actId="20577"/>
          <ac:spMkLst>
            <pc:docMk/>
            <pc:sldMk cId="3570658457" sldId="355"/>
            <ac:spMk id="10" creationId="{C9D1EBEA-459A-844D-90CB-71CC21E24CFF}"/>
          </ac:spMkLst>
        </pc:spChg>
        <pc:spChg chg="add mod">
          <ac:chgData name="Daly Donnacha HSLU I" userId="0f22e960-400a-43ff-baeb-4828c8f5cd3a" providerId="ADAL" clId="{25186994-00F8-734D-8EB0-4EF816F306B7}" dt="2021-03-11T04:52:59.321" v="14536"/>
          <ac:spMkLst>
            <pc:docMk/>
            <pc:sldMk cId="3570658457" sldId="355"/>
            <ac:spMk id="11" creationId="{AC183FF4-3077-684A-96E8-1A5AB8C77076}"/>
          </ac:spMkLst>
        </pc:spChg>
        <pc:picChg chg="add del mod">
          <ac:chgData name="Daly Donnacha HSLU I" userId="0f22e960-400a-43ff-baeb-4828c8f5cd3a" providerId="ADAL" clId="{25186994-00F8-734D-8EB0-4EF816F306B7}" dt="2021-03-11T05:38:59.556" v="15374" actId="478"/>
          <ac:picMkLst>
            <pc:docMk/>
            <pc:sldMk cId="3570658457" sldId="355"/>
            <ac:picMk id="3" creationId="{F0BB534C-C2A0-E44D-8739-D561350BFE6C}"/>
          </ac:picMkLst>
        </pc:picChg>
        <pc:picChg chg="add mod">
          <ac:chgData name="Daly Donnacha HSLU I" userId="0f22e960-400a-43ff-baeb-4828c8f5cd3a" providerId="ADAL" clId="{25186994-00F8-734D-8EB0-4EF816F306B7}" dt="2021-03-11T05:46:58.346" v="15614" actId="1076"/>
          <ac:picMkLst>
            <pc:docMk/>
            <pc:sldMk cId="3570658457" sldId="355"/>
            <ac:picMk id="5" creationId="{5507EC35-51C9-0942-B6E7-CEC544047B28}"/>
          </ac:picMkLst>
        </pc:picChg>
        <pc:picChg chg="add mod">
          <ac:chgData name="Daly Donnacha HSLU I" userId="0f22e960-400a-43ff-baeb-4828c8f5cd3a" providerId="ADAL" clId="{25186994-00F8-734D-8EB0-4EF816F306B7}" dt="2021-03-11T05:47:16.184" v="15617" actId="1076"/>
          <ac:picMkLst>
            <pc:docMk/>
            <pc:sldMk cId="3570658457" sldId="355"/>
            <ac:picMk id="6" creationId="{CA73B6C5-EAB3-D141-96A6-81D856213129}"/>
          </ac:picMkLst>
        </pc:picChg>
      </pc:sldChg>
      <pc:sldChg chg="addSp modSp new mod">
        <pc:chgData name="Daly Donnacha HSLU I" userId="0f22e960-400a-43ff-baeb-4828c8f5cd3a" providerId="ADAL" clId="{25186994-00F8-734D-8EB0-4EF816F306B7}" dt="2021-03-11T06:31:31.431" v="16949" actId="20577"/>
        <pc:sldMkLst>
          <pc:docMk/>
          <pc:sldMk cId="1230846099" sldId="356"/>
        </pc:sldMkLst>
        <pc:spChg chg="mod">
          <ac:chgData name="Daly Donnacha HSLU I" userId="0f22e960-400a-43ff-baeb-4828c8f5cd3a" providerId="ADAL" clId="{25186994-00F8-734D-8EB0-4EF816F306B7}" dt="2021-03-11T04:54:21.103" v="14590" actId="6549"/>
          <ac:spMkLst>
            <pc:docMk/>
            <pc:sldMk cId="1230846099" sldId="356"/>
            <ac:spMk id="2" creationId="{6A4C0C32-AB56-DA44-BB0A-61692A33F43F}"/>
          </ac:spMkLst>
        </pc:spChg>
        <pc:spChg chg="add mod">
          <ac:chgData name="Daly Donnacha HSLU I" userId="0f22e960-400a-43ff-baeb-4828c8f5cd3a" providerId="ADAL" clId="{25186994-00F8-734D-8EB0-4EF816F306B7}" dt="2021-03-11T06:31:31.431" v="16949" actId="20577"/>
          <ac:spMkLst>
            <pc:docMk/>
            <pc:sldMk cId="1230846099" sldId="356"/>
            <ac:spMk id="3" creationId="{44183209-7489-DD44-84C2-693C464466A5}"/>
          </ac:spMkLst>
        </pc:spChg>
        <pc:spChg chg="add mod">
          <ac:chgData name="Daly Donnacha HSLU I" userId="0f22e960-400a-43ff-baeb-4828c8f5cd3a" providerId="ADAL" clId="{25186994-00F8-734D-8EB0-4EF816F306B7}" dt="2021-03-11T06:29:45.114" v="16921" actId="1036"/>
          <ac:spMkLst>
            <pc:docMk/>
            <pc:sldMk cId="1230846099" sldId="356"/>
            <ac:spMk id="5" creationId="{A51A9FD5-1BF0-EE4E-BA0A-7399DE1A4E9A}"/>
          </ac:spMkLst>
        </pc:spChg>
        <pc:spChg chg="add mod">
          <ac:chgData name="Daly Donnacha HSLU I" userId="0f22e960-400a-43ff-baeb-4828c8f5cd3a" providerId="ADAL" clId="{25186994-00F8-734D-8EB0-4EF816F306B7}" dt="2021-03-11T06:31:09.810" v="16945" actId="1036"/>
          <ac:spMkLst>
            <pc:docMk/>
            <pc:sldMk cId="1230846099" sldId="356"/>
            <ac:spMk id="6" creationId="{88CCDB85-E147-2843-9C43-8971090BA30B}"/>
          </ac:spMkLst>
        </pc:spChg>
        <pc:spChg chg="add mod">
          <ac:chgData name="Daly Donnacha HSLU I" userId="0f22e960-400a-43ff-baeb-4828c8f5cd3a" providerId="ADAL" clId="{25186994-00F8-734D-8EB0-4EF816F306B7}" dt="2021-03-11T04:54:33.938" v="14591"/>
          <ac:spMkLst>
            <pc:docMk/>
            <pc:sldMk cId="1230846099" sldId="356"/>
            <ac:spMk id="7" creationId="{E54A6306-F357-7842-921E-3666DC6BE651}"/>
          </ac:spMkLst>
        </pc:spChg>
        <pc:picChg chg="add mod">
          <ac:chgData name="Daly Donnacha HSLU I" userId="0f22e960-400a-43ff-baeb-4828c8f5cd3a" providerId="ADAL" clId="{25186994-00F8-734D-8EB0-4EF816F306B7}" dt="2021-03-11T06:29:28.299" v="16915" actId="14100"/>
          <ac:picMkLst>
            <pc:docMk/>
            <pc:sldMk cId="1230846099" sldId="356"/>
            <ac:picMk id="4" creationId="{31634E91-DFD0-F349-8267-A107A9AFB2E2}"/>
          </ac:picMkLst>
        </pc:picChg>
      </pc:sldChg>
      <pc:sldChg chg="addSp delSp modSp new mod ord">
        <pc:chgData name="Daly Donnacha HSLU I" userId="0f22e960-400a-43ff-baeb-4828c8f5cd3a" providerId="ADAL" clId="{25186994-00F8-734D-8EB0-4EF816F306B7}" dt="2021-03-11T06:09:59.255" v="16283" actId="20577"/>
        <pc:sldMkLst>
          <pc:docMk/>
          <pc:sldMk cId="1898723469" sldId="357"/>
        </pc:sldMkLst>
        <pc:spChg chg="mod">
          <ac:chgData name="Daly Donnacha HSLU I" userId="0f22e960-400a-43ff-baeb-4828c8f5cd3a" providerId="ADAL" clId="{25186994-00F8-734D-8EB0-4EF816F306B7}" dt="2021-03-11T04:57:06.030" v="14643" actId="20577"/>
          <ac:spMkLst>
            <pc:docMk/>
            <pc:sldMk cId="1898723469" sldId="357"/>
            <ac:spMk id="2" creationId="{01CA4DCD-1F85-5B44-AEB0-E6F7DD3764E0}"/>
          </ac:spMkLst>
        </pc:spChg>
        <pc:spChg chg="add mod">
          <ac:chgData name="Daly Donnacha HSLU I" userId="0f22e960-400a-43ff-baeb-4828c8f5cd3a" providerId="ADAL" clId="{25186994-00F8-734D-8EB0-4EF816F306B7}" dt="2021-03-11T06:09:59.255" v="16283" actId="20577"/>
          <ac:spMkLst>
            <pc:docMk/>
            <pc:sldMk cId="1898723469" sldId="357"/>
            <ac:spMk id="3" creationId="{7B040631-E919-D546-8D53-E16D73186C36}"/>
          </ac:spMkLst>
        </pc:spChg>
        <pc:spChg chg="mod">
          <ac:chgData name="Daly Donnacha HSLU I" userId="0f22e960-400a-43ff-baeb-4828c8f5cd3a" providerId="ADAL" clId="{25186994-00F8-734D-8EB0-4EF816F306B7}" dt="2021-03-11T04:57:19.630" v="14644"/>
          <ac:spMkLst>
            <pc:docMk/>
            <pc:sldMk cId="1898723469" sldId="357"/>
            <ac:spMk id="7" creationId="{9BACC923-8943-5D4A-99AB-D714DB4A1AE8}"/>
          </ac:spMkLst>
        </pc:spChg>
        <pc:spChg chg="mod">
          <ac:chgData name="Daly Donnacha HSLU I" userId="0f22e960-400a-43ff-baeb-4828c8f5cd3a" providerId="ADAL" clId="{25186994-00F8-734D-8EB0-4EF816F306B7}" dt="2021-03-11T04:57:19.630" v="14644"/>
          <ac:spMkLst>
            <pc:docMk/>
            <pc:sldMk cId="1898723469" sldId="357"/>
            <ac:spMk id="8" creationId="{2D5BD0FA-F6C9-4D4A-87DE-E98637476FE0}"/>
          </ac:spMkLst>
        </pc:spChg>
        <pc:spChg chg="mod">
          <ac:chgData name="Daly Donnacha HSLU I" userId="0f22e960-400a-43ff-baeb-4828c8f5cd3a" providerId="ADAL" clId="{25186994-00F8-734D-8EB0-4EF816F306B7}" dt="2021-03-11T04:57:19.630" v="14644"/>
          <ac:spMkLst>
            <pc:docMk/>
            <pc:sldMk cId="1898723469" sldId="357"/>
            <ac:spMk id="9" creationId="{CC286A97-2392-C049-A628-3CC3D9C7BD24}"/>
          </ac:spMkLst>
        </pc:spChg>
        <pc:spChg chg="mod">
          <ac:chgData name="Daly Donnacha HSLU I" userId="0f22e960-400a-43ff-baeb-4828c8f5cd3a" providerId="ADAL" clId="{25186994-00F8-734D-8EB0-4EF816F306B7}" dt="2021-03-11T04:57:19.630" v="14644"/>
          <ac:spMkLst>
            <pc:docMk/>
            <pc:sldMk cId="1898723469" sldId="357"/>
            <ac:spMk id="10" creationId="{0D299CD1-1BD2-0B4A-AC5B-EF0BBCFDAD02}"/>
          </ac:spMkLst>
        </pc:spChg>
        <pc:spChg chg="add del mod">
          <ac:chgData name="Daly Donnacha HSLU I" userId="0f22e960-400a-43ff-baeb-4828c8f5cd3a" providerId="ADAL" clId="{25186994-00F8-734D-8EB0-4EF816F306B7}" dt="2021-03-11T04:57:51.488" v="14645" actId="478"/>
          <ac:spMkLst>
            <pc:docMk/>
            <pc:sldMk cId="1898723469" sldId="357"/>
            <ac:spMk id="12" creationId="{DA6199BF-A011-4441-A7F7-8DE92B48001E}"/>
          </ac:spMkLst>
        </pc:spChg>
        <pc:spChg chg="add del mod">
          <ac:chgData name="Daly Donnacha HSLU I" userId="0f22e960-400a-43ff-baeb-4828c8f5cd3a" providerId="ADAL" clId="{25186994-00F8-734D-8EB0-4EF816F306B7}" dt="2021-03-11T06:02:22.430" v="16112" actId="478"/>
          <ac:spMkLst>
            <pc:docMk/>
            <pc:sldMk cId="1898723469" sldId="357"/>
            <ac:spMk id="14" creationId="{CEF1AA41-8934-6C46-BA03-F53AB3EE46B3}"/>
          </ac:spMkLst>
        </pc:spChg>
        <pc:spChg chg="add mod">
          <ac:chgData name="Daly Donnacha HSLU I" userId="0f22e960-400a-43ff-baeb-4828c8f5cd3a" providerId="ADAL" clId="{25186994-00F8-734D-8EB0-4EF816F306B7}" dt="2021-03-11T06:03:02.244" v="16117" actId="164"/>
          <ac:spMkLst>
            <pc:docMk/>
            <pc:sldMk cId="1898723469" sldId="357"/>
            <ac:spMk id="18" creationId="{CF9E114C-6E13-5748-8A1D-C31565982ECA}"/>
          </ac:spMkLst>
        </pc:spChg>
        <pc:spChg chg="add mod">
          <ac:chgData name="Daly Donnacha HSLU I" userId="0f22e960-400a-43ff-baeb-4828c8f5cd3a" providerId="ADAL" clId="{25186994-00F8-734D-8EB0-4EF816F306B7}" dt="2021-03-11T06:03:20.396" v="16119" actId="164"/>
          <ac:spMkLst>
            <pc:docMk/>
            <pc:sldMk cId="1898723469" sldId="357"/>
            <ac:spMk id="19" creationId="{4A79F072-B362-354F-A06B-BF0708A4709A}"/>
          </ac:spMkLst>
        </pc:spChg>
        <pc:spChg chg="add mod">
          <ac:chgData name="Daly Donnacha HSLU I" userId="0f22e960-400a-43ff-baeb-4828c8f5cd3a" providerId="ADAL" clId="{25186994-00F8-734D-8EB0-4EF816F306B7}" dt="2021-03-11T04:57:19.630" v="14644"/>
          <ac:spMkLst>
            <pc:docMk/>
            <pc:sldMk cId="1898723469" sldId="357"/>
            <ac:spMk id="20" creationId="{11C93D82-9E7A-2B46-91F8-B1381BE135D5}"/>
          </ac:spMkLst>
        </pc:spChg>
        <pc:spChg chg="add mod">
          <ac:chgData name="Daly Donnacha HSLU I" userId="0f22e960-400a-43ff-baeb-4828c8f5cd3a" providerId="ADAL" clId="{25186994-00F8-734D-8EB0-4EF816F306B7}" dt="2021-03-11T06:04:25.853" v="16136" actId="207"/>
          <ac:spMkLst>
            <pc:docMk/>
            <pc:sldMk cId="1898723469" sldId="357"/>
            <ac:spMk id="21" creationId="{5A1BB0E5-7E01-FA44-86B1-91847C6CB792}"/>
          </ac:spMkLst>
        </pc:spChg>
        <pc:spChg chg="add mod">
          <ac:chgData name="Daly Donnacha HSLU I" userId="0f22e960-400a-43ff-baeb-4828c8f5cd3a" providerId="ADAL" clId="{25186994-00F8-734D-8EB0-4EF816F306B7}" dt="2021-03-11T06:08:04.483" v="16254" actId="167"/>
          <ac:spMkLst>
            <pc:docMk/>
            <pc:sldMk cId="1898723469" sldId="357"/>
            <ac:spMk id="24" creationId="{03A529C9-938F-4B4D-82FB-4E1F9DE9C36B}"/>
          </ac:spMkLst>
        </pc:spChg>
        <pc:spChg chg="add mod">
          <ac:chgData name="Daly Donnacha HSLU I" userId="0f22e960-400a-43ff-baeb-4828c8f5cd3a" providerId="ADAL" clId="{25186994-00F8-734D-8EB0-4EF816F306B7}" dt="2021-03-11T06:08:28.044" v="16256" actId="14100"/>
          <ac:spMkLst>
            <pc:docMk/>
            <pc:sldMk cId="1898723469" sldId="357"/>
            <ac:spMk id="25" creationId="{B6BF7DA9-A147-0C4C-A393-8B28864A6315}"/>
          </ac:spMkLst>
        </pc:spChg>
        <pc:grpChg chg="add mod">
          <ac:chgData name="Daly Donnacha HSLU I" userId="0f22e960-400a-43ff-baeb-4828c8f5cd3a" providerId="ADAL" clId="{25186994-00F8-734D-8EB0-4EF816F306B7}" dt="2021-03-11T06:07:13.031" v="16244" actId="1035"/>
          <ac:grpSpMkLst>
            <pc:docMk/>
            <pc:sldMk cId="1898723469" sldId="357"/>
            <ac:grpSpMk id="4" creationId="{3D6D0799-E979-1341-B4EB-83C905A66A98}"/>
          </ac:grpSpMkLst>
        </pc:grpChg>
        <pc:grpChg chg="add mod">
          <ac:chgData name="Daly Donnacha HSLU I" userId="0f22e960-400a-43ff-baeb-4828c8f5cd3a" providerId="ADAL" clId="{25186994-00F8-734D-8EB0-4EF816F306B7}" dt="2021-03-11T06:09:18.905" v="16258" actId="14100"/>
          <ac:grpSpMkLst>
            <pc:docMk/>
            <pc:sldMk cId="1898723469" sldId="357"/>
            <ac:grpSpMk id="22" creationId="{1924B096-2EA7-EA42-99BC-848A3874DD1D}"/>
          </ac:grpSpMkLst>
        </pc:grpChg>
        <pc:grpChg chg="add mod">
          <ac:chgData name="Daly Donnacha HSLU I" userId="0f22e960-400a-43ff-baeb-4828c8f5cd3a" providerId="ADAL" clId="{25186994-00F8-734D-8EB0-4EF816F306B7}" dt="2021-03-11T06:09:18.905" v="16258" actId="14100"/>
          <ac:grpSpMkLst>
            <pc:docMk/>
            <pc:sldMk cId="1898723469" sldId="357"/>
            <ac:grpSpMk id="23" creationId="{F13D8E39-F41A-8F47-821A-FFE71596DE93}"/>
          </ac:grpSpMkLst>
        </pc:grpChg>
        <pc:picChg chg="mod">
          <ac:chgData name="Daly Donnacha HSLU I" userId="0f22e960-400a-43ff-baeb-4828c8f5cd3a" providerId="ADAL" clId="{25186994-00F8-734D-8EB0-4EF816F306B7}" dt="2021-03-11T04:57:19.630" v="14644"/>
          <ac:picMkLst>
            <pc:docMk/>
            <pc:sldMk cId="1898723469" sldId="357"/>
            <ac:picMk id="5" creationId="{6FD082DD-BF74-6340-B7C7-C3401910DEC1}"/>
          </ac:picMkLst>
        </pc:picChg>
        <pc:picChg chg="mod">
          <ac:chgData name="Daly Donnacha HSLU I" userId="0f22e960-400a-43ff-baeb-4828c8f5cd3a" providerId="ADAL" clId="{25186994-00F8-734D-8EB0-4EF816F306B7}" dt="2021-03-11T04:57:19.630" v="14644"/>
          <ac:picMkLst>
            <pc:docMk/>
            <pc:sldMk cId="1898723469" sldId="357"/>
            <ac:picMk id="6" creationId="{AA8964C0-1287-8044-A757-42BC81BF1EF9}"/>
          </ac:picMkLst>
        </pc:picChg>
        <pc:picChg chg="add del mod">
          <ac:chgData name="Daly Donnacha HSLU I" userId="0f22e960-400a-43ff-baeb-4828c8f5cd3a" providerId="ADAL" clId="{25186994-00F8-734D-8EB0-4EF816F306B7}" dt="2021-03-11T04:57:51.488" v="14645" actId="478"/>
          <ac:picMkLst>
            <pc:docMk/>
            <pc:sldMk cId="1898723469" sldId="357"/>
            <ac:picMk id="11" creationId="{1C2CB91F-669D-0E4F-B386-1FFEE89771AB}"/>
          </ac:picMkLst>
        </pc:picChg>
        <pc:picChg chg="add mod">
          <ac:chgData name="Daly Donnacha HSLU I" userId="0f22e960-400a-43ff-baeb-4828c8f5cd3a" providerId="ADAL" clId="{25186994-00F8-734D-8EB0-4EF816F306B7}" dt="2021-03-11T06:09:18.905" v="16258" actId="14100"/>
          <ac:picMkLst>
            <pc:docMk/>
            <pc:sldMk cId="1898723469" sldId="357"/>
            <ac:picMk id="13" creationId="{7E68AABB-5CDC-9143-A124-DD4E6DE8D0A8}"/>
          </ac:picMkLst>
        </pc:picChg>
        <pc:picChg chg="add mod">
          <ac:chgData name="Daly Donnacha HSLU I" userId="0f22e960-400a-43ff-baeb-4828c8f5cd3a" providerId="ADAL" clId="{25186994-00F8-734D-8EB0-4EF816F306B7}" dt="2021-03-11T06:03:02.244" v="16117" actId="164"/>
          <ac:picMkLst>
            <pc:docMk/>
            <pc:sldMk cId="1898723469" sldId="357"/>
            <ac:picMk id="15" creationId="{E35C102C-94E9-DF4A-A2EC-D78247298ECC}"/>
          </ac:picMkLst>
        </pc:picChg>
        <pc:picChg chg="add mod">
          <ac:chgData name="Daly Donnacha HSLU I" userId="0f22e960-400a-43ff-baeb-4828c8f5cd3a" providerId="ADAL" clId="{25186994-00F8-734D-8EB0-4EF816F306B7}" dt="2021-03-11T06:03:20.396" v="16119" actId="164"/>
          <ac:picMkLst>
            <pc:docMk/>
            <pc:sldMk cId="1898723469" sldId="357"/>
            <ac:picMk id="16" creationId="{92B6BBCE-6F79-574D-A9B9-C9CCB255CDCE}"/>
          </ac:picMkLst>
        </pc:picChg>
        <pc:cxnChg chg="add del mod">
          <ac:chgData name="Daly Donnacha HSLU I" userId="0f22e960-400a-43ff-baeb-4828c8f5cd3a" providerId="ADAL" clId="{25186994-00F8-734D-8EB0-4EF816F306B7}" dt="2021-03-11T06:02:50.519" v="16115" actId="478"/>
          <ac:cxnSpMkLst>
            <pc:docMk/>
            <pc:sldMk cId="1898723469" sldId="357"/>
            <ac:cxnSpMk id="17" creationId="{824D242B-7C61-F547-ACB0-24334AC003B6}"/>
          </ac:cxnSpMkLst>
        </pc:cxnChg>
      </pc:sldChg>
      <pc:sldChg chg="addSp modSp new mod">
        <pc:chgData name="Daly Donnacha HSLU I" userId="0f22e960-400a-43ff-baeb-4828c8f5cd3a" providerId="ADAL" clId="{25186994-00F8-734D-8EB0-4EF816F306B7}" dt="2021-03-11T05:40:54.907" v="15438" actId="14100"/>
        <pc:sldMkLst>
          <pc:docMk/>
          <pc:sldMk cId="939494367" sldId="358"/>
        </pc:sldMkLst>
        <pc:spChg chg="mod">
          <ac:chgData name="Daly Donnacha HSLU I" userId="0f22e960-400a-43ff-baeb-4828c8f5cd3a" providerId="ADAL" clId="{25186994-00F8-734D-8EB0-4EF816F306B7}" dt="2021-03-11T05:40:09.428" v="15400" actId="20577"/>
          <ac:spMkLst>
            <pc:docMk/>
            <pc:sldMk cId="939494367" sldId="358"/>
            <ac:spMk id="2" creationId="{F337E589-C6EE-434C-9072-151C05FAC3C3}"/>
          </ac:spMkLst>
        </pc:spChg>
        <pc:spChg chg="add mod">
          <ac:chgData name="Daly Donnacha HSLU I" userId="0f22e960-400a-43ff-baeb-4828c8f5cd3a" providerId="ADAL" clId="{25186994-00F8-734D-8EB0-4EF816F306B7}" dt="2021-03-11T05:40:54.907" v="15438" actId="14100"/>
          <ac:spMkLst>
            <pc:docMk/>
            <pc:sldMk cId="939494367" sldId="358"/>
            <ac:spMk id="4" creationId="{8577B67C-252E-9E4F-AA0F-34501BA37DA6}"/>
          </ac:spMkLst>
        </pc:spChg>
        <pc:spChg chg="add mod">
          <ac:chgData name="Daly Donnacha HSLU I" userId="0f22e960-400a-43ff-baeb-4828c8f5cd3a" providerId="ADAL" clId="{25186994-00F8-734D-8EB0-4EF816F306B7}" dt="2021-03-11T05:39:07.185" v="15375"/>
          <ac:spMkLst>
            <pc:docMk/>
            <pc:sldMk cId="939494367" sldId="358"/>
            <ac:spMk id="5" creationId="{582C6AD4-01E8-0046-AF1E-D7B3A225AC1C}"/>
          </ac:spMkLst>
        </pc:spChg>
        <pc:picChg chg="add mod">
          <ac:chgData name="Daly Donnacha HSLU I" userId="0f22e960-400a-43ff-baeb-4828c8f5cd3a" providerId="ADAL" clId="{25186994-00F8-734D-8EB0-4EF816F306B7}" dt="2021-03-11T05:38:38.013" v="15371" actId="1035"/>
          <ac:picMkLst>
            <pc:docMk/>
            <pc:sldMk cId="939494367" sldId="358"/>
            <ac:picMk id="3" creationId="{C4ED427B-A050-C24A-B2D1-E1DA4D2ADBE5}"/>
          </ac:picMkLst>
        </pc:picChg>
      </pc:sldChg>
      <pc:sldChg chg="new del">
        <pc:chgData name="Daly Donnacha HSLU I" userId="0f22e960-400a-43ff-baeb-4828c8f5cd3a" providerId="ADAL" clId="{25186994-00F8-734D-8EB0-4EF816F306B7}" dt="2021-03-11T08:08:57.350" v="17708" actId="680"/>
        <pc:sldMkLst>
          <pc:docMk/>
          <pc:sldMk cId="1244915210" sldId="359"/>
        </pc:sldMkLst>
      </pc:sldChg>
      <pc:sldChg chg="addSp delSp modSp new mod">
        <pc:chgData name="Daly Donnacha HSLU I" userId="0f22e960-400a-43ff-baeb-4828c8f5cd3a" providerId="ADAL" clId="{25186994-00F8-734D-8EB0-4EF816F306B7}" dt="2021-03-11T09:32:30.381" v="19631" actId="20577"/>
        <pc:sldMkLst>
          <pc:docMk/>
          <pc:sldMk cId="3880072058" sldId="359"/>
        </pc:sldMkLst>
        <pc:spChg chg="mod">
          <ac:chgData name="Daly Donnacha HSLU I" userId="0f22e960-400a-43ff-baeb-4828c8f5cd3a" providerId="ADAL" clId="{25186994-00F8-734D-8EB0-4EF816F306B7}" dt="2021-03-11T08:38:34.731" v="17922" actId="20577"/>
          <ac:spMkLst>
            <pc:docMk/>
            <pc:sldMk cId="3880072058" sldId="359"/>
            <ac:spMk id="2" creationId="{E91B2F2C-A167-C946-9140-534B615DDF55}"/>
          </ac:spMkLst>
        </pc:spChg>
        <pc:spChg chg="add del mod">
          <ac:chgData name="Daly Donnacha HSLU I" userId="0f22e960-400a-43ff-baeb-4828c8f5cd3a" providerId="ADAL" clId="{25186994-00F8-734D-8EB0-4EF816F306B7}" dt="2021-03-11T08:37:40.642" v="17906" actId="478"/>
          <ac:spMkLst>
            <pc:docMk/>
            <pc:sldMk cId="3880072058" sldId="359"/>
            <ac:spMk id="3" creationId="{204D0B9B-5225-2E4B-8591-A567D8FCDF68}"/>
          </ac:spMkLst>
        </pc:spChg>
        <pc:spChg chg="add mod">
          <ac:chgData name="Daly Donnacha HSLU I" userId="0f22e960-400a-43ff-baeb-4828c8f5cd3a" providerId="ADAL" clId="{25186994-00F8-734D-8EB0-4EF816F306B7}" dt="2021-03-11T09:32:30.381" v="19631" actId="20577"/>
          <ac:spMkLst>
            <pc:docMk/>
            <pc:sldMk cId="3880072058" sldId="359"/>
            <ac:spMk id="4" creationId="{92000E93-C187-2345-A7B5-7206655191EC}"/>
          </ac:spMkLst>
        </pc:spChg>
        <pc:spChg chg="mod">
          <ac:chgData name="Daly Donnacha HSLU I" userId="0f22e960-400a-43ff-baeb-4828c8f5cd3a" providerId="ADAL" clId="{25186994-00F8-734D-8EB0-4EF816F306B7}" dt="2021-03-11T08:37:29.424" v="17905"/>
          <ac:spMkLst>
            <pc:docMk/>
            <pc:sldMk cId="3880072058" sldId="359"/>
            <ac:spMk id="6" creationId="{FAAF74B2-6388-8241-98DF-0D766670F249}"/>
          </ac:spMkLst>
        </pc:spChg>
        <pc:spChg chg="mod">
          <ac:chgData name="Daly Donnacha HSLU I" userId="0f22e960-400a-43ff-baeb-4828c8f5cd3a" providerId="ADAL" clId="{25186994-00F8-734D-8EB0-4EF816F306B7}" dt="2021-03-11T08:37:29.424" v="17905"/>
          <ac:spMkLst>
            <pc:docMk/>
            <pc:sldMk cId="3880072058" sldId="359"/>
            <ac:spMk id="7" creationId="{91B834D1-9BEA-CA4D-BC71-E67116D72333}"/>
          </ac:spMkLst>
        </pc:spChg>
        <pc:spChg chg="mod">
          <ac:chgData name="Daly Donnacha HSLU I" userId="0f22e960-400a-43ff-baeb-4828c8f5cd3a" providerId="ADAL" clId="{25186994-00F8-734D-8EB0-4EF816F306B7}" dt="2021-03-11T08:37:29.424" v="17905"/>
          <ac:spMkLst>
            <pc:docMk/>
            <pc:sldMk cId="3880072058" sldId="359"/>
            <ac:spMk id="8" creationId="{B7E918B6-1778-334E-80BB-3D8982BF99B9}"/>
          </ac:spMkLst>
        </pc:spChg>
        <pc:spChg chg="mod">
          <ac:chgData name="Daly Donnacha HSLU I" userId="0f22e960-400a-43ff-baeb-4828c8f5cd3a" providerId="ADAL" clId="{25186994-00F8-734D-8EB0-4EF816F306B7}" dt="2021-03-11T08:37:29.424" v="17905"/>
          <ac:spMkLst>
            <pc:docMk/>
            <pc:sldMk cId="3880072058" sldId="359"/>
            <ac:spMk id="9" creationId="{0D2D58DA-0FA5-BF40-AECB-76AF22D5CF65}"/>
          </ac:spMkLst>
        </pc:spChg>
        <pc:spChg chg="mod">
          <ac:chgData name="Daly Donnacha HSLU I" userId="0f22e960-400a-43ff-baeb-4828c8f5cd3a" providerId="ADAL" clId="{25186994-00F8-734D-8EB0-4EF816F306B7}" dt="2021-03-11T08:37:29.424" v="17905"/>
          <ac:spMkLst>
            <pc:docMk/>
            <pc:sldMk cId="3880072058" sldId="359"/>
            <ac:spMk id="10" creationId="{18949FD6-A2F1-A94A-A523-B4354D654E04}"/>
          </ac:spMkLst>
        </pc:spChg>
        <pc:spChg chg="mod">
          <ac:chgData name="Daly Donnacha HSLU I" userId="0f22e960-400a-43ff-baeb-4828c8f5cd3a" providerId="ADAL" clId="{25186994-00F8-734D-8EB0-4EF816F306B7}" dt="2021-03-11T08:37:29.424" v="17905"/>
          <ac:spMkLst>
            <pc:docMk/>
            <pc:sldMk cId="3880072058" sldId="359"/>
            <ac:spMk id="11" creationId="{5FA5B90E-30E7-A14F-B3F4-BDB51C16A35D}"/>
          </ac:spMkLst>
        </pc:spChg>
        <pc:spChg chg="add mod">
          <ac:chgData name="Daly Donnacha HSLU I" userId="0f22e960-400a-43ff-baeb-4828c8f5cd3a" providerId="ADAL" clId="{25186994-00F8-734D-8EB0-4EF816F306B7}" dt="2021-03-11T08:37:29.424" v="17905"/>
          <ac:spMkLst>
            <pc:docMk/>
            <pc:sldMk cId="3880072058" sldId="359"/>
            <ac:spMk id="12" creationId="{636E933D-8C7A-7241-AE99-E3A5EEA38406}"/>
          </ac:spMkLst>
        </pc:spChg>
        <pc:spChg chg="add mod">
          <ac:chgData name="Daly Donnacha HSLU I" userId="0f22e960-400a-43ff-baeb-4828c8f5cd3a" providerId="ADAL" clId="{25186994-00F8-734D-8EB0-4EF816F306B7}" dt="2021-03-11T08:37:29.424" v="17905"/>
          <ac:spMkLst>
            <pc:docMk/>
            <pc:sldMk cId="3880072058" sldId="359"/>
            <ac:spMk id="13" creationId="{3DDBE440-C588-B949-A599-501C2C08E2FF}"/>
          </ac:spMkLst>
        </pc:spChg>
        <pc:spChg chg="add mod">
          <ac:chgData name="Daly Donnacha HSLU I" userId="0f22e960-400a-43ff-baeb-4828c8f5cd3a" providerId="ADAL" clId="{25186994-00F8-734D-8EB0-4EF816F306B7}" dt="2021-03-11T08:37:29.424" v="17905"/>
          <ac:spMkLst>
            <pc:docMk/>
            <pc:sldMk cId="3880072058" sldId="359"/>
            <ac:spMk id="14" creationId="{CF5C2D63-2AA9-5145-BBB5-CC94D1FB9CF6}"/>
          </ac:spMkLst>
        </pc:spChg>
        <pc:spChg chg="add mod">
          <ac:chgData name="Daly Donnacha HSLU I" userId="0f22e960-400a-43ff-baeb-4828c8f5cd3a" providerId="ADAL" clId="{25186994-00F8-734D-8EB0-4EF816F306B7}" dt="2021-03-11T08:37:29.424" v="17905"/>
          <ac:spMkLst>
            <pc:docMk/>
            <pc:sldMk cId="3880072058" sldId="359"/>
            <ac:spMk id="16" creationId="{BC1C8B22-FF47-BE45-9B38-196EBE23755C}"/>
          </ac:spMkLst>
        </pc:spChg>
        <pc:spChg chg="add mod">
          <ac:chgData name="Daly Donnacha HSLU I" userId="0f22e960-400a-43ff-baeb-4828c8f5cd3a" providerId="ADAL" clId="{25186994-00F8-734D-8EB0-4EF816F306B7}" dt="2021-03-11T08:37:29.424" v="17905"/>
          <ac:spMkLst>
            <pc:docMk/>
            <pc:sldMk cId="3880072058" sldId="359"/>
            <ac:spMk id="17" creationId="{815185ED-E60B-FB4C-81FB-90001320CA5E}"/>
          </ac:spMkLst>
        </pc:spChg>
        <pc:spChg chg="add mod">
          <ac:chgData name="Daly Donnacha HSLU I" userId="0f22e960-400a-43ff-baeb-4828c8f5cd3a" providerId="ADAL" clId="{25186994-00F8-734D-8EB0-4EF816F306B7}" dt="2021-03-11T08:39:52.740" v="17944" actId="20577"/>
          <ac:spMkLst>
            <pc:docMk/>
            <pc:sldMk cId="3880072058" sldId="359"/>
            <ac:spMk id="19" creationId="{EE92B42B-697B-BA4F-8F64-75795F4A3AA1}"/>
          </ac:spMkLst>
        </pc:spChg>
        <pc:spChg chg="add mod">
          <ac:chgData name="Daly Donnacha HSLU I" userId="0f22e960-400a-43ff-baeb-4828c8f5cd3a" providerId="ADAL" clId="{25186994-00F8-734D-8EB0-4EF816F306B7}" dt="2021-03-11T08:37:29.424" v="17905"/>
          <ac:spMkLst>
            <pc:docMk/>
            <pc:sldMk cId="3880072058" sldId="359"/>
            <ac:spMk id="20" creationId="{6BF2F5B7-7583-4C45-ADEF-F84B6C01705A}"/>
          </ac:spMkLst>
        </pc:spChg>
        <pc:grpChg chg="add mod">
          <ac:chgData name="Daly Donnacha HSLU I" userId="0f22e960-400a-43ff-baeb-4828c8f5cd3a" providerId="ADAL" clId="{25186994-00F8-734D-8EB0-4EF816F306B7}" dt="2021-03-11T08:37:29.424" v="17905"/>
          <ac:grpSpMkLst>
            <pc:docMk/>
            <pc:sldMk cId="3880072058" sldId="359"/>
            <ac:grpSpMk id="5" creationId="{259963B3-D12D-5B49-B899-455B8D7837F9}"/>
          </ac:grpSpMkLst>
        </pc:grpChg>
        <pc:cxnChg chg="add mod">
          <ac:chgData name="Daly Donnacha HSLU I" userId="0f22e960-400a-43ff-baeb-4828c8f5cd3a" providerId="ADAL" clId="{25186994-00F8-734D-8EB0-4EF816F306B7}" dt="2021-03-11T08:37:29.424" v="17905"/>
          <ac:cxnSpMkLst>
            <pc:docMk/>
            <pc:sldMk cId="3880072058" sldId="359"/>
            <ac:cxnSpMk id="15" creationId="{02A36496-6894-F44A-B971-B35082BE9146}"/>
          </ac:cxnSpMkLst>
        </pc:cxnChg>
        <pc:cxnChg chg="add mod">
          <ac:chgData name="Daly Donnacha HSLU I" userId="0f22e960-400a-43ff-baeb-4828c8f5cd3a" providerId="ADAL" clId="{25186994-00F8-734D-8EB0-4EF816F306B7}" dt="2021-03-11T08:37:29.424" v="17905"/>
          <ac:cxnSpMkLst>
            <pc:docMk/>
            <pc:sldMk cId="3880072058" sldId="359"/>
            <ac:cxnSpMk id="18" creationId="{14275F0F-38D0-414F-881F-3AF86AD13FEF}"/>
          </ac:cxnSpMkLst>
        </pc:cxnChg>
        <pc:cxnChg chg="add mod">
          <ac:chgData name="Daly Donnacha HSLU I" userId="0f22e960-400a-43ff-baeb-4828c8f5cd3a" providerId="ADAL" clId="{25186994-00F8-734D-8EB0-4EF816F306B7}" dt="2021-03-11T08:37:29.424" v="17905"/>
          <ac:cxnSpMkLst>
            <pc:docMk/>
            <pc:sldMk cId="3880072058" sldId="359"/>
            <ac:cxnSpMk id="21" creationId="{1C29546B-8B8F-9A42-B0BF-37C1B97AD6EB}"/>
          </ac:cxnSpMkLst>
        </pc:cxnChg>
      </pc:sldChg>
      <pc:sldChg chg="addSp delSp modSp new mod">
        <pc:chgData name="Daly Donnacha HSLU I" userId="0f22e960-400a-43ff-baeb-4828c8f5cd3a" providerId="ADAL" clId="{25186994-00F8-734D-8EB0-4EF816F306B7}" dt="2021-03-11T08:46:19.746" v="18099" actId="1036"/>
        <pc:sldMkLst>
          <pc:docMk/>
          <pc:sldMk cId="4099127080" sldId="360"/>
        </pc:sldMkLst>
        <pc:spChg chg="mod">
          <ac:chgData name="Daly Donnacha HSLU I" userId="0f22e960-400a-43ff-baeb-4828c8f5cd3a" providerId="ADAL" clId="{25186994-00F8-734D-8EB0-4EF816F306B7}" dt="2021-03-11T08:41:31.405" v="17995" actId="20577"/>
          <ac:spMkLst>
            <pc:docMk/>
            <pc:sldMk cId="4099127080" sldId="360"/>
            <ac:spMk id="2" creationId="{EF32567C-F173-3C42-BCC7-CA8730215E73}"/>
          </ac:spMkLst>
        </pc:spChg>
        <pc:spChg chg="add mod">
          <ac:chgData name="Daly Donnacha HSLU I" userId="0f22e960-400a-43ff-baeb-4828c8f5cd3a" providerId="ADAL" clId="{25186994-00F8-734D-8EB0-4EF816F306B7}" dt="2021-03-11T08:43:23.781" v="18031" actId="20577"/>
          <ac:spMkLst>
            <pc:docMk/>
            <pc:sldMk cId="4099127080" sldId="360"/>
            <ac:spMk id="3" creationId="{718BA7E1-D90D-794F-BCB3-10D8D3455A3C}"/>
          </ac:spMkLst>
        </pc:spChg>
        <pc:spChg chg="mod">
          <ac:chgData name="Daly Donnacha HSLU I" userId="0f22e960-400a-43ff-baeb-4828c8f5cd3a" providerId="ADAL" clId="{25186994-00F8-734D-8EB0-4EF816F306B7}" dt="2021-03-11T08:41:00.678" v="17970"/>
          <ac:spMkLst>
            <pc:docMk/>
            <pc:sldMk cId="4099127080" sldId="360"/>
            <ac:spMk id="6" creationId="{2219D30A-B11E-8749-919D-E2245766AA7F}"/>
          </ac:spMkLst>
        </pc:spChg>
        <pc:spChg chg="mod">
          <ac:chgData name="Daly Donnacha HSLU I" userId="0f22e960-400a-43ff-baeb-4828c8f5cd3a" providerId="ADAL" clId="{25186994-00F8-734D-8EB0-4EF816F306B7}" dt="2021-03-11T08:41:00.678" v="17970"/>
          <ac:spMkLst>
            <pc:docMk/>
            <pc:sldMk cId="4099127080" sldId="360"/>
            <ac:spMk id="7" creationId="{5C5F9C8B-7DC5-0744-B4C6-365824B56444}"/>
          </ac:spMkLst>
        </pc:spChg>
        <pc:spChg chg="add mod">
          <ac:chgData name="Daly Donnacha HSLU I" userId="0f22e960-400a-43ff-baeb-4828c8f5cd3a" providerId="ADAL" clId="{25186994-00F8-734D-8EB0-4EF816F306B7}" dt="2021-03-11T08:41:00.678" v="17970"/>
          <ac:spMkLst>
            <pc:docMk/>
            <pc:sldMk cId="4099127080" sldId="360"/>
            <ac:spMk id="8" creationId="{C9C3756B-86CD-B34C-A764-66AFEBF04323}"/>
          </ac:spMkLst>
        </pc:spChg>
        <pc:spChg chg="add mod">
          <ac:chgData name="Daly Donnacha HSLU I" userId="0f22e960-400a-43ff-baeb-4828c8f5cd3a" providerId="ADAL" clId="{25186994-00F8-734D-8EB0-4EF816F306B7}" dt="2021-03-11T08:46:19.746" v="18099" actId="1036"/>
          <ac:spMkLst>
            <pc:docMk/>
            <pc:sldMk cId="4099127080" sldId="360"/>
            <ac:spMk id="9" creationId="{92A2AD04-BE6C-C54C-8BF4-3113EDF2BFA8}"/>
          </ac:spMkLst>
        </pc:spChg>
        <pc:spChg chg="add mod">
          <ac:chgData name="Daly Donnacha HSLU I" userId="0f22e960-400a-43ff-baeb-4828c8f5cd3a" providerId="ADAL" clId="{25186994-00F8-734D-8EB0-4EF816F306B7}" dt="2021-03-11T08:46:19.746" v="18099" actId="1036"/>
          <ac:spMkLst>
            <pc:docMk/>
            <pc:sldMk cId="4099127080" sldId="360"/>
            <ac:spMk id="11" creationId="{D2D07EB7-6F89-314B-9BEA-C45DA7A8662F}"/>
          </ac:spMkLst>
        </pc:spChg>
        <pc:spChg chg="add mod">
          <ac:chgData name="Daly Donnacha HSLU I" userId="0f22e960-400a-43ff-baeb-4828c8f5cd3a" providerId="ADAL" clId="{25186994-00F8-734D-8EB0-4EF816F306B7}" dt="2021-03-11T08:44:45.494" v="18085" actId="14100"/>
          <ac:spMkLst>
            <pc:docMk/>
            <pc:sldMk cId="4099127080" sldId="360"/>
            <ac:spMk id="14" creationId="{44DBA16B-854B-1647-9893-D3A88BC9B946}"/>
          </ac:spMkLst>
        </pc:spChg>
        <pc:grpChg chg="add mod">
          <ac:chgData name="Daly Donnacha HSLU I" userId="0f22e960-400a-43ff-baeb-4828c8f5cd3a" providerId="ADAL" clId="{25186994-00F8-734D-8EB0-4EF816F306B7}" dt="2021-03-11T08:46:19.746" v="18099" actId="1036"/>
          <ac:grpSpMkLst>
            <pc:docMk/>
            <pc:sldMk cId="4099127080" sldId="360"/>
            <ac:grpSpMk id="4" creationId="{DFF1C3A9-546B-174E-80A8-D6A3097C7AF9}"/>
          </ac:grpSpMkLst>
        </pc:grpChg>
        <pc:picChg chg="mod">
          <ac:chgData name="Daly Donnacha HSLU I" userId="0f22e960-400a-43ff-baeb-4828c8f5cd3a" providerId="ADAL" clId="{25186994-00F8-734D-8EB0-4EF816F306B7}" dt="2021-03-11T08:41:00.678" v="17970"/>
          <ac:picMkLst>
            <pc:docMk/>
            <pc:sldMk cId="4099127080" sldId="360"/>
            <ac:picMk id="5" creationId="{4382AFC5-237E-BF41-9CEC-BF168E1ABF39}"/>
          </ac:picMkLst>
        </pc:picChg>
        <pc:cxnChg chg="add del mod">
          <ac:chgData name="Daly Donnacha HSLU I" userId="0f22e960-400a-43ff-baeb-4828c8f5cd3a" providerId="ADAL" clId="{25186994-00F8-734D-8EB0-4EF816F306B7}" dt="2021-03-11T08:44:59.167" v="18087" actId="478"/>
          <ac:cxnSpMkLst>
            <pc:docMk/>
            <pc:sldMk cId="4099127080" sldId="360"/>
            <ac:cxnSpMk id="10" creationId="{621FF73C-F980-9245-A3D2-56AF01EED76D}"/>
          </ac:cxnSpMkLst>
        </pc:cxnChg>
        <pc:cxnChg chg="add del mod">
          <ac:chgData name="Daly Donnacha HSLU I" userId="0f22e960-400a-43ff-baeb-4828c8f5cd3a" providerId="ADAL" clId="{25186994-00F8-734D-8EB0-4EF816F306B7}" dt="2021-03-11T08:45:20.607" v="18089" actId="478"/>
          <ac:cxnSpMkLst>
            <pc:docMk/>
            <pc:sldMk cId="4099127080" sldId="360"/>
            <ac:cxnSpMk id="12" creationId="{3969DDB9-094A-774D-8BE8-8404446D6899}"/>
          </ac:cxnSpMkLst>
        </pc:cxnChg>
        <pc:cxnChg chg="add mod">
          <ac:chgData name="Daly Donnacha HSLU I" userId="0f22e960-400a-43ff-baeb-4828c8f5cd3a" providerId="ADAL" clId="{25186994-00F8-734D-8EB0-4EF816F306B7}" dt="2021-03-11T08:46:19.746" v="18099" actId="1036"/>
          <ac:cxnSpMkLst>
            <pc:docMk/>
            <pc:sldMk cId="4099127080" sldId="360"/>
            <ac:cxnSpMk id="13" creationId="{F75348E0-4C30-8E48-B34A-154F3090EB0E}"/>
          </ac:cxnSpMkLst>
        </pc:cxnChg>
      </pc:sldChg>
      <pc:sldChg chg="addSp modSp new mod">
        <pc:chgData name="Daly Donnacha HSLU I" userId="0f22e960-400a-43ff-baeb-4828c8f5cd3a" providerId="ADAL" clId="{25186994-00F8-734D-8EB0-4EF816F306B7}" dt="2021-03-11T09:03:19.845" v="18526" actId="20577"/>
        <pc:sldMkLst>
          <pc:docMk/>
          <pc:sldMk cId="1410749080" sldId="361"/>
        </pc:sldMkLst>
        <pc:spChg chg="mod">
          <ac:chgData name="Daly Donnacha HSLU I" userId="0f22e960-400a-43ff-baeb-4828c8f5cd3a" providerId="ADAL" clId="{25186994-00F8-734D-8EB0-4EF816F306B7}" dt="2021-03-11T08:48:50.975" v="18161" actId="20577"/>
          <ac:spMkLst>
            <pc:docMk/>
            <pc:sldMk cId="1410749080" sldId="361"/>
            <ac:spMk id="2" creationId="{2E0E88EC-9F84-2946-88CB-6DFC45082DEF}"/>
          </ac:spMkLst>
        </pc:spChg>
        <pc:spChg chg="add mod">
          <ac:chgData name="Daly Donnacha HSLU I" userId="0f22e960-400a-43ff-baeb-4828c8f5cd3a" providerId="ADAL" clId="{25186994-00F8-734D-8EB0-4EF816F306B7}" dt="2021-03-11T08:47:37.156" v="18135" actId="1036"/>
          <ac:spMkLst>
            <pc:docMk/>
            <pc:sldMk cId="1410749080" sldId="361"/>
            <ac:spMk id="3" creationId="{7682629F-F959-0947-8050-C3627693ADE3}"/>
          </ac:spMkLst>
        </pc:spChg>
        <pc:spChg chg="add mod">
          <ac:chgData name="Daly Donnacha HSLU I" userId="0f22e960-400a-43ff-baeb-4828c8f5cd3a" providerId="ADAL" clId="{25186994-00F8-734D-8EB0-4EF816F306B7}" dt="2021-03-11T08:47:37.156" v="18135" actId="1036"/>
          <ac:spMkLst>
            <pc:docMk/>
            <pc:sldMk cId="1410749080" sldId="361"/>
            <ac:spMk id="4" creationId="{E47147EE-2FE7-AB4A-A3B9-6BCE2F7B5AAC}"/>
          </ac:spMkLst>
        </pc:spChg>
        <pc:spChg chg="add mod">
          <ac:chgData name="Daly Donnacha HSLU I" userId="0f22e960-400a-43ff-baeb-4828c8f5cd3a" providerId="ADAL" clId="{25186994-00F8-734D-8EB0-4EF816F306B7}" dt="2021-03-11T08:47:37.156" v="18135" actId="1036"/>
          <ac:spMkLst>
            <pc:docMk/>
            <pc:sldMk cId="1410749080" sldId="361"/>
            <ac:spMk id="5" creationId="{349A026D-E312-5446-88AF-CC62EEFF7481}"/>
          </ac:spMkLst>
        </pc:spChg>
        <pc:spChg chg="add mod">
          <ac:chgData name="Daly Donnacha HSLU I" userId="0f22e960-400a-43ff-baeb-4828c8f5cd3a" providerId="ADAL" clId="{25186994-00F8-734D-8EB0-4EF816F306B7}" dt="2021-03-11T08:47:37.156" v="18135" actId="1036"/>
          <ac:spMkLst>
            <pc:docMk/>
            <pc:sldMk cId="1410749080" sldId="361"/>
            <ac:spMk id="6" creationId="{52838BD3-3B4B-444E-9827-ED2B4B89E38B}"/>
          </ac:spMkLst>
        </pc:spChg>
        <pc:spChg chg="add mod">
          <ac:chgData name="Daly Donnacha HSLU I" userId="0f22e960-400a-43ff-baeb-4828c8f5cd3a" providerId="ADAL" clId="{25186994-00F8-734D-8EB0-4EF816F306B7}" dt="2021-03-11T08:47:37.156" v="18135" actId="1036"/>
          <ac:spMkLst>
            <pc:docMk/>
            <pc:sldMk cId="1410749080" sldId="361"/>
            <ac:spMk id="7" creationId="{A30B16A8-D8AC-1649-86FC-556CC97A9295}"/>
          </ac:spMkLst>
        </pc:spChg>
        <pc:spChg chg="add mod">
          <ac:chgData name="Daly Donnacha HSLU I" userId="0f22e960-400a-43ff-baeb-4828c8f5cd3a" providerId="ADAL" clId="{25186994-00F8-734D-8EB0-4EF816F306B7}" dt="2021-03-11T09:02:44.853" v="18504" actId="6549"/>
          <ac:spMkLst>
            <pc:docMk/>
            <pc:sldMk cId="1410749080" sldId="361"/>
            <ac:spMk id="12" creationId="{DCE3D37D-F808-F84C-A2BC-335B03BA5BA5}"/>
          </ac:spMkLst>
        </pc:spChg>
        <pc:spChg chg="add mod">
          <ac:chgData name="Daly Donnacha HSLU I" userId="0f22e960-400a-43ff-baeb-4828c8f5cd3a" providerId="ADAL" clId="{25186994-00F8-734D-8EB0-4EF816F306B7}" dt="2021-03-11T09:03:02.164" v="18514" actId="20577"/>
          <ac:spMkLst>
            <pc:docMk/>
            <pc:sldMk cId="1410749080" sldId="361"/>
            <ac:spMk id="13" creationId="{03225DCD-644A-C642-9F7E-9DE817D9F363}"/>
          </ac:spMkLst>
        </pc:spChg>
        <pc:spChg chg="add mod">
          <ac:chgData name="Daly Donnacha HSLU I" userId="0f22e960-400a-43ff-baeb-4828c8f5cd3a" providerId="ADAL" clId="{25186994-00F8-734D-8EB0-4EF816F306B7}" dt="2021-03-11T09:03:12.164" v="18520" actId="20577"/>
          <ac:spMkLst>
            <pc:docMk/>
            <pc:sldMk cId="1410749080" sldId="361"/>
            <ac:spMk id="14" creationId="{FC1682B8-EC07-D24B-A0E1-4202A6AC012B}"/>
          </ac:spMkLst>
        </pc:spChg>
        <pc:spChg chg="add mod">
          <ac:chgData name="Daly Donnacha HSLU I" userId="0f22e960-400a-43ff-baeb-4828c8f5cd3a" providerId="ADAL" clId="{25186994-00F8-734D-8EB0-4EF816F306B7}" dt="2021-03-11T08:51:54.269" v="18234" actId="14100"/>
          <ac:spMkLst>
            <pc:docMk/>
            <pc:sldMk cId="1410749080" sldId="361"/>
            <ac:spMk id="15" creationId="{E4E60A75-0CC4-D340-80F0-9CC117424947}"/>
          </ac:spMkLst>
        </pc:spChg>
        <pc:spChg chg="add mod">
          <ac:chgData name="Daly Donnacha HSLU I" userId="0f22e960-400a-43ff-baeb-4828c8f5cd3a" providerId="ADAL" clId="{25186994-00F8-734D-8EB0-4EF816F306B7}" dt="2021-03-11T09:03:19.845" v="18526" actId="20577"/>
          <ac:spMkLst>
            <pc:docMk/>
            <pc:sldMk cId="1410749080" sldId="361"/>
            <ac:spMk id="16" creationId="{29201DA4-794F-004D-9437-2B041381761D}"/>
          </ac:spMkLst>
        </pc:spChg>
        <pc:spChg chg="add mod">
          <ac:chgData name="Daly Donnacha HSLU I" userId="0f22e960-400a-43ff-baeb-4828c8f5cd3a" providerId="ADAL" clId="{25186994-00F8-734D-8EB0-4EF816F306B7}" dt="2021-03-11T08:51:37.418" v="18233" actId="20577"/>
          <ac:spMkLst>
            <pc:docMk/>
            <pc:sldMk cId="1410749080" sldId="361"/>
            <ac:spMk id="17" creationId="{A323CFE0-D874-EC49-A4B5-E2EA7EF84685}"/>
          </ac:spMkLst>
        </pc:spChg>
        <pc:spChg chg="add mod">
          <ac:chgData name="Daly Donnacha HSLU I" userId="0f22e960-400a-43ff-baeb-4828c8f5cd3a" providerId="ADAL" clId="{25186994-00F8-734D-8EB0-4EF816F306B7}" dt="2021-03-11T08:53:04.247" v="18267" actId="1036"/>
          <ac:spMkLst>
            <pc:docMk/>
            <pc:sldMk cId="1410749080" sldId="361"/>
            <ac:spMk id="21" creationId="{0B7ED1C7-C9C2-2747-8A87-004B9FFDC30B}"/>
          </ac:spMkLst>
        </pc:spChg>
        <pc:cxnChg chg="add mod">
          <ac:chgData name="Daly Donnacha HSLU I" userId="0f22e960-400a-43ff-baeb-4828c8f5cd3a" providerId="ADAL" clId="{25186994-00F8-734D-8EB0-4EF816F306B7}" dt="2021-03-11T08:47:37.156" v="18135" actId="1036"/>
          <ac:cxnSpMkLst>
            <pc:docMk/>
            <pc:sldMk cId="1410749080" sldId="361"/>
            <ac:cxnSpMk id="8" creationId="{56093643-385E-CD4F-914E-295D1BC6F558}"/>
          </ac:cxnSpMkLst>
        </pc:cxnChg>
        <pc:cxnChg chg="add mod">
          <ac:chgData name="Daly Donnacha HSLU I" userId="0f22e960-400a-43ff-baeb-4828c8f5cd3a" providerId="ADAL" clId="{25186994-00F8-734D-8EB0-4EF816F306B7}" dt="2021-03-11T08:47:37.156" v="18135" actId="1036"/>
          <ac:cxnSpMkLst>
            <pc:docMk/>
            <pc:sldMk cId="1410749080" sldId="361"/>
            <ac:cxnSpMk id="9" creationId="{E0F8B3BB-F5BB-ED4D-9FB8-CA2F3DFCDB16}"/>
          </ac:cxnSpMkLst>
        </pc:cxnChg>
        <pc:cxnChg chg="add mod">
          <ac:chgData name="Daly Donnacha HSLU I" userId="0f22e960-400a-43ff-baeb-4828c8f5cd3a" providerId="ADAL" clId="{25186994-00F8-734D-8EB0-4EF816F306B7}" dt="2021-03-11T08:47:37.156" v="18135" actId="1036"/>
          <ac:cxnSpMkLst>
            <pc:docMk/>
            <pc:sldMk cId="1410749080" sldId="361"/>
            <ac:cxnSpMk id="10" creationId="{4E9717AE-CD3A-8E4D-846B-59DCBA8E09D7}"/>
          </ac:cxnSpMkLst>
        </pc:cxnChg>
        <pc:cxnChg chg="add mod">
          <ac:chgData name="Daly Donnacha HSLU I" userId="0f22e960-400a-43ff-baeb-4828c8f5cd3a" providerId="ADAL" clId="{25186994-00F8-734D-8EB0-4EF816F306B7}" dt="2021-03-11T08:47:37.156" v="18135" actId="1036"/>
          <ac:cxnSpMkLst>
            <pc:docMk/>
            <pc:sldMk cId="1410749080" sldId="361"/>
            <ac:cxnSpMk id="11" creationId="{0CA361E4-527C-DC42-88D5-E5AEF3ECE9E7}"/>
          </ac:cxnSpMkLst>
        </pc:cxnChg>
        <pc:cxnChg chg="add mod">
          <ac:chgData name="Daly Donnacha HSLU I" userId="0f22e960-400a-43ff-baeb-4828c8f5cd3a" providerId="ADAL" clId="{25186994-00F8-734D-8EB0-4EF816F306B7}" dt="2021-03-11T08:47:37.156" v="18135" actId="1036"/>
          <ac:cxnSpMkLst>
            <pc:docMk/>
            <pc:sldMk cId="1410749080" sldId="361"/>
            <ac:cxnSpMk id="18" creationId="{F247EDF2-608E-8940-B9F8-573A7E0166F0}"/>
          </ac:cxnSpMkLst>
        </pc:cxnChg>
        <pc:cxnChg chg="add mod">
          <ac:chgData name="Daly Donnacha HSLU I" userId="0f22e960-400a-43ff-baeb-4828c8f5cd3a" providerId="ADAL" clId="{25186994-00F8-734D-8EB0-4EF816F306B7}" dt="2021-03-11T08:47:37.156" v="18135" actId="1036"/>
          <ac:cxnSpMkLst>
            <pc:docMk/>
            <pc:sldMk cId="1410749080" sldId="361"/>
            <ac:cxnSpMk id="19" creationId="{6E384332-22A8-D444-BB07-707B06F87F00}"/>
          </ac:cxnSpMkLst>
        </pc:cxnChg>
        <pc:cxnChg chg="add mod">
          <ac:chgData name="Daly Donnacha HSLU I" userId="0f22e960-400a-43ff-baeb-4828c8f5cd3a" providerId="ADAL" clId="{25186994-00F8-734D-8EB0-4EF816F306B7}" dt="2021-03-11T08:47:37.156" v="18135" actId="1036"/>
          <ac:cxnSpMkLst>
            <pc:docMk/>
            <pc:sldMk cId="1410749080" sldId="361"/>
            <ac:cxnSpMk id="20" creationId="{786F1BA0-4EB1-D54D-B9A0-DD4447078E9D}"/>
          </ac:cxnSpMkLst>
        </pc:cxnChg>
        <pc:cxnChg chg="add mod">
          <ac:chgData name="Daly Donnacha HSLU I" userId="0f22e960-400a-43ff-baeb-4828c8f5cd3a" providerId="ADAL" clId="{25186994-00F8-734D-8EB0-4EF816F306B7}" dt="2021-03-11T08:47:37.156" v="18135" actId="1036"/>
          <ac:cxnSpMkLst>
            <pc:docMk/>
            <pc:sldMk cId="1410749080" sldId="361"/>
            <ac:cxnSpMk id="22" creationId="{D8DB801D-66F2-2547-9F3A-D3E6A45815FC}"/>
          </ac:cxnSpMkLst>
        </pc:cxnChg>
      </pc:sldChg>
      <pc:sldChg chg="addSp delSp modSp new del">
        <pc:chgData name="Daly Donnacha HSLU I" userId="0f22e960-400a-43ff-baeb-4828c8f5cd3a" providerId="ADAL" clId="{25186994-00F8-734D-8EB0-4EF816F306B7}" dt="2021-03-11T08:58:05.596" v="18389" actId="2696"/>
        <pc:sldMkLst>
          <pc:docMk/>
          <pc:sldMk cId="3917332874" sldId="362"/>
        </pc:sldMkLst>
        <pc:spChg chg="add del mod">
          <ac:chgData name="Daly Donnacha HSLU I" userId="0f22e960-400a-43ff-baeb-4828c8f5cd3a" providerId="ADAL" clId="{25186994-00F8-734D-8EB0-4EF816F306B7}" dt="2021-03-11T08:49:31.643" v="18164"/>
          <ac:spMkLst>
            <pc:docMk/>
            <pc:sldMk cId="3917332874" sldId="362"/>
            <ac:spMk id="3" creationId="{299290E8-EEF1-F341-915F-B693B10D5F52}"/>
          </ac:spMkLst>
        </pc:spChg>
        <pc:spChg chg="add del mod">
          <ac:chgData name="Daly Donnacha HSLU I" userId="0f22e960-400a-43ff-baeb-4828c8f5cd3a" providerId="ADAL" clId="{25186994-00F8-734D-8EB0-4EF816F306B7}" dt="2021-03-11T08:49:31.643" v="18164"/>
          <ac:spMkLst>
            <pc:docMk/>
            <pc:sldMk cId="3917332874" sldId="362"/>
            <ac:spMk id="4" creationId="{14AD1ADF-A06F-FB47-AC88-FFB774AB0FDA}"/>
          </ac:spMkLst>
        </pc:spChg>
        <pc:spChg chg="add del mod">
          <ac:chgData name="Daly Donnacha HSLU I" userId="0f22e960-400a-43ff-baeb-4828c8f5cd3a" providerId="ADAL" clId="{25186994-00F8-734D-8EB0-4EF816F306B7}" dt="2021-03-11T08:49:31.643" v="18164"/>
          <ac:spMkLst>
            <pc:docMk/>
            <pc:sldMk cId="3917332874" sldId="362"/>
            <ac:spMk id="5" creationId="{DB538CB8-DF9B-BC48-9E59-4CCB1E909456}"/>
          </ac:spMkLst>
        </pc:spChg>
        <pc:spChg chg="add del mod">
          <ac:chgData name="Daly Donnacha HSLU I" userId="0f22e960-400a-43ff-baeb-4828c8f5cd3a" providerId="ADAL" clId="{25186994-00F8-734D-8EB0-4EF816F306B7}" dt="2021-03-11T08:49:31.643" v="18164"/>
          <ac:spMkLst>
            <pc:docMk/>
            <pc:sldMk cId="3917332874" sldId="362"/>
            <ac:spMk id="6" creationId="{8B023850-7DA0-2F4B-9744-93513DD2DC4D}"/>
          </ac:spMkLst>
        </pc:spChg>
        <pc:spChg chg="add del mod">
          <ac:chgData name="Daly Donnacha HSLU I" userId="0f22e960-400a-43ff-baeb-4828c8f5cd3a" providerId="ADAL" clId="{25186994-00F8-734D-8EB0-4EF816F306B7}" dt="2021-03-11T08:49:31.643" v="18164"/>
          <ac:spMkLst>
            <pc:docMk/>
            <pc:sldMk cId="3917332874" sldId="362"/>
            <ac:spMk id="7" creationId="{D81AD9E0-B46F-FF40-AC1C-D45F18CA03EC}"/>
          </ac:spMkLst>
        </pc:spChg>
        <pc:spChg chg="add del mod">
          <ac:chgData name="Daly Donnacha HSLU I" userId="0f22e960-400a-43ff-baeb-4828c8f5cd3a" providerId="ADAL" clId="{25186994-00F8-734D-8EB0-4EF816F306B7}" dt="2021-03-11T08:49:31.643" v="18164"/>
          <ac:spMkLst>
            <pc:docMk/>
            <pc:sldMk cId="3917332874" sldId="362"/>
            <ac:spMk id="12" creationId="{4CEEFC5C-BF02-DB4F-A217-3C98E967EEA7}"/>
          </ac:spMkLst>
        </pc:spChg>
        <pc:spChg chg="add del mod">
          <ac:chgData name="Daly Donnacha HSLU I" userId="0f22e960-400a-43ff-baeb-4828c8f5cd3a" providerId="ADAL" clId="{25186994-00F8-734D-8EB0-4EF816F306B7}" dt="2021-03-11T08:49:31.643" v="18164"/>
          <ac:spMkLst>
            <pc:docMk/>
            <pc:sldMk cId="3917332874" sldId="362"/>
            <ac:spMk id="14" creationId="{BBF1CD94-ECBF-5844-A40B-998DAC38B21E}"/>
          </ac:spMkLst>
        </pc:spChg>
        <pc:spChg chg="add del mod">
          <ac:chgData name="Daly Donnacha HSLU I" userId="0f22e960-400a-43ff-baeb-4828c8f5cd3a" providerId="ADAL" clId="{25186994-00F8-734D-8EB0-4EF816F306B7}" dt="2021-03-11T08:49:31.643" v="18164"/>
          <ac:spMkLst>
            <pc:docMk/>
            <pc:sldMk cId="3917332874" sldId="362"/>
            <ac:spMk id="15" creationId="{FC8554FA-1B59-ED42-9836-9DED2A1B4F11}"/>
          </ac:spMkLst>
        </pc:spChg>
        <pc:spChg chg="add mod">
          <ac:chgData name="Daly Donnacha HSLU I" userId="0f22e960-400a-43ff-baeb-4828c8f5cd3a" providerId="ADAL" clId="{25186994-00F8-734D-8EB0-4EF816F306B7}" dt="2021-03-11T08:49:36.414" v="18165"/>
          <ac:spMkLst>
            <pc:docMk/>
            <pc:sldMk cId="3917332874" sldId="362"/>
            <ac:spMk id="17" creationId="{88B4143B-6407-6B4B-AC70-53CD1B341DB4}"/>
          </ac:spMkLst>
        </pc:spChg>
        <pc:spChg chg="add mod">
          <ac:chgData name="Daly Donnacha HSLU I" userId="0f22e960-400a-43ff-baeb-4828c8f5cd3a" providerId="ADAL" clId="{25186994-00F8-734D-8EB0-4EF816F306B7}" dt="2021-03-11T08:49:36.414" v="18165"/>
          <ac:spMkLst>
            <pc:docMk/>
            <pc:sldMk cId="3917332874" sldId="362"/>
            <ac:spMk id="18" creationId="{5E95AA16-B865-754F-B499-39949B2CA8F8}"/>
          </ac:spMkLst>
        </pc:spChg>
        <pc:spChg chg="add mod">
          <ac:chgData name="Daly Donnacha HSLU I" userId="0f22e960-400a-43ff-baeb-4828c8f5cd3a" providerId="ADAL" clId="{25186994-00F8-734D-8EB0-4EF816F306B7}" dt="2021-03-11T08:49:36.414" v="18165"/>
          <ac:spMkLst>
            <pc:docMk/>
            <pc:sldMk cId="3917332874" sldId="362"/>
            <ac:spMk id="19" creationId="{FC3D5CE0-E6BD-9A41-B7AB-71B625916C55}"/>
          </ac:spMkLst>
        </pc:spChg>
        <pc:spChg chg="add mod">
          <ac:chgData name="Daly Donnacha HSLU I" userId="0f22e960-400a-43ff-baeb-4828c8f5cd3a" providerId="ADAL" clId="{25186994-00F8-734D-8EB0-4EF816F306B7}" dt="2021-03-11T08:49:36.414" v="18165"/>
          <ac:spMkLst>
            <pc:docMk/>
            <pc:sldMk cId="3917332874" sldId="362"/>
            <ac:spMk id="20" creationId="{7BCD9407-908E-8E4F-AD88-45F4D2CD9911}"/>
          </ac:spMkLst>
        </pc:spChg>
        <pc:spChg chg="add mod">
          <ac:chgData name="Daly Donnacha HSLU I" userId="0f22e960-400a-43ff-baeb-4828c8f5cd3a" providerId="ADAL" clId="{25186994-00F8-734D-8EB0-4EF816F306B7}" dt="2021-03-11T08:49:36.414" v="18165"/>
          <ac:spMkLst>
            <pc:docMk/>
            <pc:sldMk cId="3917332874" sldId="362"/>
            <ac:spMk id="21" creationId="{6295C912-0420-334D-9656-878CF843C16D}"/>
          </ac:spMkLst>
        </pc:spChg>
        <pc:spChg chg="add mod">
          <ac:chgData name="Daly Donnacha HSLU I" userId="0f22e960-400a-43ff-baeb-4828c8f5cd3a" providerId="ADAL" clId="{25186994-00F8-734D-8EB0-4EF816F306B7}" dt="2021-03-11T08:49:36.414" v="18165"/>
          <ac:spMkLst>
            <pc:docMk/>
            <pc:sldMk cId="3917332874" sldId="362"/>
            <ac:spMk id="26" creationId="{0A53BC1F-A9E1-1347-99B4-EDD19F30EB06}"/>
          </ac:spMkLst>
        </pc:spChg>
        <pc:spChg chg="add mod">
          <ac:chgData name="Daly Donnacha HSLU I" userId="0f22e960-400a-43ff-baeb-4828c8f5cd3a" providerId="ADAL" clId="{25186994-00F8-734D-8EB0-4EF816F306B7}" dt="2021-03-11T08:49:36.414" v="18165"/>
          <ac:spMkLst>
            <pc:docMk/>
            <pc:sldMk cId="3917332874" sldId="362"/>
            <ac:spMk id="28" creationId="{3D991391-C56A-914B-B8AE-7976D201E5DA}"/>
          </ac:spMkLst>
        </pc:spChg>
        <pc:spChg chg="add mod">
          <ac:chgData name="Daly Donnacha HSLU I" userId="0f22e960-400a-43ff-baeb-4828c8f5cd3a" providerId="ADAL" clId="{25186994-00F8-734D-8EB0-4EF816F306B7}" dt="2021-03-11T08:49:36.414" v="18165"/>
          <ac:spMkLst>
            <pc:docMk/>
            <pc:sldMk cId="3917332874" sldId="362"/>
            <ac:spMk id="29" creationId="{AF9B70F7-227F-EB41-9576-6AA3BB3FB60B}"/>
          </ac:spMkLst>
        </pc:spChg>
        <pc:spChg chg="add mod">
          <ac:chgData name="Daly Donnacha HSLU I" userId="0f22e960-400a-43ff-baeb-4828c8f5cd3a" providerId="ADAL" clId="{25186994-00F8-734D-8EB0-4EF816F306B7}" dt="2021-03-11T08:49:36.414" v="18165"/>
          <ac:spMkLst>
            <pc:docMk/>
            <pc:sldMk cId="3917332874" sldId="362"/>
            <ac:spMk id="30" creationId="{7FC9AE5B-99D5-4245-ABEA-9E7477E15851}"/>
          </ac:spMkLst>
        </pc:spChg>
        <pc:cxnChg chg="add del mod">
          <ac:chgData name="Daly Donnacha HSLU I" userId="0f22e960-400a-43ff-baeb-4828c8f5cd3a" providerId="ADAL" clId="{25186994-00F8-734D-8EB0-4EF816F306B7}" dt="2021-03-11T08:49:31.643" v="18164"/>
          <ac:cxnSpMkLst>
            <pc:docMk/>
            <pc:sldMk cId="3917332874" sldId="362"/>
            <ac:cxnSpMk id="8" creationId="{69E42E23-3AAD-1343-B01F-AF53360CB9CF}"/>
          </ac:cxnSpMkLst>
        </pc:cxnChg>
        <pc:cxnChg chg="add del mod">
          <ac:chgData name="Daly Donnacha HSLU I" userId="0f22e960-400a-43ff-baeb-4828c8f5cd3a" providerId="ADAL" clId="{25186994-00F8-734D-8EB0-4EF816F306B7}" dt="2021-03-11T08:49:31.643" v="18164"/>
          <ac:cxnSpMkLst>
            <pc:docMk/>
            <pc:sldMk cId="3917332874" sldId="362"/>
            <ac:cxnSpMk id="9" creationId="{4C7F67BB-52CC-D047-9609-4B3B616C58C0}"/>
          </ac:cxnSpMkLst>
        </pc:cxnChg>
        <pc:cxnChg chg="add del mod">
          <ac:chgData name="Daly Donnacha HSLU I" userId="0f22e960-400a-43ff-baeb-4828c8f5cd3a" providerId="ADAL" clId="{25186994-00F8-734D-8EB0-4EF816F306B7}" dt="2021-03-11T08:49:31.643" v="18164"/>
          <ac:cxnSpMkLst>
            <pc:docMk/>
            <pc:sldMk cId="3917332874" sldId="362"/>
            <ac:cxnSpMk id="10" creationId="{E7E23BAE-A27E-6B45-A56D-3216B5F2A8E3}"/>
          </ac:cxnSpMkLst>
        </pc:cxnChg>
        <pc:cxnChg chg="add del mod">
          <ac:chgData name="Daly Donnacha HSLU I" userId="0f22e960-400a-43ff-baeb-4828c8f5cd3a" providerId="ADAL" clId="{25186994-00F8-734D-8EB0-4EF816F306B7}" dt="2021-03-11T08:49:31.643" v="18164"/>
          <ac:cxnSpMkLst>
            <pc:docMk/>
            <pc:sldMk cId="3917332874" sldId="362"/>
            <ac:cxnSpMk id="11" creationId="{91433FC1-BACA-E14F-A8F6-893840A644A3}"/>
          </ac:cxnSpMkLst>
        </pc:cxnChg>
        <pc:cxnChg chg="add del mod">
          <ac:chgData name="Daly Donnacha HSLU I" userId="0f22e960-400a-43ff-baeb-4828c8f5cd3a" providerId="ADAL" clId="{25186994-00F8-734D-8EB0-4EF816F306B7}" dt="2021-03-11T08:49:31.643" v="18164"/>
          <ac:cxnSpMkLst>
            <pc:docMk/>
            <pc:sldMk cId="3917332874" sldId="362"/>
            <ac:cxnSpMk id="13" creationId="{BF287FCB-DCAD-DF42-8D13-BC8E5FEDA38B}"/>
          </ac:cxnSpMkLst>
        </pc:cxnChg>
        <pc:cxnChg chg="add del mod">
          <ac:chgData name="Daly Donnacha HSLU I" userId="0f22e960-400a-43ff-baeb-4828c8f5cd3a" providerId="ADAL" clId="{25186994-00F8-734D-8EB0-4EF816F306B7}" dt="2021-03-11T08:49:31.643" v="18164"/>
          <ac:cxnSpMkLst>
            <pc:docMk/>
            <pc:sldMk cId="3917332874" sldId="362"/>
            <ac:cxnSpMk id="16" creationId="{7FAEF6B0-DA75-1241-A67A-AEFA47544D6A}"/>
          </ac:cxnSpMkLst>
        </pc:cxnChg>
        <pc:cxnChg chg="add mod">
          <ac:chgData name="Daly Donnacha HSLU I" userId="0f22e960-400a-43ff-baeb-4828c8f5cd3a" providerId="ADAL" clId="{25186994-00F8-734D-8EB0-4EF816F306B7}" dt="2021-03-11T08:49:36.414" v="18165"/>
          <ac:cxnSpMkLst>
            <pc:docMk/>
            <pc:sldMk cId="3917332874" sldId="362"/>
            <ac:cxnSpMk id="22" creationId="{24418EA6-4D41-9048-8C5D-DD6F574892EB}"/>
          </ac:cxnSpMkLst>
        </pc:cxnChg>
        <pc:cxnChg chg="add mod">
          <ac:chgData name="Daly Donnacha HSLU I" userId="0f22e960-400a-43ff-baeb-4828c8f5cd3a" providerId="ADAL" clId="{25186994-00F8-734D-8EB0-4EF816F306B7}" dt="2021-03-11T08:49:36.414" v="18165"/>
          <ac:cxnSpMkLst>
            <pc:docMk/>
            <pc:sldMk cId="3917332874" sldId="362"/>
            <ac:cxnSpMk id="23" creationId="{4628FEEC-E6E9-4A46-A163-33135031544B}"/>
          </ac:cxnSpMkLst>
        </pc:cxnChg>
        <pc:cxnChg chg="add mod">
          <ac:chgData name="Daly Donnacha HSLU I" userId="0f22e960-400a-43ff-baeb-4828c8f5cd3a" providerId="ADAL" clId="{25186994-00F8-734D-8EB0-4EF816F306B7}" dt="2021-03-11T08:49:36.414" v="18165"/>
          <ac:cxnSpMkLst>
            <pc:docMk/>
            <pc:sldMk cId="3917332874" sldId="362"/>
            <ac:cxnSpMk id="24" creationId="{A2A16453-F87A-DD45-A104-D3C933108258}"/>
          </ac:cxnSpMkLst>
        </pc:cxnChg>
        <pc:cxnChg chg="add mod">
          <ac:chgData name="Daly Donnacha HSLU I" userId="0f22e960-400a-43ff-baeb-4828c8f5cd3a" providerId="ADAL" clId="{25186994-00F8-734D-8EB0-4EF816F306B7}" dt="2021-03-11T08:49:36.414" v="18165"/>
          <ac:cxnSpMkLst>
            <pc:docMk/>
            <pc:sldMk cId="3917332874" sldId="362"/>
            <ac:cxnSpMk id="25" creationId="{3A517F9D-77FF-E145-853A-C63EE9D0A0A5}"/>
          </ac:cxnSpMkLst>
        </pc:cxnChg>
        <pc:cxnChg chg="add mod">
          <ac:chgData name="Daly Donnacha HSLU I" userId="0f22e960-400a-43ff-baeb-4828c8f5cd3a" providerId="ADAL" clId="{25186994-00F8-734D-8EB0-4EF816F306B7}" dt="2021-03-11T08:49:36.414" v="18165"/>
          <ac:cxnSpMkLst>
            <pc:docMk/>
            <pc:sldMk cId="3917332874" sldId="362"/>
            <ac:cxnSpMk id="27" creationId="{51A6B722-A2F8-4143-8546-F9AC37443ACA}"/>
          </ac:cxnSpMkLst>
        </pc:cxnChg>
        <pc:cxnChg chg="add mod">
          <ac:chgData name="Daly Donnacha HSLU I" userId="0f22e960-400a-43ff-baeb-4828c8f5cd3a" providerId="ADAL" clId="{25186994-00F8-734D-8EB0-4EF816F306B7}" dt="2021-03-11T08:49:36.414" v="18165"/>
          <ac:cxnSpMkLst>
            <pc:docMk/>
            <pc:sldMk cId="3917332874" sldId="362"/>
            <ac:cxnSpMk id="31" creationId="{B67DB062-1F38-AF43-AE16-50145F3359EB}"/>
          </ac:cxnSpMkLst>
        </pc:cxnChg>
      </pc:sldChg>
      <pc:sldChg chg="addSp modSp new mod">
        <pc:chgData name="Daly Donnacha HSLU I" userId="0f22e960-400a-43ff-baeb-4828c8f5cd3a" providerId="ADAL" clId="{25186994-00F8-734D-8EB0-4EF816F306B7}" dt="2021-03-11T11:40:53.449" v="20458" actId="20577"/>
        <pc:sldMkLst>
          <pc:docMk/>
          <pc:sldMk cId="1164331458" sldId="363"/>
        </pc:sldMkLst>
        <pc:spChg chg="mod">
          <ac:chgData name="Daly Donnacha HSLU I" userId="0f22e960-400a-43ff-baeb-4828c8f5cd3a" providerId="ADAL" clId="{25186994-00F8-734D-8EB0-4EF816F306B7}" dt="2021-03-11T08:56:47.481" v="18332" actId="20577"/>
          <ac:spMkLst>
            <pc:docMk/>
            <pc:sldMk cId="1164331458" sldId="363"/>
            <ac:spMk id="2" creationId="{08892406-E24E-7940-A300-B53FFE624E5E}"/>
          </ac:spMkLst>
        </pc:spChg>
        <pc:spChg chg="add mod">
          <ac:chgData name="Daly Donnacha HSLU I" userId="0f22e960-400a-43ff-baeb-4828c8f5cd3a" providerId="ADAL" clId="{25186994-00F8-734D-8EB0-4EF816F306B7}" dt="2021-03-11T08:53:42.364" v="18269"/>
          <ac:spMkLst>
            <pc:docMk/>
            <pc:sldMk cId="1164331458" sldId="363"/>
            <ac:spMk id="3" creationId="{87F85364-01EC-E943-BAC6-341B0964D0A6}"/>
          </ac:spMkLst>
        </pc:spChg>
        <pc:spChg chg="add mod">
          <ac:chgData name="Daly Donnacha HSLU I" userId="0f22e960-400a-43ff-baeb-4828c8f5cd3a" providerId="ADAL" clId="{25186994-00F8-734D-8EB0-4EF816F306B7}" dt="2021-03-11T08:53:42.364" v="18269"/>
          <ac:spMkLst>
            <pc:docMk/>
            <pc:sldMk cId="1164331458" sldId="363"/>
            <ac:spMk id="4" creationId="{5ABC0764-1C04-AF4C-9FB1-2CF2D9758996}"/>
          </ac:spMkLst>
        </pc:spChg>
        <pc:spChg chg="add mod">
          <ac:chgData name="Daly Donnacha HSLU I" userId="0f22e960-400a-43ff-baeb-4828c8f5cd3a" providerId="ADAL" clId="{25186994-00F8-734D-8EB0-4EF816F306B7}" dt="2021-03-11T08:53:42.364" v="18269"/>
          <ac:spMkLst>
            <pc:docMk/>
            <pc:sldMk cId="1164331458" sldId="363"/>
            <ac:spMk id="5" creationId="{C3DE9039-25D8-FB4B-AA13-2B8A00B3B7D7}"/>
          </ac:spMkLst>
        </pc:spChg>
        <pc:spChg chg="add mod">
          <ac:chgData name="Daly Donnacha HSLU I" userId="0f22e960-400a-43ff-baeb-4828c8f5cd3a" providerId="ADAL" clId="{25186994-00F8-734D-8EB0-4EF816F306B7}" dt="2021-03-11T08:53:42.364" v="18269"/>
          <ac:spMkLst>
            <pc:docMk/>
            <pc:sldMk cId="1164331458" sldId="363"/>
            <ac:spMk id="6" creationId="{9E850538-F66C-C843-AE6F-A00C9428CAA5}"/>
          </ac:spMkLst>
        </pc:spChg>
        <pc:spChg chg="add mod">
          <ac:chgData name="Daly Donnacha HSLU I" userId="0f22e960-400a-43ff-baeb-4828c8f5cd3a" providerId="ADAL" clId="{25186994-00F8-734D-8EB0-4EF816F306B7}" dt="2021-03-11T08:53:42.364" v="18269"/>
          <ac:spMkLst>
            <pc:docMk/>
            <pc:sldMk cId="1164331458" sldId="363"/>
            <ac:spMk id="7" creationId="{52A7F5CE-A892-4845-912D-42C78F0E6929}"/>
          </ac:spMkLst>
        </pc:spChg>
        <pc:spChg chg="add mod">
          <ac:chgData name="Daly Donnacha HSLU I" userId="0f22e960-400a-43ff-baeb-4828c8f5cd3a" providerId="ADAL" clId="{25186994-00F8-734D-8EB0-4EF816F306B7}" dt="2021-03-11T08:53:42.364" v="18269"/>
          <ac:spMkLst>
            <pc:docMk/>
            <pc:sldMk cId="1164331458" sldId="363"/>
            <ac:spMk id="12" creationId="{B554F500-860B-D644-A317-AF9B25AE7DA9}"/>
          </ac:spMkLst>
        </pc:spChg>
        <pc:spChg chg="add mod">
          <ac:chgData name="Daly Donnacha HSLU I" userId="0f22e960-400a-43ff-baeb-4828c8f5cd3a" providerId="ADAL" clId="{25186994-00F8-734D-8EB0-4EF816F306B7}" dt="2021-03-11T08:53:48.262" v="18270"/>
          <ac:spMkLst>
            <pc:docMk/>
            <pc:sldMk cId="1164331458" sldId="363"/>
            <ac:spMk id="14" creationId="{E849AB44-F40A-1B4F-BF58-49F8FEDBDC28}"/>
          </ac:spMkLst>
        </pc:spChg>
        <pc:spChg chg="add mod">
          <ac:chgData name="Daly Donnacha HSLU I" userId="0f22e960-400a-43ff-baeb-4828c8f5cd3a" providerId="ADAL" clId="{25186994-00F8-734D-8EB0-4EF816F306B7}" dt="2021-03-11T08:57:02.401" v="18354" actId="14100"/>
          <ac:spMkLst>
            <pc:docMk/>
            <pc:sldMk cId="1164331458" sldId="363"/>
            <ac:spMk id="15" creationId="{9E6C1342-C439-0740-B3FD-F8A5B3638D85}"/>
          </ac:spMkLst>
        </pc:spChg>
        <pc:spChg chg="add mod">
          <ac:chgData name="Daly Donnacha HSLU I" userId="0f22e960-400a-43ff-baeb-4828c8f5cd3a" providerId="ADAL" clId="{25186994-00F8-734D-8EB0-4EF816F306B7}" dt="2021-03-11T11:40:53.449" v="20458" actId="20577"/>
          <ac:spMkLst>
            <pc:docMk/>
            <pc:sldMk cId="1164331458" sldId="363"/>
            <ac:spMk id="16" creationId="{8429D681-4013-C642-9E11-274539F16856}"/>
          </ac:spMkLst>
        </pc:spChg>
        <pc:cxnChg chg="add mod">
          <ac:chgData name="Daly Donnacha HSLU I" userId="0f22e960-400a-43ff-baeb-4828c8f5cd3a" providerId="ADAL" clId="{25186994-00F8-734D-8EB0-4EF816F306B7}" dt="2021-03-11T08:53:42.364" v="18269"/>
          <ac:cxnSpMkLst>
            <pc:docMk/>
            <pc:sldMk cId="1164331458" sldId="363"/>
            <ac:cxnSpMk id="8" creationId="{00C65C6C-BE7C-B64B-A0BF-D0F02DEE52C5}"/>
          </ac:cxnSpMkLst>
        </pc:cxnChg>
        <pc:cxnChg chg="add mod">
          <ac:chgData name="Daly Donnacha HSLU I" userId="0f22e960-400a-43ff-baeb-4828c8f5cd3a" providerId="ADAL" clId="{25186994-00F8-734D-8EB0-4EF816F306B7}" dt="2021-03-11T08:53:42.364" v="18269"/>
          <ac:cxnSpMkLst>
            <pc:docMk/>
            <pc:sldMk cId="1164331458" sldId="363"/>
            <ac:cxnSpMk id="9" creationId="{5824B445-C5C6-934F-B484-BC102E03C756}"/>
          </ac:cxnSpMkLst>
        </pc:cxnChg>
        <pc:cxnChg chg="add mod">
          <ac:chgData name="Daly Donnacha HSLU I" userId="0f22e960-400a-43ff-baeb-4828c8f5cd3a" providerId="ADAL" clId="{25186994-00F8-734D-8EB0-4EF816F306B7}" dt="2021-03-11T08:53:42.364" v="18269"/>
          <ac:cxnSpMkLst>
            <pc:docMk/>
            <pc:sldMk cId="1164331458" sldId="363"/>
            <ac:cxnSpMk id="10" creationId="{CC27691F-6B6B-9F40-9540-7AE71922E528}"/>
          </ac:cxnSpMkLst>
        </pc:cxnChg>
        <pc:cxnChg chg="add mod">
          <ac:chgData name="Daly Donnacha HSLU I" userId="0f22e960-400a-43ff-baeb-4828c8f5cd3a" providerId="ADAL" clId="{25186994-00F8-734D-8EB0-4EF816F306B7}" dt="2021-03-11T08:53:42.364" v="18269"/>
          <ac:cxnSpMkLst>
            <pc:docMk/>
            <pc:sldMk cId="1164331458" sldId="363"/>
            <ac:cxnSpMk id="11" creationId="{E6E9A5E8-E5E0-3D43-A9F2-B5A7FA1DCB5A}"/>
          </ac:cxnSpMkLst>
        </pc:cxnChg>
        <pc:cxnChg chg="add mod">
          <ac:chgData name="Daly Donnacha HSLU I" userId="0f22e960-400a-43ff-baeb-4828c8f5cd3a" providerId="ADAL" clId="{25186994-00F8-734D-8EB0-4EF816F306B7}" dt="2021-03-11T08:53:42.364" v="18269"/>
          <ac:cxnSpMkLst>
            <pc:docMk/>
            <pc:sldMk cId="1164331458" sldId="363"/>
            <ac:cxnSpMk id="13" creationId="{1977AE9A-755F-5641-B141-4EA25C1D4B50}"/>
          </ac:cxnSpMkLst>
        </pc:cxnChg>
        <pc:cxnChg chg="add mod">
          <ac:chgData name="Daly Donnacha HSLU I" userId="0f22e960-400a-43ff-baeb-4828c8f5cd3a" providerId="ADAL" clId="{25186994-00F8-734D-8EB0-4EF816F306B7}" dt="2021-03-11T08:54:00.188" v="18271"/>
          <ac:cxnSpMkLst>
            <pc:docMk/>
            <pc:sldMk cId="1164331458" sldId="363"/>
            <ac:cxnSpMk id="17" creationId="{E6526061-6F3E-6D4E-8F1D-646970E0EFD8}"/>
          </ac:cxnSpMkLst>
        </pc:cxnChg>
      </pc:sldChg>
      <pc:sldChg chg="addSp delSp modSp new mod">
        <pc:chgData name="Daly Donnacha HSLU I" userId="0f22e960-400a-43ff-baeb-4828c8f5cd3a" providerId="ADAL" clId="{25186994-00F8-734D-8EB0-4EF816F306B7}" dt="2021-03-11T09:53:47.207" v="20000" actId="1076"/>
        <pc:sldMkLst>
          <pc:docMk/>
          <pc:sldMk cId="888482426" sldId="364"/>
        </pc:sldMkLst>
        <pc:spChg chg="mod">
          <ac:chgData name="Daly Donnacha HSLU I" userId="0f22e960-400a-43ff-baeb-4828c8f5cd3a" providerId="ADAL" clId="{25186994-00F8-734D-8EB0-4EF816F306B7}" dt="2021-03-11T08:58:21.072" v="18420" actId="20577"/>
          <ac:spMkLst>
            <pc:docMk/>
            <pc:sldMk cId="888482426" sldId="364"/>
            <ac:spMk id="2" creationId="{55EBDB5B-F270-D04F-8245-0EFCDD336E07}"/>
          </ac:spMkLst>
        </pc:spChg>
        <pc:spChg chg="add mod">
          <ac:chgData name="Daly Donnacha HSLU I" userId="0f22e960-400a-43ff-baeb-4828c8f5cd3a" providerId="ADAL" clId="{25186994-00F8-734D-8EB0-4EF816F306B7}" dt="2021-03-11T08:59:08.382" v="18421"/>
          <ac:spMkLst>
            <pc:docMk/>
            <pc:sldMk cId="888482426" sldId="364"/>
            <ac:spMk id="3" creationId="{5F9027F0-98C1-A74D-A575-DB0890E28D2F}"/>
          </ac:spMkLst>
        </pc:spChg>
        <pc:spChg chg="add mod">
          <ac:chgData name="Daly Donnacha HSLU I" userId="0f22e960-400a-43ff-baeb-4828c8f5cd3a" providerId="ADAL" clId="{25186994-00F8-734D-8EB0-4EF816F306B7}" dt="2021-03-11T08:59:08.382" v="18421"/>
          <ac:spMkLst>
            <pc:docMk/>
            <pc:sldMk cId="888482426" sldId="364"/>
            <ac:spMk id="4" creationId="{382C90C9-7F23-DC45-BC94-768B96676244}"/>
          </ac:spMkLst>
        </pc:spChg>
        <pc:spChg chg="add mod">
          <ac:chgData name="Daly Donnacha HSLU I" userId="0f22e960-400a-43ff-baeb-4828c8f5cd3a" providerId="ADAL" clId="{25186994-00F8-734D-8EB0-4EF816F306B7}" dt="2021-03-11T08:59:08.382" v="18421"/>
          <ac:spMkLst>
            <pc:docMk/>
            <pc:sldMk cId="888482426" sldId="364"/>
            <ac:spMk id="5" creationId="{16511801-794A-8F4A-8EE5-E67D9B96FC7E}"/>
          </ac:spMkLst>
        </pc:spChg>
        <pc:spChg chg="add mod">
          <ac:chgData name="Daly Donnacha HSLU I" userId="0f22e960-400a-43ff-baeb-4828c8f5cd3a" providerId="ADAL" clId="{25186994-00F8-734D-8EB0-4EF816F306B7}" dt="2021-03-11T08:59:08.382" v="18421"/>
          <ac:spMkLst>
            <pc:docMk/>
            <pc:sldMk cId="888482426" sldId="364"/>
            <ac:spMk id="6" creationId="{B28B4DAC-9428-B142-8446-2A18478A32B3}"/>
          </ac:spMkLst>
        </pc:spChg>
        <pc:spChg chg="add mod">
          <ac:chgData name="Daly Donnacha HSLU I" userId="0f22e960-400a-43ff-baeb-4828c8f5cd3a" providerId="ADAL" clId="{25186994-00F8-734D-8EB0-4EF816F306B7}" dt="2021-03-11T08:59:08.382" v="18421"/>
          <ac:spMkLst>
            <pc:docMk/>
            <pc:sldMk cId="888482426" sldId="364"/>
            <ac:spMk id="7" creationId="{EA476987-13E8-E046-BF27-37443221817E}"/>
          </ac:spMkLst>
        </pc:spChg>
        <pc:spChg chg="add mod">
          <ac:chgData name="Daly Donnacha HSLU I" userId="0f22e960-400a-43ff-baeb-4828c8f5cd3a" providerId="ADAL" clId="{25186994-00F8-734D-8EB0-4EF816F306B7}" dt="2021-03-11T08:59:08.382" v="18421"/>
          <ac:spMkLst>
            <pc:docMk/>
            <pc:sldMk cId="888482426" sldId="364"/>
            <ac:spMk id="12" creationId="{299B9D92-39CB-AC4D-BC49-BFC9DE845AD3}"/>
          </ac:spMkLst>
        </pc:spChg>
        <pc:spChg chg="add del mod">
          <ac:chgData name="Daly Donnacha HSLU I" userId="0f22e960-400a-43ff-baeb-4828c8f5cd3a" providerId="ADAL" clId="{25186994-00F8-734D-8EB0-4EF816F306B7}" dt="2021-03-11T08:59:40.492" v="18426" actId="478"/>
          <ac:spMkLst>
            <pc:docMk/>
            <pc:sldMk cId="888482426" sldId="364"/>
            <ac:spMk id="14" creationId="{CD7B8C59-19EB-6046-9CFF-73792557AE4B}"/>
          </ac:spMkLst>
        </pc:spChg>
        <pc:spChg chg="add del mod">
          <ac:chgData name="Daly Donnacha HSLU I" userId="0f22e960-400a-43ff-baeb-4828c8f5cd3a" providerId="ADAL" clId="{25186994-00F8-734D-8EB0-4EF816F306B7}" dt="2021-03-11T08:59:40.492" v="18426" actId="478"/>
          <ac:spMkLst>
            <pc:docMk/>
            <pc:sldMk cId="888482426" sldId="364"/>
            <ac:spMk id="15" creationId="{330C6B31-7CDC-CC49-8FCB-18800BCE0932}"/>
          </ac:spMkLst>
        </pc:spChg>
        <pc:spChg chg="add mod">
          <ac:chgData name="Daly Donnacha HSLU I" userId="0f22e960-400a-43ff-baeb-4828c8f5cd3a" providerId="ADAL" clId="{25186994-00F8-734D-8EB0-4EF816F306B7}" dt="2021-03-11T08:59:19.731" v="18422"/>
          <ac:spMkLst>
            <pc:docMk/>
            <pc:sldMk cId="888482426" sldId="364"/>
            <ac:spMk id="17" creationId="{3C47EE5B-E960-394E-97C1-97C0A25B7896}"/>
          </ac:spMkLst>
        </pc:spChg>
        <pc:spChg chg="add del mod">
          <ac:chgData name="Daly Donnacha HSLU I" userId="0f22e960-400a-43ff-baeb-4828c8f5cd3a" providerId="ADAL" clId="{25186994-00F8-734D-8EB0-4EF816F306B7}" dt="2021-03-11T08:59:28.860" v="18424" actId="478"/>
          <ac:spMkLst>
            <pc:docMk/>
            <pc:sldMk cId="888482426" sldId="364"/>
            <ac:spMk id="18" creationId="{AABF8162-4F29-1046-9C79-9E3D0978AFF0}"/>
          </ac:spMkLst>
        </pc:spChg>
        <pc:spChg chg="add mod">
          <ac:chgData name="Daly Donnacha HSLU I" userId="0f22e960-400a-43ff-baeb-4828c8f5cd3a" providerId="ADAL" clId="{25186994-00F8-734D-8EB0-4EF816F306B7}" dt="2021-03-11T08:59:31.010" v="18425"/>
          <ac:spMkLst>
            <pc:docMk/>
            <pc:sldMk cId="888482426" sldId="364"/>
            <ac:spMk id="20" creationId="{8530BD53-C877-D245-AB11-E76DC1DEBBA7}"/>
          </ac:spMkLst>
        </pc:spChg>
        <pc:spChg chg="add mod">
          <ac:chgData name="Daly Donnacha HSLU I" userId="0f22e960-400a-43ff-baeb-4828c8f5cd3a" providerId="ADAL" clId="{25186994-00F8-734D-8EB0-4EF816F306B7}" dt="2021-03-11T09:00:07.332" v="18448" actId="1037"/>
          <ac:spMkLst>
            <pc:docMk/>
            <pc:sldMk cId="888482426" sldId="364"/>
            <ac:spMk id="21" creationId="{CB36D573-2B92-A140-9CC4-579166653450}"/>
          </ac:spMkLst>
        </pc:spChg>
        <pc:spChg chg="add mod">
          <ac:chgData name="Daly Donnacha HSLU I" userId="0f22e960-400a-43ff-baeb-4828c8f5cd3a" providerId="ADAL" clId="{25186994-00F8-734D-8EB0-4EF816F306B7}" dt="2021-03-11T09:00:07.332" v="18448" actId="1037"/>
          <ac:spMkLst>
            <pc:docMk/>
            <pc:sldMk cId="888482426" sldId="364"/>
            <ac:spMk id="22" creationId="{203D34E2-D5FF-AC47-A4F8-AB1A1358F7F6}"/>
          </ac:spMkLst>
        </pc:spChg>
        <pc:spChg chg="add mod">
          <ac:chgData name="Daly Donnacha HSLU I" userId="0f22e960-400a-43ff-baeb-4828c8f5cd3a" providerId="ADAL" clId="{25186994-00F8-734D-8EB0-4EF816F306B7}" dt="2021-03-11T09:53:47.207" v="20000" actId="1076"/>
          <ac:spMkLst>
            <pc:docMk/>
            <pc:sldMk cId="888482426" sldId="364"/>
            <ac:spMk id="23" creationId="{0D5A0F6B-6BEA-E44A-AC11-17571F0221FC}"/>
          </ac:spMkLst>
        </pc:spChg>
        <pc:spChg chg="add del mod">
          <ac:chgData name="Daly Donnacha HSLU I" userId="0f22e960-400a-43ff-baeb-4828c8f5cd3a" providerId="ADAL" clId="{25186994-00F8-734D-8EB0-4EF816F306B7}" dt="2021-03-11T09:53:42.658" v="19999" actId="478"/>
          <ac:spMkLst>
            <pc:docMk/>
            <pc:sldMk cId="888482426" sldId="364"/>
            <ac:spMk id="24" creationId="{0428C25A-39F3-7249-97FD-DC53C9FBBE6E}"/>
          </ac:spMkLst>
        </pc:spChg>
        <pc:picChg chg="add mod">
          <ac:chgData name="Daly Donnacha HSLU I" userId="0f22e960-400a-43ff-baeb-4828c8f5cd3a" providerId="ADAL" clId="{25186994-00F8-734D-8EB0-4EF816F306B7}" dt="2021-03-11T08:59:31.010" v="18425"/>
          <ac:picMkLst>
            <pc:docMk/>
            <pc:sldMk cId="888482426" sldId="364"/>
            <ac:picMk id="19" creationId="{7FC655D0-7351-0E4C-919A-1602EF7F3732}"/>
          </ac:picMkLst>
        </pc:picChg>
        <pc:cxnChg chg="add mod">
          <ac:chgData name="Daly Donnacha HSLU I" userId="0f22e960-400a-43ff-baeb-4828c8f5cd3a" providerId="ADAL" clId="{25186994-00F8-734D-8EB0-4EF816F306B7}" dt="2021-03-11T08:59:08.382" v="18421"/>
          <ac:cxnSpMkLst>
            <pc:docMk/>
            <pc:sldMk cId="888482426" sldId="364"/>
            <ac:cxnSpMk id="8" creationId="{90F92656-7FFB-1342-AE4E-AA93AD698189}"/>
          </ac:cxnSpMkLst>
        </pc:cxnChg>
        <pc:cxnChg chg="add mod">
          <ac:chgData name="Daly Donnacha HSLU I" userId="0f22e960-400a-43ff-baeb-4828c8f5cd3a" providerId="ADAL" clId="{25186994-00F8-734D-8EB0-4EF816F306B7}" dt="2021-03-11T08:59:08.382" v="18421"/>
          <ac:cxnSpMkLst>
            <pc:docMk/>
            <pc:sldMk cId="888482426" sldId="364"/>
            <ac:cxnSpMk id="9" creationId="{3D721526-5122-284B-9756-AD3A90ED18CE}"/>
          </ac:cxnSpMkLst>
        </pc:cxnChg>
        <pc:cxnChg chg="add mod">
          <ac:chgData name="Daly Donnacha HSLU I" userId="0f22e960-400a-43ff-baeb-4828c8f5cd3a" providerId="ADAL" clId="{25186994-00F8-734D-8EB0-4EF816F306B7}" dt="2021-03-11T08:59:08.382" v="18421"/>
          <ac:cxnSpMkLst>
            <pc:docMk/>
            <pc:sldMk cId="888482426" sldId="364"/>
            <ac:cxnSpMk id="10" creationId="{6FE7362F-BD4C-EB4C-92C8-9BC42E7D9650}"/>
          </ac:cxnSpMkLst>
        </pc:cxnChg>
        <pc:cxnChg chg="add mod">
          <ac:chgData name="Daly Donnacha HSLU I" userId="0f22e960-400a-43ff-baeb-4828c8f5cd3a" providerId="ADAL" clId="{25186994-00F8-734D-8EB0-4EF816F306B7}" dt="2021-03-11T08:59:08.382" v="18421"/>
          <ac:cxnSpMkLst>
            <pc:docMk/>
            <pc:sldMk cId="888482426" sldId="364"/>
            <ac:cxnSpMk id="11" creationId="{D7B1F36F-71DD-7C4B-A0DE-024F0DDC7D4D}"/>
          </ac:cxnSpMkLst>
        </pc:cxnChg>
        <pc:cxnChg chg="add mod">
          <ac:chgData name="Daly Donnacha HSLU I" userId="0f22e960-400a-43ff-baeb-4828c8f5cd3a" providerId="ADAL" clId="{25186994-00F8-734D-8EB0-4EF816F306B7}" dt="2021-03-11T08:59:08.382" v="18421"/>
          <ac:cxnSpMkLst>
            <pc:docMk/>
            <pc:sldMk cId="888482426" sldId="364"/>
            <ac:cxnSpMk id="13" creationId="{80834889-05C1-0D45-A00D-3FFF24CDED83}"/>
          </ac:cxnSpMkLst>
        </pc:cxnChg>
        <pc:cxnChg chg="add del mod">
          <ac:chgData name="Daly Donnacha HSLU I" userId="0f22e960-400a-43ff-baeb-4828c8f5cd3a" providerId="ADAL" clId="{25186994-00F8-734D-8EB0-4EF816F306B7}" dt="2021-03-11T08:59:40.492" v="18426" actId="478"/>
          <ac:cxnSpMkLst>
            <pc:docMk/>
            <pc:sldMk cId="888482426" sldId="364"/>
            <ac:cxnSpMk id="16" creationId="{7D745995-9D17-D448-BA51-8178E0FA2B98}"/>
          </ac:cxnSpMkLst>
        </pc:cxnChg>
        <pc:cxnChg chg="add mod">
          <ac:chgData name="Daly Donnacha HSLU I" userId="0f22e960-400a-43ff-baeb-4828c8f5cd3a" providerId="ADAL" clId="{25186994-00F8-734D-8EB0-4EF816F306B7}" dt="2021-03-11T09:00:15.810" v="18449" actId="14100"/>
          <ac:cxnSpMkLst>
            <pc:docMk/>
            <pc:sldMk cId="888482426" sldId="364"/>
            <ac:cxnSpMk id="25" creationId="{8B0B38A6-16DE-FE45-A203-6E7675FCE2E7}"/>
          </ac:cxnSpMkLst>
        </pc:cxnChg>
        <pc:cxnChg chg="add mod">
          <ac:chgData name="Daly Donnacha HSLU I" userId="0f22e960-400a-43ff-baeb-4828c8f5cd3a" providerId="ADAL" clId="{25186994-00F8-734D-8EB0-4EF816F306B7}" dt="2021-03-11T09:00:07.332" v="18448" actId="1037"/>
          <ac:cxnSpMkLst>
            <pc:docMk/>
            <pc:sldMk cId="888482426" sldId="364"/>
            <ac:cxnSpMk id="26" creationId="{80768CFF-3268-1A4E-A59C-08F423EDF0A2}"/>
          </ac:cxnSpMkLst>
        </pc:cxnChg>
        <pc:cxnChg chg="add mod">
          <ac:chgData name="Daly Donnacha HSLU I" userId="0f22e960-400a-43ff-baeb-4828c8f5cd3a" providerId="ADAL" clId="{25186994-00F8-734D-8EB0-4EF816F306B7}" dt="2021-03-11T09:00:07.332" v="18448" actId="1037"/>
          <ac:cxnSpMkLst>
            <pc:docMk/>
            <pc:sldMk cId="888482426" sldId="364"/>
            <ac:cxnSpMk id="27" creationId="{30A76429-20B4-614C-99FD-BAA565AB4E2D}"/>
          </ac:cxnSpMkLst>
        </pc:cxnChg>
      </pc:sldChg>
      <pc:sldChg chg="addSp delSp modSp new del mod ord">
        <pc:chgData name="Daly Donnacha HSLU I" userId="0f22e960-400a-43ff-baeb-4828c8f5cd3a" providerId="ADAL" clId="{25186994-00F8-734D-8EB0-4EF816F306B7}" dt="2021-03-11T14:25:33.531" v="20470" actId="2696"/>
        <pc:sldMkLst>
          <pc:docMk/>
          <pc:sldMk cId="3841571998" sldId="365"/>
        </pc:sldMkLst>
        <pc:spChg chg="mod">
          <ac:chgData name="Daly Donnacha HSLU I" userId="0f22e960-400a-43ff-baeb-4828c8f5cd3a" providerId="ADAL" clId="{25186994-00F8-734D-8EB0-4EF816F306B7}" dt="2021-03-11T09:02:01.420" v="18484" actId="20577"/>
          <ac:spMkLst>
            <pc:docMk/>
            <pc:sldMk cId="3841571998" sldId="365"/>
            <ac:spMk id="2" creationId="{2C29C2D9-6A62-AE4C-874B-32422CCD7FC9}"/>
          </ac:spMkLst>
        </pc:spChg>
        <pc:spChg chg="add del mod">
          <ac:chgData name="Daly Donnacha HSLU I" userId="0f22e960-400a-43ff-baeb-4828c8f5cd3a" providerId="ADAL" clId="{25186994-00F8-734D-8EB0-4EF816F306B7}" dt="2021-03-11T09:02:03.852" v="18485" actId="478"/>
          <ac:spMkLst>
            <pc:docMk/>
            <pc:sldMk cId="3841571998" sldId="365"/>
            <ac:spMk id="3" creationId="{36130C76-ADA5-234F-93F0-AA7575DC2F9D}"/>
          </ac:spMkLst>
        </pc:spChg>
        <pc:spChg chg="add mod">
          <ac:chgData name="Daly Donnacha HSLU I" userId="0f22e960-400a-43ff-baeb-4828c8f5cd3a" providerId="ADAL" clId="{25186994-00F8-734D-8EB0-4EF816F306B7}" dt="2021-03-11T09:14:21.588" v="18961" actId="20577"/>
          <ac:spMkLst>
            <pc:docMk/>
            <pc:sldMk cId="3841571998" sldId="365"/>
            <ac:spMk id="4" creationId="{88CE9264-1F3D-D749-8679-C599A135EEF9}"/>
          </ac:spMkLst>
        </pc:spChg>
        <pc:spChg chg="add mod">
          <ac:chgData name="Daly Donnacha HSLU I" userId="0f22e960-400a-43ff-baeb-4828c8f5cd3a" providerId="ADAL" clId="{25186994-00F8-734D-8EB0-4EF816F306B7}" dt="2021-03-11T09:01:38.179" v="18451"/>
          <ac:spMkLst>
            <pc:docMk/>
            <pc:sldMk cId="3841571998" sldId="365"/>
            <ac:spMk id="6" creationId="{D610A534-78FC-0643-8D62-FDD583354ECF}"/>
          </ac:spMkLst>
        </pc:spChg>
        <pc:spChg chg="add del mod">
          <ac:chgData name="Daly Donnacha HSLU I" userId="0f22e960-400a-43ff-baeb-4828c8f5cd3a" providerId="ADAL" clId="{25186994-00F8-734D-8EB0-4EF816F306B7}" dt="2021-03-11T09:14:33.721" v="18964" actId="478"/>
          <ac:spMkLst>
            <pc:docMk/>
            <pc:sldMk cId="3841571998" sldId="365"/>
            <ac:spMk id="12" creationId="{918CCFEA-0B7D-E44B-A456-59E7F5543338}"/>
          </ac:spMkLst>
        </pc:spChg>
        <pc:spChg chg="add mod">
          <ac:chgData name="Daly Donnacha HSLU I" userId="0f22e960-400a-43ff-baeb-4828c8f5cd3a" providerId="ADAL" clId="{25186994-00F8-734D-8EB0-4EF816F306B7}" dt="2021-03-11T09:14:49.866" v="18972" actId="1036"/>
          <ac:spMkLst>
            <pc:docMk/>
            <pc:sldMk cId="3841571998" sldId="365"/>
            <ac:spMk id="13" creationId="{9DC7A6A1-528B-BB43-9F08-9696F540B416}"/>
          </ac:spMkLst>
        </pc:spChg>
        <pc:spChg chg="add mod">
          <ac:chgData name="Daly Donnacha HSLU I" userId="0f22e960-400a-43ff-baeb-4828c8f5cd3a" providerId="ADAL" clId="{25186994-00F8-734D-8EB0-4EF816F306B7}" dt="2021-03-11T09:14:49.866" v="18972" actId="1036"/>
          <ac:spMkLst>
            <pc:docMk/>
            <pc:sldMk cId="3841571998" sldId="365"/>
            <ac:spMk id="14" creationId="{900D2EFA-898B-7249-B1DE-86F322FF8524}"/>
          </ac:spMkLst>
        </pc:spChg>
        <pc:picChg chg="add del mod">
          <ac:chgData name="Daly Donnacha HSLU I" userId="0f22e960-400a-43ff-baeb-4828c8f5cd3a" providerId="ADAL" clId="{25186994-00F8-734D-8EB0-4EF816F306B7}" dt="2021-03-11T09:04:03.885" v="18527" actId="478"/>
          <ac:picMkLst>
            <pc:docMk/>
            <pc:sldMk cId="3841571998" sldId="365"/>
            <ac:picMk id="5" creationId="{DCE5946F-3189-0747-B324-60F6B0A90F2F}"/>
          </ac:picMkLst>
        </pc:picChg>
        <pc:picChg chg="add mod">
          <ac:chgData name="Daly Donnacha HSLU I" userId="0f22e960-400a-43ff-baeb-4828c8f5cd3a" providerId="ADAL" clId="{25186994-00F8-734D-8EB0-4EF816F306B7}" dt="2021-03-11T09:14:49.866" v="18972" actId="1036"/>
          <ac:picMkLst>
            <pc:docMk/>
            <pc:sldMk cId="3841571998" sldId="365"/>
            <ac:picMk id="7" creationId="{C45442D0-FEBD-E543-8AB5-29F780C3D22F}"/>
          </ac:picMkLst>
        </pc:picChg>
        <pc:picChg chg="add mod">
          <ac:chgData name="Daly Donnacha HSLU I" userId="0f22e960-400a-43ff-baeb-4828c8f5cd3a" providerId="ADAL" clId="{25186994-00F8-734D-8EB0-4EF816F306B7}" dt="2021-03-11T09:14:49.866" v="18972" actId="1036"/>
          <ac:picMkLst>
            <pc:docMk/>
            <pc:sldMk cId="3841571998" sldId="365"/>
            <ac:picMk id="8" creationId="{E658741A-381B-A54E-8077-ACB5A6F9C48A}"/>
          </ac:picMkLst>
        </pc:picChg>
        <pc:picChg chg="add mod">
          <ac:chgData name="Daly Donnacha HSLU I" userId="0f22e960-400a-43ff-baeb-4828c8f5cd3a" providerId="ADAL" clId="{25186994-00F8-734D-8EB0-4EF816F306B7}" dt="2021-03-11T09:14:49.866" v="18972" actId="1036"/>
          <ac:picMkLst>
            <pc:docMk/>
            <pc:sldMk cId="3841571998" sldId="365"/>
            <ac:picMk id="9" creationId="{98239184-1ED9-F84E-8CCE-F5576BF0187B}"/>
          </ac:picMkLst>
        </pc:picChg>
        <pc:picChg chg="add mod">
          <ac:chgData name="Daly Donnacha HSLU I" userId="0f22e960-400a-43ff-baeb-4828c8f5cd3a" providerId="ADAL" clId="{25186994-00F8-734D-8EB0-4EF816F306B7}" dt="2021-03-11T09:14:49.866" v="18972" actId="1036"/>
          <ac:picMkLst>
            <pc:docMk/>
            <pc:sldMk cId="3841571998" sldId="365"/>
            <ac:picMk id="10" creationId="{3D9AA62B-7761-3549-874F-BBAE328662F7}"/>
          </ac:picMkLst>
        </pc:picChg>
        <pc:picChg chg="add mod">
          <ac:chgData name="Daly Donnacha HSLU I" userId="0f22e960-400a-43ff-baeb-4828c8f5cd3a" providerId="ADAL" clId="{25186994-00F8-734D-8EB0-4EF816F306B7}" dt="2021-03-11T09:14:49.866" v="18972" actId="1036"/>
          <ac:picMkLst>
            <pc:docMk/>
            <pc:sldMk cId="3841571998" sldId="365"/>
            <ac:picMk id="11" creationId="{1019ED6E-21D8-244C-BF5E-48DC77A97DD1}"/>
          </ac:picMkLst>
        </pc:picChg>
      </pc:sldChg>
      <pc:sldChg chg="addSp delSp modSp new mod">
        <pc:chgData name="Daly Donnacha HSLU I" userId="0f22e960-400a-43ff-baeb-4828c8f5cd3a" providerId="ADAL" clId="{25186994-00F8-734D-8EB0-4EF816F306B7}" dt="2021-03-11T09:53:58.333" v="20002" actId="1076"/>
        <pc:sldMkLst>
          <pc:docMk/>
          <pc:sldMk cId="1881556079" sldId="366"/>
        </pc:sldMkLst>
        <pc:spChg chg="mod">
          <ac:chgData name="Daly Donnacha HSLU I" userId="0f22e960-400a-43ff-baeb-4828c8f5cd3a" providerId="ADAL" clId="{25186994-00F8-734D-8EB0-4EF816F306B7}" dt="2021-03-11T09:06:39.543" v="18618" actId="20577"/>
          <ac:spMkLst>
            <pc:docMk/>
            <pc:sldMk cId="1881556079" sldId="366"/>
            <ac:spMk id="2" creationId="{13C1BA40-E680-B649-839F-B4D2F6F99F1B}"/>
          </ac:spMkLst>
        </pc:spChg>
        <pc:spChg chg="add mod">
          <ac:chgData name="Daly Donnacha HSLU I" userId="0f22e960-400a-43ff-baeb-4828c8f5cd3a" providerId="ADAL" clId="{25186994-00F8-734D-8EB0-4EF816F306B7}" dt="2021-03-11T09:06:59.268" v="18619"/>
          <ac:spMkLst>
            <pc:docMk/>
            <pc:sldMk cId="1881556079" sldId="366"/>
            <ac:spMk id="3" creationId="{27AC895F-F7E1-CD48-85D6-A0D54EAA2FF2}"/>
          </ac:spMkLst>
        </pc:spChg>
        <pc:spChg chg="add mod">
          <ac:chgData name="Daly Donnacha HSLU I" userId="0f22e960-400a-43ff-baeb-4828c8f5cd3a" providerId="ADAL" clId="{25186994-00F8-734D-8EB0-4EF816F306B7}" dt="2021-03-11T09:08:08.966" v="18625" actId="1035"/>
          <ac:spMkLst>
            <pc:docMk/>
            <pc:sldMk cId="1881556079" sldId="366"/>
            <ac:spMk id="4" creationId="{1F39D98B-AE6D-5648-92EF-90B4B410E06A}"/>
          </ac:spMkLst>
        </pc:spChg>
        <pc:spChg chg="add mod">
          <ac:chgData name="Daly Donnacha HSLU I" userId="0f22e960-400a-43ff-baeb-4828c8f5cd3a" providerId="ADAL" clId="{25186994-00F8-734D-8EB0-4EF816F306B7}" dt="2021-03-11T09:08:14.607" v="18634" actId="1038"/>
          <ac:spMkLst>
            <pc:docMk/>
            <pc:sldMk cId="1881556079" sldId="366"/>
            <ac:spMk id="5" creationId="{AEB26D66-61DD-764B-B0D7-C4CC1F1415C3}"/>
          </ac:spMkLst>
        </pc:spChg>
        <pc:spChg chg="add mod">
          <ac:chgData name="Daly Donnacha HSLU I" userId="0f22e960-400a-43ff-baeb-4828c8f5cd3a" providerId="ADAL" clId="{25186994-00F8-734D-8EB0-4EF816F306B7}" dt="2021-03-11T09:08:14.607" v="18634" actId="1038"/>
          <ac:spMkLst>
            <pc:docMk/>
            <pc:sldMk cId="1881556079" sldId="366"/>
            <ac:spMk id="6" creationId="{EACD7570-B1E9-E84F-AB36-617F4D05C244}"/>
          </ac:spMkLst>
        </pc:spChg>
        <pc:spChg chg="add mod">
          <ac:chgData name="Daly Donnacha HSLU I" userId="0f22e960-400a-43ff-baeb-4828c8f5cd3a" providerId="ADAL" clId="{25186994-00F8-734D-8EB0-4EF816F306B7}" dt="2021-03-11T09:53:58.333" v="20002" actId="1076"/>
          <ac:spMkLst>
            <pc:docMk/>
            <pc:sldMk cId="1881556079" sldId="366"/>
            <ac:spMk id="7" creationId="{5AE5CE02-8DE5-5845-9199-E0E3C44FDBFC}"/>
          </ac:spMkLst>
        </pc:spChg>
        <pc:spChg chg="add del mod">
          <ac:chgData name="Daly Donnacha HSLU I" userId="0f22e960-400a-43ff-baeb-4828c8f5cd3a" providerId="ADAL" clId="{25186994-00F8-734D-8EB0-4EF816F306B7}" dt="2021-03-11T09:53:54.298" v="20001" actId="478"/>
          <ac:spMkLst>
            <pc:docMk/>
            <pc:sldMk cId="1881556079" sldId="366"/>
            <ac:spMk id="8" creationId="{B2DD3A32-248A-CB4C-9791-9BB7CE45DB42}"/>
          </ac:spMkLst>
        </pc:spChg>
        <pc:spChg chg="add del mod">
          <ac:chgData name="Daly Donnacha HSLU I" userId="0f22e960-400a-43ff-baeb-4828c8f5cd3a" providerId="ADAL" clId="{25186994-00F8-734D-8EB0-4EF816F306B7}" dt="2021-03-11T09:34:32.471" v="19632" actId="478"/>
          <ac:spMkLst>
            <pc:docMk/>
            <pc:sldMk cId="1881556079" sldId="366"/>
            <ac:spMk id="9" creationId="{F1519A8D-7A5A-3B40-A625-2FC300E031AF}"/>
          </ac:spMkLst>
        </pc:spChg>
      </pc:sldChg>
      <pc:sldChg chg="addSp modSp new mod">
        <pc:chgData name="Daly Donnacha HSLU I" userId="0f22e960-400a-43ff-baeb-4828c8f5cd3a" providerId="ADAL" clId="{25186994-00F8-734D-8EB0-4EF816F306B7}" dt="2021-03-11T14:22:32.539" v="20461" actId="20577"/>
        <pc:sldMkLst>
          <pc:docMk/>
          <pc:sldMk cId="2021633834" sldId="367"/>
        </pc:sldMkLst>
        <pc:spChg chg="mod">
          <ac:chgData name="Daly Donnacha HSLU I" userId="0f22e960-400a-43ff-baeb-4828c8f5cd3a" providerId="ADAL" clId="{25186994-00F8-734D-8EB0-4EF816F306B7}" dt="2021-03-11T09:10:47.095" v="18830" actId="20577"/>
          <ac:spMkLst>
            <pc:docMk/>
            <pc:sldMk cId="2021633834" sldId="367"/>
            <ac:spMk id="2" creationId="{B1FEDB91-8945-1A4F-9525-28D4BDF7990E}"/>
          </ac:spMkLst>
        </pc:spChg>
        <pc:spChg chg="add mod">
          <ac:chgData name="Daly Donnacha HSLU I" userId="0f22e960-400a-43ff-baeb-4828c8f5cd3a" providerId="ADAL" clId="{25186994-00F8-734D-8EB0-4EF816F306B7}" dt="2021-03-11T14:22:32.539" v="20461" actId="20577"/>
          <ac:spMkLst>
            <pc:docMk/>
            <pc:sldMk cId="2021633834" sldId="367"/>
            <ac:spMk id="4" creationId="{D72F739C-2473-4045-AF28-64B1BDC70A48}"/>
          </ac:spMkLst>
        </pc:spChg>
        <pc:spChg chg="add mod">
          <ac:chgData name="Daly Donnacha HSLU I" userId="0f22e960-400a-43ff-baeb-4828c8f5cd3a" providerId="ADAL" clId="{25186994-00F8-734D-8EB0-4EF816F306B7}" dt="2021-03-11T09:12:19.448" v="18877" actId="20577"/>
          <ac:spMkLst>
            <pc:docMk/>
            <pc:sldMk cId="2021633834" sldId="367"/>
            <ac:spMk id="5" creationId="{7EBC867C-3C8C-D843-90D0-F15C7CF0ADFD}"/>
          </ac:spMkLst>
        </pc:spChg>
        <pc:spChg chg="add mod">
          <ac:chgData name="Daly Donnacha HSLU I" userId="0f22e960-400a-43ff-baeb-4828c8f5cd3a" providerId="ADAL" clId="{25186994-00F8-734D-8EB0-4EF816F306B7}" dt="2021-03-11T09:10:57.550" v="18831"/>
          <ac:spMkLst>
            <pc:docMk/>
            <pc:sldMk cId="2021633834" sldId="367"/>
            <ac:spMk id="6" creationId="{863A6F03-374A-2F45-B5DB-3DCAB9EF5B69}"/>
          </ac:spMkLst>
        </pc:spChg>
        <pc:spChg chg="add mod">
          <ac:chgData name="Daly Donnacha HSLU I" userId="0f22e960-400a-43ff-baeb-4828c8f5cd3a" providerId="ADAL" clId="{25186994-00F8-734D-8EB0-4EF816F306B7}" dt="2021-03-11T09:10:57.550" v="18831"/>
          <ac:spMkLst>
            <pc:docMk/>
            <pc:sldMk cId="2021633834" sldId="367"/>
            <ac:spMk id="8" creationId="{0FE6815A-8581-114C-877E-05C6AF20F256}"/>
          </ac:spMkLst>
        </pc:spChg>
        <pc:picChg chg="add mod">
          <ac:chgData name="Daly Donnacha HSLU I" userId="0f22e960-400a-43ff-baeb-4828c8f5cd3a" providerId="ADAL" clId="{25186994-00F8-734D-8EB0-4EF816F306B7}" dt="2021-03-11T09:10:57.550" v="18831"/>
          <ac:picMkLst>
            <pc:docMk/>
            <pc:sldMk cId="2021633834" sldId="367"/>
            <ac:picMk id="3" creationId="{246E31CB-7D12-2745-9A28-B158FB5053AC}"/>
          </ac:picMkLst>
        </pc:picChg>
        <pc:cxnChg chg="add mod">
          <ac:chgData name="Daly Donnacha HSLU I" userId="0f22e960-400a-43ff-baeb-4828c8f5cd3a" providerId="ADAL" clId="{25186994-00F8-734D-8EB0-4EF816F306B7}" dt="2021-03-11T09:10:57.550" v="18831"/>
          <ac:cxnSpMkLst>
            <pc:docMk/>
            <pc:sldMk cId="2021633834" sldId="367"/>
            <ac:cxnSpMk id="7" creationId="{D1532782-7A95-FA44-8F62-92FD9D0C37A7}"/>
          </ac:cxnSpMkLst>
        </pc:cxnChg>
        <pc:cxnChg chg="add mod">
          <ac:chgData name="Daly Donnacha HSLU I" userId="0f22e960-400a-43ff-baeb-4828c8f5cd3a" providerId="ADAL" clId="{25186994-00F8-734D-8EB0-4EF816F306B7}" dt="2021-03-11T09:10:57.550" v="18831"/>
          <ac:cxnSpMkLst>
            <pc:docMk/>
            <pc:sldMk cId="2021633834" sldId="367"/>
            <ac:cxnSpMk id="9" creationId="{CA468D0A-C22A-A64E-A7D5-AC887E43D170}"/>
          </ac:cxnSpMkLst>
        </pc:cxnChg>
      </pc:sldChg>
      <pc:sldChg chg="addSp modSp new mod">
        <pc:chgData name="Daly Donnacha HSLU I" userId="0f22e960-400a-43ff-baeb-4828c8f5cd3a" providerId="ADAL" clId="{25186994-00F8-734D-8EB0-4EF816F306B7}" dt="2021-03-11T14:23:50.324" v="20469" actId="20577"/>
        <pc:sldMkLst>
          <pc:docMk/>
          <pc:sldMk cId="552901742" sldId="368"/>
        </pc:sldMkLst>
        <pc:spChg chg="mod">
          <ac:chgData name="Daly Donnacha HSLU I" userId="0f22e960-400a-43ff-baeb-4828c8f5cd3a" providerId="ADAL" clId="{25186994-00F8-734D-8EB0-4EF816F306B7}" dt="2021-03-11T09:16:33.803" v="18990" actId="20577"/>
          <ac:spMkLst>
            <pc:docMk/>
            <pc:sldMk cId="552901742" sldId="368"/>
            <ac:spMk id="2" creationId="{A0B0572F-96DA-CD41-933C-A931DAF3A35E}"/>
          </ac:spMkLst>
        </pc:spChg>
        <pc:spChg chg="add mod">
          <ac:chgData name="Daly Donnacha HSLU I" userId="0f22e960-400a-43ff-baeb-4828c8f5cd3a" providerId="ADAL" clId="{25186994-00F8-734D-8EB0-4EF816F306B7}" dt="2021-03-11T09:16:23.744" v="18974"/>
          <ac:spMkLst>
            <pc:docMk/>
            <pc:sldMk cId="552901742" sldId="368"/>
            <ac:spMk id="3" creationId="{FC4D24AE-20EB-3042-9F35-BA3D238E6687}"/>
          </ac:spMkLst>
        </pc:spChg>
        <pc:spChg chg="add mod">
          <ac:chgData name="Daly Donnacha HSLU I" userId="0f22e960-400a-43ff-baeb-4828c8f5cd3a" providerId="ADAL" clId="{25186994-00F8-734D-8EB0-4EF816F306B7}" dt="2021-03-11T14:23:50.324" v="20469" actId="20577"/>
          <ac:spMkLst>
            <pc:docMk/>
            <pc:sldMk cId="552901742" sldId="368"/>
            <ac:spMk id="5" creationId="{EFAACC75-6562-384C-9A39-F908C098CFE2}"/>
          </ac:spMkLst>
        </pc:spChg>
        <pc:spChg chg="add mod">
          <ac:chgData name="Daly Donnacha HSLU I" userId="0f22e960-400a-43ff-baeb-4828c8f5cd3a" providerId="ADAL" clId="{25186994-00F8-734D-8EB0-4EF816F306B7}" dt="2021-03-11T09:16:23.744" v="18974"/>
          <ac:spMkLst>
            <pc:docMk/>
            <pc:sldMk cId="552901742" sldId="368"/>
            <ac:spMk id="6" creationId="{7C3F09DD-9FCF-6F49-AE9E-9BF77AD7FB11}"/>
          </ac:spMkLst>
        </pc:spChg>
        <pc:spChg chg="add mod">
          <ac:chgData name="Daly Donnacha HSLU I" userId="0f22e960-400a-43ff-baeb-4828c8f5cd3a" providerId="ADAL" clId="{25186994-00F8-734D-8EB0-4EF816F306B7}" dt="2021-03-11T09:16:23.744" v="18974"/>
          <ac:spMkLst>
            <pc:docMk/>
            <pc:sldMk cId="552901742" sldId="368"/>
            <ac:spMk id="7" creationId="{555E8AAC-C4C4-DF4F-A742-54F0B9355007}"/>
          </ac:spMkLst>
        </pc:spChg>
        <pc:spChg chg="add mod">
          <ac:chgData name="Daly Donnacha HSLU I" userId="0f22e960-400a-43ff-baeb-4828c8f5cd3a" providerId="ADAL" clId="{25186994-00F8-734D-8EB0-4EF816F306B7}" dt="2021-03-11T09:16:23.744" v="18974"/>
          <ac:spMkLst>
            <pc:docMk/>
            <pc:sldMk cId="552901742" sldId="368"/>
            <ac:spMk id="10" creationId="{0B3B7D29-AAB5-754A-810D-E01E6F62C8F2}"/>
          </ac:spMkLst>
        </pc:spChg>
        <pc:picChg chg="add mod">
          <ac:chgData name="Daly Donnacha HSLU I" userId="0f22e960-400a-43ff-baeb-4828c8f5cd3a" providerId="ADAL" clId="{25186994-00F8-734D-8EB0-4EF816F306B7}" dt="2021-03-11T09:16:23.744" v="18974"/>
          <ac:picMkLst>
            <pc:docMk/>
            <pc:sldMk cId="552901742" sldId="368"/>
            <ac:picMk id="4" creationId="{6574EEB4-FB1D-2B48-BBB3-AC26675DDDC7}"/>
          </ac:picMkLst>
        </pc:picChg>
        <pc:cxnChg chg="add mod">
          <ac:chgData name="Daly Donnacha HSLU I" userId="0f22e960-400a-43ff-baeb-4828c8f5cd3a" providerId="ADAL" clId="{25186994-00F8-734D-8EB0-4EF816F306B7}" dt="2021-03-11T09:16:23.744" v="18974"/>
          <ac:cxnSpMkLst>
            <pc:docMk/>
            <pc:sldMk cId="552901742" sldId="368"/>
            <ac:cxnSpMk id="8" creationId="{2CA14882-C873-F54F-85B2-2A94BB77B1BC}"/>
          </ac:cxnSpMkLst>
        </pc:cxnChg>
        <pc:cxnChg chg="add mod">
          <ac:chgData name="Daly Donnacha HSLU I" userId="0f22e960-400a-43ff-baeb-4828c8f5cd3a" providerId="ADAL" clId="{25186994-00F8-734D-8EB0-4EF816F306B7}" dt="2021-03-11T09:16:23.744" v="18974"/>
          <ac:cxnSpMkLst>
            <pc:docMk/>
            <pc:sldMk cId="552901742" sldId="368"/>
            <ac:cxnSpMk id="9" creationId="{BEE6D183-5408-F94F-94B5-0B2E88452E5D}"/>
          </ac:cxnSpMkLst>
        </pc:cxnChg>
      </pc:sldChg>
      <pc:sldChg chg="addSp delSp modSp add mod">
        <pc:chgData name="Daly Donnacha HSLU I" userId="0f22e960-400a-43ff-baeb-4828c8f5cd3a" providerId="ADAL" clId="{25186994-00F8-734D-8EB0-4EF816F306B7}" dt="2021-03-11T09:54:29.150" v="20006" actId="113"/>
        <pc:sldMkLst>
          <pc:docMk/>
          <pc:sldMk cId="1333879337" sldId="369"/>
        </pc:sldMkLst>
        <pc:spChg chg="mod">
          <ac:chgData name="Daly Donnacha HSLU I" userId="0f22e960-400a-43ff-baeb-4828c8f5cd3a" providerId="ADAL" clId="{25186994-00F8-734D-8EB0-4EF816F306B7}" dt="2021-03-11T09:19:58.623" v="19071" actId="20577"/>
          <ac:spMkLst>
            <pc:docMk/>
            <pc:sldMk cId="1333879337" sldId="369"/>
            <ac:spMk id="2" creationId="{A3C5FA6E-13AF-FC41-BBB5-B48BA905565B}"/>
          </ac:spMkLst>
        </pc:spChg>
        <pc:spChg chg="del">
          <ac:chgData name="Daly Donnacha HSLU I" userId="0f22e960-400a-43ff-baeb-4828c8f5cd3a" providerId="ADAL" clId="{25186994-00F8-734D-8EB0-4EF816F306B7}" dt="2021-03-11T09:20:04.606" v="19072" actId="478"/>
          <ac:spMkLst>
            <pc:docMk/>
            <pc:sldMk cId="1333879337" sldId="369"/>
            <ac:spMk id="3" creationId="{686D8044-C345-0047-9FEC-C5BB5CFFCBFB}"/>
          </ac:spMkLst>
        </pc:spChg>
        <pc:spChg chg="del">
          <ac:chgData name="Daly Donnacha HSLU I" userId="0f22e960-400a-43ff-baeb-4828c8f5cd3a" providerId="ADAL" clId="{25186994-00F8-734D-8EB0-4EF816F306B7}" dt="2021-03-11T09:20:04.606" v="19072" actId="478"/>
          <ac:spMkLst>
            <pc:docMk/>
            <pc:sldMk cId="1333879337" sldId="369"/>
            <ac:spMk id="4" creationId="{5BFBA31A-D80D-C846-B0F2-EC6CDAAAE684}"/>
          </ac:spMkLst>
        </pc:spChg>
        <pc:spChg chg="del">
          <ac:chgData name="Daly Donnacha HSLU I" userId="0f22e960-400a-43ff-baeb-4828c8f5cd3a" providerId="ADAL" clId="{25186994-00F8-734D-8EB0-4EF816F306B7}" dt="2021-03-11T09:20:04.606" v="19072" actId="478"/>
          <ac:spMkLst>
            <pc:docMk/>
            <pc:sldMk cId="1333879337" sldId="369"/>
            <ac:spMk id="5" creationId="{F62B0CF0-960C-A44F-9895-286DCEF183DA}"/>
          </ac:spMkLst>
        </pc:spChg>
        <pc:spChg chg="del">
          <ac:chgData name="Daly Donnacha HSLU I" userId="0f22e960-400a-43ff-baeb-4828c8f5cd3a" providerId="ADAL" clId="{25186994-00F8-734D-8EB0-4EF816F306B7}" dt="2021-03-11T09:20:04.606" v="19072" actId="478"/>
          <ac:spMkLst>
            <pc:docMk/>
            <pc:sldMk cId="1333879337" sldId="369"/>
            <ac:spMk id="6" creationId="{FC164300-9590-8F4F-B5D0-C2CF5DEEEA6C}"/>
          </ac:spMkLst>
        </pc:spChg>
        <pc:spChg chg="del">
          <ac:chgData name="Daly Donnacha HSLU I" userId="0f22e960-400a-43ff-baeb-4828c8f5cd3a" providerId="ADAL" clId="{25186994-00F8-734D-8EB0-4EF816F306B7}" dt="2021-03-11T09:20:04.606" v="19072" actId="478"/>
          <ac:spMkLst>
            <pc:docMk/>
            <pc:sldMk cId="1333879337" sldId="369"/>
            <ac:spMk id="7" creationId="{9E1C6CE4-8C26-EA40-A4D6-20D2D6E1EA4C}"/>
          </ac:spMkLst>
        </pc:spChg>
        <pc:spChg chg="del">
          <ac:chgData name="Daly Donnacha HSLU I" userId="0f22e960-400a-43ff-baeb-4828c8f5cd3a" providerId="ADAL" clId="{25186994-00F8-734D-8EB0-4EF816F306B7}" dt="2021-03-11T09:20:04.606" v="19072" actId="478"/>
          <ac:spMkLst>
            <pc:docMk/>
            <pc:sldMk cId="1333879337" sldId="369"/>
            <ac:spMk id="9" creationId="{7FD772ED-5294-CA43-AB0C-7DCDC6135CD2}"/>
          </ac:spMkLst>
        </pc:spChg>
        <pc:spChg chg="del">
          <ac:chgData name="Daly Donnacha HSLU I" userId="0f22e960-400a-43ff-baeb-4828c8f5cd3a" providerId="ADAL" clId="{25186994-00F8-734D-8EB0-4EF816F306B7}" dt="2021-03-11T09:20:04.606" v="19072" actId="478"/>
          <ac:spMkLst>
            <pc:docMk/>
            <pc:sldMk cId="1333879337" sldId="369"/>
            <ac:spMk id="10" creationId="{F46F5CB6-B88A-2541-9A9D-8B08EA938CB8}"/>
          </ac:spMkLst>
        </pc:spChg>
        <pc:spChg chg="del">
          <ac:chgData name="Daly Donnacha HSLU I" userId="0f22e960-400a-43ff-baeb-4828c8f5cd3a" providerId="ADAL" clId="{25186994-00F8-734D-8EB0-4EF816F306B7}" dt="2021-03-11T09:20:04.606" v="19072" actId="478"/>
          <ac:spMkLst>
            <pc:docMk/>
            <pc:sldMk cId="1333879337" sldId="369"/>
            <ac:spMk id="11" creationId="{6EFF53C7-2BF5-0C47-8585-FFEC12673674}"/>
          </ac:spMkLst>
        </pc:spChg>
        <pc:spChg chg="del">
          <ac:chgData name="Daly Donnacha HSLU I" userId="0f22e960-400a-43ff-baeb-4828c8f5cd3a" providerId="ADAL" clId="{25186994-00F8-734D-8EB0-4EF816F306B7}" dt="2021-03-11T09:20:04.606" v="19072" actId="478"/>
          <ac:spMkLst>
            <pc:docMk/>
            <pc:sldMk cId="1333879337" sldId="369"/>
            <ac:spMk id="12" creationId="{BE93478A-E7BB-1B4C-8344-7F0414400C0D}"/>
          </ac:spMkLst>
        </pc:spChg>
        <pc:spChg chg="del">
          <ac:chgData name="Daly Donnacha HSLU I" userId="0f22e960-400a-43ff-baeb-4828c8f5cd3a" providerId="ADAL" clId="{25186994-00F8-734D-8EB0-4EF816F306B7}" dt="2021-03-11T09:20:04.606" v="19072" actId="478"/>
          <ac:spMkLst>
            <pc:docMk/>
            <pc:sldMk cId="1333879337" sldId="369"/>
            <ac:spMk id="18" creationId="{F615DAA9-528A-7343-B47C-A154C99DB79F}"/>
          </ac:spMkLst>
        </pc:spChg>
        <pc:spChg chg="del">
          <ac:chgData name="Daly Donnacha HSLU I" userId="0f22e960-400a-43ff-baeb-4828c8f5cd3a" providerId="ADAL" clId="{25186994-00F8-734D-8EB0-4EF816F306B7}" dt="2021-03-11T09:20:04.606" v="19072" actId="478"/>
          <ac:spMkLst>
            <pc:docMk/>
            <pc:sldMk cId="1333879337" sldId="369"/>
            <ac:spMk id="25" creationId="{40878E80-ACA6-6C4A-840F-DE57CA9BA16D}"/>
          </ac:spMkLst>
        </pc:spChg>
        <pc:spChg chg="del">
          <ac:chgData name="Daly Donnacha HSLU I" userId="0f22e960-400a-43ff-baeb-4828c8f5cd3a" providerId="ADAL" clId="{25186994-00F8-734D-8EB0-4EF816F306B7}" dt="2021-03-11T09:20:04.606" v="19072" actId="478"/>
          <ac:spMkLst>
            <pc:docMk/>
            <pc:sldMk cId="1333879337" sldId="369"/>
            <ac:spMk id="26" creationId="{D8ACB0E2-0E63-C144-9B19-FEA3B7D84E76}"/>
          </ac:spMkLst>
        </pc:spChg>
        <pc:spChg chg="del">
          <ac:chgData name="Daly Donnacha HSLU I" userId="0f22e960-400a-43ff-baeb-4828c8f5cd3a" providerId="ADAL" clId="{25186994-00F8-734D-8EB0-4EF816F306B7}" dt="2021-03-11T09:20:04.606" v="19072" actId="478"/>
          <ac:spMkLst>
            <pc:docMk/>
            <pc:sldMk cId="1333879337" sldId="369"/>
            <ac:spMk id="28" creationId="{E93FFE1F-1995-434D-90F2-9B055C72EAFB}"/>
          </ac:spMkLst>
        </pc:spChg>
        <pc:spChg chg="mod">
          <ac:chgData name="Daly Donnacha HSLU I" userId="0f22e960-400a-43ff-baeb-4828c8f5cd3a" providerId="ADAL" clId="{25186994-00F8-734D-8EB0-4EF816F306B7}" dt="2021-03-11T09:54:29.150" v="20006" actId="113"/>
          <ac:spMkLst>
            <pc:docMk/>
            <pc:sldMk cId="1333879337" sldId="369"/>
            <ac:spMk id="29" creationId="{3E28FCD4-21F1-5446-8CEE-EC87FE9F21F4}"/>
          </ac:spMkLst>
        </pc:spChg>
        <pc:spChg chg="del">
          <ac:chgData name="Daly Donnacha HSLU I" userId="0f22e960-400a-43ff-baeb-4828c8f5cd3a" providerId="ADAL" clId="{25186994-00F8-734D-8EB0-4EF816F306B7}" dt="2021-03-11T09:20:07.675" v="19073" actId="478"/>
          <ac:spMkLst>
            <pc:docMk/>
            <pc:sldMk cId="1333879337" sldId="369"/>
            <ac:spMk id="30" creationId="{F361449A-1340-5F43-A627-D827D8D8873C}"/>
          </ac:spMkLst>
        </pc:spChg>
        <pc:spChg chg="add mod">
          <ac:chgData name="Daly Donnacha HSLU I" userId="0f22e960-400a-43ff-baeb-4828c8f5cd3a" providerId="ADAL" clId="{25186994-00F8-734D-8EB0-4EF816F306B7}" dt="2021-03-11T09:26:22.047" v="19599" actId="20577"/>
          <ac:spMkLst>
            <pc:docMk/>
            <pc:sldMk cId="1333879337" sldId="369"/>
            <ac:spMk id="31" creationId="{3DDBB649-F0BF-924A-8B88-4F621A99C1AF}"/>
          </ac:spMkLst>
        </pc:spChg>
        <pc:spChg chg="add mod">
          <ac:chgData name="Daly Donnacha HSLU I" userId="0f22e960-400a-43ff-baeb-4828c8f5cd3a" providerId="ADAL" clId="{25186994-00F8-734D-8EB0-4EF816F306B7}" dt="2021-03-11T09:20:53.826" v="19133" actId="1038"/>
          <ac:spMkLst>
            <pc:docMk/>
            <pc:sldMk cId="1333879337" sldId="369"/>
            <ac:spMk id="32" creationId="{5A927A1E-A566-7B4D-B576-AF205F2AB7FE}"/>
          </ac:spMkLst>
        </pc:spChg>
        <pc:spChg chg="add mod">
          <ac:chgData name="Daly Donnacha HSLU I" userId="0f22e960-400a-43ff-baeb-4828c8f5cd3a" providerId="ADAL" clId="{25186994-00F8-734D-8EB0-4EF816F306B7}" dt="2021-03-11T09:20:53.826" v="19133" actId="1038"/>
          <ac:spMkLst>
            <pc:docMk/>
            <pc:sldMk cId="1333879337" sldId="369"/>
            <ac:spMk id="33" creationId="{2FE68EFC-79A7-FA47-84A8-67BB44E00076}"/>
          </ac:spMkLst>
        </pc:spChg>
        <pc:spChg chg="add mod">
          <ac:chgData name="Daly Donnacha HSLU I" userId="0f22e960-400a-43ff-baeb-4828c8f5cd3a" providerId="ADAL" clId="{25186994-00F8-734D-8EB0-4EF816F306B7}" dt="2021-03-11T09:20:53.826" v="19133" actId="1038"/>
          <ac:spMkLst>
            <pc:docMk/>
            <pc:sldMk cId="1333879337" sldId="369"/>
            <ac:spMk id="34" creationId="{ED414BB3-721F-B045-811D-DA3567585AC8}"/>
          </ac:spMkLst>
        </pc:spChg>
        <pc:spChg chg="add mod">
          <ac:chgData name="Daly Donnacha HSLU I" userId="0f22e960-400a-43ff-baeb-4828c8f5cd3a" providerId="ADAL" clId="{25186994-00F8-734D-8EB0-4EF816F306B7}" dt="2021-03-11T09:21:10.053" v="19134" actId="207"/>
          <ac:spMkLst>
            <pc:docMk/>
            <pc:sldMk cId="1333879337" sldId="369"/>
            <ac:spMk id="35" creationId="{4847B226-4F39-9149-A321-1F78A92403E6}"/>
          </ac:spMkLst>
        </pc:spChg>
        <pc:spChg chg="add mod">
          <ac:chgData name="Daly Donnacha HSLU I" userId="0f22e960-400a-43ff-baeb-4828c8f5cd3a" providerId="ADAL" clId="{25186994-00F8-734D-8EB0-4EF816F306B7}" dt="2021-03-11T09:20:53.826" v="19133" actId="1038"/>
          <ac:spMkLst>
            <pc:docMk/>
            <pc:sldMk cId="1333879337" sldId="369"/>
            <ac:spMk id="39" creationId="{0238905C-173A-1C41-8924-0E8581BDA52B}"/>
          </ac:spMkLst>
        </pc:spChg>
        <pc:spChg chg="add mod">
          <ac:chgData name="Daly Donnacha HSLU I" userId="0f22e960-400a-43ff-baeb-4828c8f5cd3a" providerId="ADAL" clId="{25186994-00F8-734D-8EB0-4EF816F306B7}" dt="2021-03-11T09:20:53.826" v="19133" actId="1038"/>
          <ac:spMkLst>
            <pc:docMk/>
            <pc:sldMk cId="1333879337" sldId="369"/>
            <ac:spMk id="40" creationId="{B5935E26-F965-5F43-8BEF-13D822A36943}"/>
          </ac:spMkLst>
        </pc:spChg>
        <pc:spChg chg="add mod">
          <ac:chgData name="Daly Donnacha HSLU I" userId="0f22e960-400a-43ff-baeb-4828c8f5cd3a" providerId="ADAL" clId="{25186994-00F8-734D-8EB0-4EF816F306B7}" dt="2021-03-11T09:20:53.826" v="19133" actId="1038"/>
          <ac:spMkLst>
            <pc:docMk/>
            <pc:sldMk cId="1333879337" sldId="369"/>
            <ac:spMk id="41" creationId="{DB4773B1-427B-EE4B-AC41-53A394D715F2}"/>
          </ac:spMkLst>
        </pc:spChg>
        <pc:spChg chg="add mod">
          <ac:chgData name="Daly Donnacha HSLU I" userId="0f22e960-400a-43ff-baeb-4828c8f5cd3a" providerId="ADAL" clId="{25186994-00F8-734D-8EB0-4EF816F306B7}" dt="2021-03-11T09:20:53.826" v="19133" actId="1038"/>
          <ac:spMkLst>
            <pc:docMk/>
            <pc:sldMk cId="1333879337" sldId="369"/>
            <ac:spMk id="42" creationId="{D6752B6D-5373-C24F-8D38-2D184E33A5C1}"/>
          </ac:spMkLst>
        </pc:spChg>
        <pc:spChg chg="add del mod">
          <ac:chgData name="Daly Donnacha HSLU I" userId="0f22e960-400a-43ff-baeb-4828c8f5cd3a" providerId="ADAL" clId="{25186994-00F8-734D-8EB0-4EF816F306B7}" dt="2021-03-11T09:54:27.771" v="20005"/>
          <ac:spMkLst>
            <pc:docMk/>
            <pc:sldMk cId="1333879337" sldId="369"/>
            <ac:spMk id="44" creationId="{8A0B00C3-0411-CE4D-AFF8-278ECD854CAD}"/>
          </ac:spMkLst>
        </pc:spChg>
        <pc:spChg chg="add del mod">
          <ac:chgData name="Daly Donnacha HSLU I" userId="0f22e960-400a-43ff-baeb-4828c8f5cd3a" providerId="ADAL" clId="{25186994-00F8-734D-8EB0-4EF816F306B7}" dt="2021-03-11T09:54:27.771" v="20005"/>
          <ac:spMkLst>
            <pc:docMk/>
            <pc:sldMk cId="1333879337" sldId="369"/>
            <ac:spMk id="45" creationId="{03BB4C6D-7C26-8140-93B3-5DEB2BAE91C4}"/>
          </ac:spMkLst>
        </pc:spChg>
        <pc:spChg chg="add del mod">
          <ac:chgData name="Daly Donnacha HSLU I" userId="0f22e960-400a-43ff-baeb-4828c8f5cd3a" providerId="ADAL" clId="{25186994-00F8-734D-8EB0-4EF816F306B7}" dt="2021-03-11T09:54:27.771" v="20005"/>
          <ac:spMkLst>
            <pc:docMk/>
            <pc:sldMk cId="1333879337" sldId="369"/>
            <ac:spMk id="46" creationId="{9DF60F4C-DE11-2A44-AFFC-546189ADDDE6}"/>
          </ac:spMkLst>
        </pc:spChg>
        <pc:grpChg chg="del">
          <ac:chgData name="Daly Donnacha HSLU I" userId="0f22e960-400a-43ff-baeb-4828c8f5cd3a" providerId="ADAL" clId="{25186994-00F8-734D-8EB0-4EF816F306B7}" dt="2021-03-11T09:20:04.606" v="19072" actId="478"/>
          <ac:grpSpMkLst>
            <pc:docMk/>
            <pc:sldMk cId="1333879337" sldId="369"/>
            <ac:grpSpMk id="22" creationId="{35C9D5C0-8043-904F-88CB-D222A47C2342}"/>
          </ac:grpSpMkLst>
        </pc:grpChg>
        <pc:picChg chg="del">
          <ac:chgData name="Daly Donnacha HSLU I" userId="0f22e960-400a-43ff-baeb-4828c8f5cd3a" providerId="ADAL" clId="{25186994-00F8-734D-8EB0-4EF816F306B7}" dt="2021-03-11T09:20:04.606" v="19072" actId="478"/>
          <ac:picMkLst>
            <pc:docMk/>
            <pc:sldMk cId="1333879337" sldId="369"/>
            <ac:picMk id="13" creationId="{D69771AE-914D-DC41-B742-E2DF82E5765F}"/>
          </ac:picMkLst>
        </pc:picChg>
        <pc:picChg chg="del">
          <ac:chgData name="Daly Donnacha HSLU I" userId="0f22e960-400a-43ff-baeb-4828c8f5cd3a" providerId="ADAL" clId="{25186994-00F8-734D-8EB0-4EF816F306B7}" dt="2021-03-11T09:20:04.606" v="19072" actId="478"/>
          <ac:picMkLst>
            <pc:docMk/>
            <pc:sldMk cId="1333879337" sldId="369"/>
            <ac:picMk id="14" creationId="{03CBE889-3CEE-424F-A000-37B38A56B434}"/>
          </ac:picMkLst>
        </pc:picChg>
        <pc:picChg chg="del">
          <ac:chgData name="Daly Donnacha HSLU I" userId="0f22e960-400a-43ff-baeb-4828c8f5cd3a" providerId="ADAL" clId="{25186994-00F8-734D-8EB0-4EF816F306B7}" dt="2021-03-11T09:20:04.606" v="19072" actId="478"/>
          <ac:picMkLst>
            <pc:docMk/>
            <pc:sldMk cId="1333879337" sldId="369"/>
            <ac:picMk id="15" creationId="{DA3C5506-609E-3941-AFB7-F40DA429F49B}"/>
          </ac:picMkLst>
        </pc:picChg>
        <pc:picChg chg="del">
          <ac:chgData name="Daly Donnacha HSLU I" userId="0f22e960-400a-43ff-baeb-4828c8f5cd3a" providerId="ADAL" clId="{25186994-00F8-734D-8EB0-4EF816F306B7}" dt="2021-03-11T09:20:04.606" v="19072" actId="478"/>
          <ac:picMkLst>
            <pc:docMk/>
            <pc:sldMk cId="1333879337" sldId="369"/>
            <ac:picMk id="16" creationId="{EDD723E2-DBC3-6A42-9AD6-B4025D50A578}"/>
          </ac:picMkLst>
        </pc:picChg>
        <pc:picChg chg="del">
          <ac:chgData name="Daly Donnacha HSLU I" userId="0f22e960-400a-43ff-baeb-4828c8f5cd3a" providerId="ADAL" clId="{25186994-00F8-734D-8EB0-4EF816F306B7}" dt="2021-03-11T09:20:04.606" v="19072" actId="478"/>
          <ac:picMkLst>
            <pc:docMk/>
            <pc:sldMk cId="1333879337" sldId="369"/>
            <ac:picMk id="17" creationId="{BEBE83B6-3BE4-3B43-BBE4-B60C8716353A}"/>
          </ac:picMkLst>
        </pc:picChg>
        <pc:cxnChg chg="del">
          <ac:chgData name="Daly Donnacha HSLU I" userId="0f22e960-400a-43ff-baeb-4828c8f5cd3a" providerId="ADAL" clId="{25186994-00F8-734D-8EB0-4EF816F306B7}" dt="2021-03-11T09:20:04.606" v="19072" actId="478"/>
          <ac:cxnSpMkLst>
            <pc:docMk/>
            <pc:sldMk cId="1333879337" sldId="369"/>
            <ac:cxnSpMk id="8" creationId="{FDF15141-4630-814E-87A2-04443CC84B12}"/>
          </ac:cxnSpMkLst>
        </pc:cxnChg>
        <pc:cxnChg chg="del">
          <ac:chgData name="Daly Donnacha HSLU I" userId="0f22e960-400a-43ff-baeb-4828c8f5cd3a" providerId="ADAL" clId="{25186994-00F8-734D-8EB0-4EF816F306B7}" dt="2021-03-11T09:20:04.606" v="19072" actId="478"/>
          <ac:cxnSpMkLst>
            <pc:docMk/>
            <pc:sldMk cId="1333879337" sldId="369"/>
            <ac:cxnSpMk id="19" creationId="{A61F1070-481D-5F46-9BFA-89BB99C55E1F}"/>
          </ac:cxnSpMkLst>
        </pc:cxnChg>
        <pc:cxnChg chg="del">
          <ac:chgData name="Daly Donnacha HSLU I" userId="0f22e960-400a-43ff-baeb-4828c8f5cd3a" providerId="ADAL" clId="{25186994-00F8-734D-8EB0-4EF816F306B7}" dt="2021-03-11T09:20:04.606" v="19072" actId="478"/>
          <ac:cxnSpMkLst>
            <pc:docMk/>
            <pc:sldMk cId="1333879337" sldId="369"/>
            <ac:cxnSpMk id="20" creationId="{11E2734F-D195-2E4C-B8BE-2151462EEF1C}"/>
          </ac:cxnSpMkLst>
        </pc:cxnChg>
        <pc:cxnChg chg="del">
          <ac:chgData name="Daly Donnacha HSLU I" userId="0f22e960-400a-43ff-baeb-4828c8f5cd3a" providerId="ADAL" clId="{25186994-00F8-734D-8EB0-4EF816F306B7}" dt="2021-03-11T09:20:04.606" v="19072" actId="478"/>
          <ac:cxnSpMkLst>
            <pc:docMk/>
            <pc:sldMk cId="1333879337" sldId="369"/>
            <ac:cxnSpMk id="21" creationId="{70FDD68B-F745-554B-BEDE-B9120D8F36AC}"/>
          </ac:cxnSpMkLst>
        </pc:cxnChg>
        <pc:cxnChg chg="del">
          <ac:chgData name="Daly Donnacha HSLU I" userId="0f22e960-400a-43ff-baeb-4828c8f5cd3a" providerId="ADAL" clId="{25186994-00F8-734D-8EB0-4EF816F306B7}" dt="2021-03-11T09:20:04.606" v="19072" actId="478"/>
          <ac:cxnSpMkLst>
            <pc:docMk/>
            <pc:sldMk cId="1333879337" sldId="369"/>
            <ac:cxnSpMk id="27" creationId="{CCA7627D-C5E8-B841-9927-F354B202DD4F}"/>
          </ac:cxnSpMkLst>
        </pc:cxnChg>
        <pc:cxnChg chg="add mod">
          <ac:chgData name="Daly Donnacha HSLU I" userId="0f22e960-400a-43ff-baeb-4828c8f5cd3a" providerId="ADAL" clId="{25186994-00F8-734D-8EB0-4EF816F306B7}" dt="2021-03-11T09:20:53.826" v="19133" actId="1038"/>
          <ac:cxnSpMkLst>
            <pc:docMk/>
            <pc:sldMk cId="1333879337" sldId="369"/>
            <ac:cxnSpMk id="36" creationId="{58282DB2-FEAB-9D4B-96D8-0AF322545BDC}"/>
          </ac:cxnSpMkLst>
        </pc:cxnChg>
        <pc:cxnChg chg="add mod">
          <ac:chgData name="Daly Donnacha HSLU I" userId="0f22e960-400a-43ff-baeb-4828c8f5cd3a" providerId="ADAL" clId="{25186994-00F8-734D-8EB0-4EF816F306B7}" dt="2021-03-11T09:20:53.826" v="19133" actId="1038"/>
          <ac:cxnSpMkLst>
            <pc:docMk/>
            <pc:sldMk cId="1333879337" sldId="369"/>
            <ac:cxnSpMk id="37" creationId="{0B152A04-1BEC-3145-B85C-D45278A1FED8}"/>
          </ac:cxnSpMkLst>
        </pc:cxnChg>
        <pc:cxnChg chg="add mod">
          <ac:chgData name="Daly Donnacha HSLU I" userId="0f22e960-400a-43ff-baeb-4828c8f5cd3a" providerId="ADAL" clId="{25186994-00F8-734D-8EB0-4EF816F306B7}" dt="2021-03-11T09:20:53.826" v="19133" actId="1038"/>
          <ac:cxnSpMkLst>
            <pc:docMk/>
            <pc:sldMk cId="1333879337" sldId="369"/>
            <ac:cxnSpMk id="38" creationId="{50862F9A-6E83-A643-931F-76DEF9ACEF56}"/>
          </ac:cxnSpMkLst>
        </pc:cxnChg>
        <pc:cxnChg chg="add mod">
          <ac:chgData name="Daly Donnacha HSLU I" userId="0f22e960-400a-43ff-baeb-4828c8f5cd3a" providerId="ADAL" clId="{25186994-00F8-734D-8EB0-4EF816F306B7}" dt="2021-03-11T09:20:53.826" v="19133" actId="1038"/>
          <ac:cxnSpMkLst>
            <pc:docMk/>
            <pc:sldMk cId="1333879337" sldId="369"/>
            <ac:cxnSpMk id="43" creationId="{0799B5F2-E30F-064C-82C5-24197D60F39A}"/>
          </ac:cxnSpMkLst>
        </pc:cxnChg>
      </pc:sldChg>
      <pc:sldChg chg="new del">
        <pc:chgData name="Daly Donnacha HSLU I" userId="0f22e960-400a-43ff-baeb-4828c8f5cd3a" providerId="ADAL" clId="{25186994-00F8-734D-8EB0-4EF816F306B7}" dt="2021-03-11T09:44:27.579" v="19945" actId="2696"/>
        <pc:sldMkLst>
          <pc:docMk/>
          <pc:sldMk cId="3202584962" sldId="370"/>
        </pc:sldMkLst>
      </pc:sldChg>
      <pc:sldChg chg="addSp delSp modSp new mod">
        <pc:chgData name="Daly Donnacha HSLU I" userId="0f22e960-400a-43ff-baeb-4828c8f5cd3a" providerId="ADAL" clId="{25186994-00F8-734D-8EB0-4EF816F306B7}" dt="2021-03-11T15:18:39.844" v="20471" actId="6549"/>
        <pc:sldMkLst>
          <pc:docMk/>
          <pc:sldMk cId="1456426079" sldId="371"/>
        </pc:sldMkLst>
        <pc:spChg chg="mod">
          <ac:chgData name="Daly Donnacha HSLU I" userId="0f22e960-400a-43ff-baeb-4828c8f5cd3a" providerId="ADAL" clId="{25186994-00F8-734D-8EB0-4EF816F306B7}" dt="2021-03-11T09:45:41.342" v="19976" actId="20577"/>
          <ac:spMkLst>
            <pc:docMk/>
            <pc:sldMk cId="1456426079" sldId="371"/>
            <ac:spMk id="2" creationId="{52762C22-04D1-E945-8094-55F1D52DF3DB}"/>
          </ac:spMkLst>
        </pc:spChg>
        <pc:spChg chg="add mod">
          <ac:chgData name="Daly Donnacha HSLU I" userId="0f22e960-400a-43ff-baeb-4828c8f5cd3a" providerId="ADAL" clId="{25186994-00F8-734D-8EB0-4EF816F306B7}" dt="2021-03-11T09:38:36.346" v="19717" actId="6549"/>
          <ac:spMkLst>
            <pc:docMk/>
            <pc:sldMk cId="1456426079" sldId="371"/>
            <ac:spMk id="3" creationId="{BFF5CE35-5729-064B-B75F-DF54475DC201}"/>
          </ac:spMkLst>
        </pc:spChg>
        <pc:spChg chg="add del mod">
          <ac:chgData name="Daly Donnacha HSLU I" userId="0f22e960-400a-43ff-baeb-4828c8f5cd3a" providerId="ADAL" clId="{25186994-00F8-734D-8EB0-4EF816F306B7}" dt="2021-03-11T09:39:05.655" v="19723" actId="478"/>
          <ac:spMkLst>
            <pc:docMk/>
            <pc:sldMk cId="1456426079" sldId="371"/>
            <ac:spMk id="5" creationId="{26D9218C-7A2B-4A44-A6A4-055780801068}"/>
          </ac:spMkLst>
        </pc:spChg>
        <pc:spChg chg="add mod">
          <ac:chgData name="Daly Donnacha HSLU I" userId="0f22e960-400a-43ff-baeb-4828c8f5cd3a" providerId="ADAL" clId="{25186994-00F8-734D-8EB0-4EF816F306B7}" dt="2021-03-11T15:18:39.844" v="20471" actId="6549"/>
          <ac:spMkLst>
            <pc:docMk/>
            <pc:sldMk cId="1456426079" sldId="371"/>
            <ac:spMk id="6" creationId="{11F60958-48AF-A74C-A25E-29277D9806D6}"/>
          </ac:spMkLst>
        </pc:spChg>
        <pc:picChg chg="add mod">
          <ac:chgData name="Daly Donnacha HSLU I" userId="0f22e960-400a-43ff-baeb-4828c8f5cd3a" providerId="ADAL" clId="{25186994-00F8-734D-8EB0-4EF816F306B7}" dt="2021-03-11T09:37:43.663" v="19679" actId="1038"/>
          <ac:picMkLst>
            <pc:docMk/>
            <pc:sldMk cId="1456426079" sldId="371"/>
            <ac:picMk id="4" creationId="{D24316C1-E1A2-D24C-8032-138E690B399E}"/>
          </ac:picMkLst>
        </pc:picChg>
      </pc:sldChg>
      <pc:sldChg chg="addSp modSp new del mod">
        <pc:chgData name="Daly Donnacha HSLU I" userId="0f22e960-400a-43ff-baeb-4828c8f5cd3a" providerId="ADAL" clId="{25186994-00F8-734D-8EB0-4EF816F306B7}" dt="2021-03-11T09:54:04.647" v="20003" actId="2696"/>
        <pc:sldMkLst>
          <pc:docMk/>
          <pc:sldMk cId="268567048" sldId="372"/>
        </pc:sldMkLst>
        <pc:spChg chg="mod">
          <ac:chgData name="Daly Donnacha HSLU I" userId="0f22e960-400a-43ff-baeb-4828c8f5cd3a" providerId="ADAL" clId="{25186994-00F8-734D-8EB0-4EF816F306B7}" dt="2021-03-11T09:46:05.487" v="19983" actId="20577"/>
          <ac:spMkLst>
            <pc:docMk/>
            <pc:sldMk cId="268567048" sldId="372"/>
            <ac:spMk id="2" creationId="{1548982B-1BFD-094B-9238-44961ECA0787}"/>
          </ac:spMkLst>
        </pc:spChg>
        <pc:spChg chg="add mod">
          <ac:chgData name="Daly Donnacha HSLU I" userId="0f22e960-400a-43ff-baeb-4828c8f5cd3a" providerId="ADAL" clId="{25186994-00F8-734D-8EB0-4EF816F306B7}" dt="2021-03-11T09:46:30.846" v="19998" actId="20577"/>
          <ac:spMkLst>
            <pc:docMk/>
            <pc:sldMk cId="268567048" sldId="372"/>
            <ac:spMk id="3" creationId="{1AE9DE11-5F9D-A24C-9441-3715CD577011}"/>
          </ac:spMkLst>
        </pc:spChg>
        <pc:spChg chg="add mod">
          <ac:chgData name="Daly Donnacha HSLU I" userId="0f22e960-400a-43ff-baeb-4828c8f5cd3a" providerId="ADAL" clId="{25186994-00F8-734D-8EB0-4EF816F306B7}" dt="2021-03-11T09:46:12.830" v="19984"/>
          <ac:spMkLst>
            <pc:docMk/>
            <pc:sldMk cId="268567048" sldId="372"/>
            <ac:spMk id="4" creationId="{DACB87A4-F7F0-B44B-BD1A-616C3226B6F3}"/>
          </ac:spMkLst>
        </pc:spChg>
        <pc:spChg chg="add mod">
          <ac:chgData name="Daly Donnacha HSLU I" userId="0f22e960-400a-43ff-baeb-4828c8f5cd3a" providerId="ADAL" clId="{25186994-00F8-734D-8EB0-4EF816F306B7}" dt="2021-03-11T09:46:12.830" v="19984"/>
          <ac:spMkLst>
            <pc:docMk/>
            <pc:sldMk cId="268567048" sldId="372"/>
            <ac:spMk id="5" creationId="{A74D305E-AB0D-5843-B751-6AE65EDC2897}"/>
          </ac:spMkLst>
        </pc:spChg>
      </pc:sldChg>
    </pc:docChg>
  </pc:docChgLst>
  <pc:docChgLst>
    <pc:chgData name="Daly Donnacha HSLU I" userId="0f22e960-400a-43ff-baeb-4828c8f5cd3a" providerId="ADAL" clId="{78138B16-7BCD-AB47-9B5F-6CC7C46E94E4}"/>
    <pc:docChg chg="undo custSel addSld delSld modSld sldOrd">
      <pc:chgData name="Daly Donnacha HSLU I" userId="0f22e960-400a-43ff-baeb-4828c8f5cd3a" providerId="ADAL" clId="{78138B16-7BCD-AB47-9B5F-6CC7C46E94E4}" dt="2021-04-12T12:46:14.770" v="9533" actId="20577"/>
      <pc:docMkLst>
        <pc:docMk/>
      </pc:docMkLst>
      <pc:sldChg chg="modSp mod">
        <pc:chgData name="Daly Donnacha HSLU I" userId="0f22e960-400a-43ff-baeb-4828c8f5cd3a" providerId="ADAL" clId="{78138B16-7BCD-AB47-9B5F-6CC7C46E94E4}" dt="2021-04-07T04:58:38.683" v="24" actId="20577"/>
        <pc:sldMkLst>
          <pc:docMk/>
          <pc:sldMk cId="0" sldId="256"/>
        </pc:sldMkLst>
        <pc:spChg chg="mod">
          <ac:chgData name="Daly Donnacha HSLU I" userId="0f22e960-400a-43ff-baeb-4828c8f5cd3a" providerId="ADAL" clId="{78138B16-7BCD-AB47-9B5F-6CC7C46E94E4}" dt="2021-04-07T04:58:38.683" v="24" actId="20577"/>
          <ac:spMkLst>
            <pc:docMk/>
            <pc:sldMk cId="0" sldId="256"/>
            <ac:spMk id="3075" creationId="{00000000-0000-0000-0000-000000000000}"/>
          </ac:spMkLst>
        </pc:spChg>
      </pc:sldChg>
      <pc:sldChg chg="addSp delSp modSp mod">
        <pc:chgData name="Daly Donnacha HSLU I" userId="0f22e960-400a-43ff-baeb-4828c8f5cd3a" providerId="ADAL" clId="{78138B16-7BCD-AB47-9B5F-6CC7C46E94E4}" dt="2021-04-11T13:20:08.936" v="3865" actId="20577"/>
        <pc:sldMkLst>
          <pc:docMk/>
          <pc:sldMk cId="2069180595" sldId="293"/>
        </pc:sldMkLst>
        <pc:spChg chg="add mod">
          <ac:chgData name="Daly Donnacha HSLU I" userId="0f22e960-400a-43ff-baeb-4828c8f5cd3a" providerId="ADAL" clId="{78138B16-7BCD-AB47-9B5F-6CC7C46E94E4}" dt="2021-04-07T06:36:56.960" v="689" actId="20577"/>
          <ac:spMkLst>
            <pc:docMk/>
            <pc:sldMk cId="2069180595" sldId="293"/>
            <ac:spMk id="3" creationId="{D94745E6-B5E7-794A-857B-A26653B6DC3B}"/>
          </ac:spMkLst>
        </pc:spChg>
        <pc:spChg chg="mod">
          <ac:chgData name="Daly Donnacha HSLU I" userId="0f22e960-400a-43ff-baeb-4828c8f5cd3a" providerId="ADAL" clId="{78138B16-7BCD-AB47-9B5F-6CC7C46E94E4}" dt="2021-04-11T13:20:08.936" v="3865" actId="20577"/>
          <ac:spMkLst>
            <pc:docMk/>
            <pc:sldMk cId="2069180595" sldId="293"/>
            <ac:spMk id="6" creationId="{C5894721-95A2-7141-8609-521552539517}"/>
          </ac:spMkLst>
        </pc:spChg>
        <pc:picChg chg="add mod">
          <ac:chgData name="Daly Donnacha HSLU I" userId="0f22e960-400a-43ff-baeb-4828c8f5cd3a" providerId="ADAL" clId="{78138B16-7BCD-AB47-9B5F-6CC7C46E94E4}" dt="2021-04-07T06:28:31.768" v="674"/>
          <ac:picMkLst>
            <pc:docMk/>
            <pc:sldMk cId="2069180595" sldId="293"/>
            <ac:picMk id="5" creationId="{E95DAE12-D5A5-5C44-BED7-EDBFEA8A2288}"/>
          </ac:picMkLst>
        </pc:picChg>
        <pc:picChg chg="del">
          <ac:chgData name="Daly Donnacha HSLU I" userId="0f22e960-400a-43ff-baeb-4828c8f5cd3a" providerId="ADAL" clId="{78138B16-7BCD-AB47-9B5F-6CC7C46E94E4}" dt="2021-04-07T04:58:50.534" v="25" actId="478"/>
          <ac:picMkLst>
            <pc:docMk/>
            <pc:sldMk cId="2069180595" sldId="293"/>
            <ac:picMk id="9" creationId="{D27A3D15-2C6B-404E-995B-86416499B40E}"/>
          </ac:picMkLst>
        </pc:picChg>
        <pc:picChg chg="add mod">
          <ac:chgData name="Daly Donnacha HSLU I" userId="0f22e960-400a-43ff-baeb-4828c8f5cd3a" providerId="ADAL" clId="{78138B16-7BCD-AB47-9B5F-6CC7C46E94E4}" dt="2021-04-07T06:31:01.928" v="680" actId="14100"/>
          <ac:picMkLst>
            <pc:docMk/>
            <pc:sldMk cId="2069180595" sldId="293"/>
            <ac:picMk id="2050" creationId="{508D1EB5-8931-2C43-9E25-0C8458357126}"/>
          </ac:picMkLst>
        </pc:picChg>
      </pc:sldChg>
      <pc:sldChg chg="addSp delSp modSp mod">
        <pc:chgData name="Daly Donnacha HSLU I" userId="0f22e960-400a-43ff-baeb-4828c8f5cd3a" providerId="ADAL" clId="{78138B16-7BCD-AB47-9B5F-6CC7C46E94E4}" dt="2021-04-11T13:20:37.267" v="3881" actId="20577"/>
        <pc:sldMkLst>
          <pc:docMk/>
          <pc:sldMk cId="1191410536" sldId="298"/>
        </pc:sldMkLst>
        <pc:spChg chg="del">
          <ac:chgData name="Daly Donnacha HSLU I" userId="0f22e960-400a-43ff-baeb-4828c8f5cd3a" providerId="ADAL" clId="{78138B16-7BCD-AB47-9B5F-6CC7C46E94E4}" dt="2021-04-07T04:59:43.798" v="34" actId="478"/>
          <ac:spMkLst>
            <pc:docMk/>
            <pc:sldMk cId="1191410536" sldId="298"/>
            <ac:spMk id="3" creationId="{22B452A9-A5EE-5247-A707-361DAB4C9D70}"/>
          </ac:spMkLst>
        </pc:spChg>
        <pc:spChg chg="del mod">
          <ac:chgData name="Daly Donnacha HSLU I" userId="0f22e960-400a-43ff-baeb-4828c8f5cd3a" providerId="ADAL" clId="{78138B16-7BCD-AB47-9B5F-6CC7C46E94E4}" dt="2021-04-07T06:24:12.863" v="660" actId="478"/>
          <ac:spMkLst>
            <pc:docMk/>
            <pc:sldMk cId="1191410536" sldId="298"/>
            <ac:spMk id="4" creationId="{39C2F65D-E21D-E04E-AF11-84B8B6EBD500}"/>
          </ac:spMkLst>
        </pc:spChg>
        <pc:spChg chg="add del mod">
          <ac:chgData name="Daly Donnacha HSLU I" userId="0f22e960-400a-43ff-baeb-4828c8f5cd3a" providerId="ADAL" clId="{78138B16-7BCD-AB47-9B5F-6CC7C46E94E4}" dt="2021-04-07T06:24:15.321" v="662"/>
          <ac:spMkLst>
            <pc:docMk/>
            <pc:sldMk cId="1191410536" sldId="298"/>
            <ac:spMk id="6" creationId="{28588036-DA3A-F34E-909A-EF4BC8185CDB}"/>
          </ac:spMkLst>
        </pc:spChg>
        <pc:spChg chg="add mod">
          <ac:chgData name="Daly Donnacha HSLU I" userId="0f22e960-400a-43ff-baeb-4828c8f5cd3a" providerId="ADAL" clId="{78138B16-7BCD-AB47-9B5F-6CC7C46E94E4}" dt="2021-04-11T13:20:37.267" v="3881" actId="20577"/>
          <ac:spMkLst>
            <pc:docMk/>
            <pc:sldMk cId="1191410536" sldId="298"/>
            <ac:spMk id="8" creationId="{8DD2D368-E513-E940-B831-C54B51F7ADB3}"/>
          </ac:spMkLst>
        </pc:spChg>
        <pc:picChg chg="add del mod">
          <ac:chgData name="Daly Donnacha HSLU I" userId="0f22e960-400a-43ff-baeb-4828c8f5cd3a" providerId="ADAL" clId="{78138B16-7BCD-AB47-9B5F-6CC7C46E94E4}" dt="2021-04-07T06:28:26.983" v="673" actId="21"/>
          <ac:picMkLst>
            <pc:docMk/>
            <pc:sldMk cId="1191410536" sldId="298"/>
            <ac:picMk id="5" creationId="{3D5DF902-4D26-234A-9C28-02B77A581B7E}"/>
          </ac:picMkLst>
        </pc:picChg>
        <pc:picChg chg="add del mod">
          <ac:chgData name="Daly Donnacha HSLU I" userId="0f22e960-400a-43ff-baeb-4828c8f5cd3a" providerId="ADAL" clId="{78138B16-7BCD-AB47-9B5F-6CC7C46E94E4}" dt="2021-04-07T06:24:15.321" v="662"/>
          <ac:picMkLst>
            <pc:docMk/>
            <pc:sldMk cId="1191410536" sldId="298"/>
            <ac:picMk id="7" creationId="{DE16D461-F610-4C4F-BF93-CE15AFC0B02E}"/>
          </ac:picMkLst>
        </pc:picChg>
        <pc:picChg chg="del">
          <ac:chgData name="Daly Donnacha HSLU I" userId="0f22e960-400a-43ff-baeb-4828c8f5cd3a" providerId="ADAL" clId="{78138B16-7BCD-AB47-9B5F-6CC7C46E94E4}" dt="2021-04-07T04:59:23.761" v="30" actId="478"/>
          <ac:picMkLst>
            <pc:docMk/>
            <pc:sldMk cId="1191410536" sldId="298"/>
            <ac:picMk id="1026" creationId="{19CA0BC6-492D-8D4E-9359-E9764FE88225}"/>
          </ac:picMkLst>
        </pc:picChg>
      </pc:sldChg>
      <pc:sldChg chg="modSp mod">
        <pc:chgData name="Daly Donnacha HSLU I" userId="0f22e960-400a-43ff-baeb-4828c8f5cd3a" providerId="ADAL" clId="{78138B16-7BCD-AB47-9B5F-6CC7C46E94E4}" dt="2021-04-07T06:14:09.378" v="513" actId="20577"/>
        <pc:sldMkLst>
          <pc:docMk/>
          <pc:sldMk cId="2208137706" sldId="315"/>
        </pc:sldMkLst>
        <pc:spChg chg="mod">
          <ac:chgData name="Daly Donnacha HSLU I" userId="0f22e960-400a-43ff-baeb-4828c8f5cd3a" providerId="ADAL" clId="{78138B16-7BCD-AB47-9B5F-6CC7C46E94E4}" dt="2021-04-07T06:14:09.378" v="513" actId="20577"/>
          <ac:spMkLst>
            <pc:docMk/>
            <pc:sldMk cId="2208137706" sldId="315"/>
            <ac:spMk id="3" creationId="{63132F41-5235-6647-AE60-DA2A6069816C}"/>
          </ac:spMkLst>
        </pc:spChg>
      </pc:sldChg>
      <pc:sldChg chg="del">
        <pc:chgData name="Daly Donnacha HSLU I" userId="0f22e960-400a-43ff-baeb-4828c8f5cd3a" providerId="ADAL" clId="{78138B16-7BCD-AB47-9B5F-6CC7C46E94E4}" dt="2021-04-07T04:59:17.738" v="29" actId="2696"/>
        <pc:sldMkLst>
          <pc:docMk/>
          <pc:sldMk cId="1771167534" sldId="316"/>
        </pc:sldMkLst>
      </pc:sldChg>
      <pc:sldChg chg="del">
        <pc:chgData name="Daly Donnacha HSLU I" userId="0f22e960-400a-43ff-baeb-4828c8f5cd3a" providerId="ADAL" clId="{78138B16-7BCD-AB47-9B5F-6CC7C46E94E4}" dt="2021-04-07T04:59:17.738" v="29" actId="2696"/>
        <pc:sldMkLst>
          <pc:docMk/>
          <pc:sldMk cId="1683956279" sldId="317"/>
        </pc:sldMkLst>
      </pc:sldChg>
      <pc:sldChg chg="del">
        <pc:chgData name="Daly Donnacha HSLU I" userId="0f22e960-400a-43ff-baeb-4828c8f5cd3a" providerId="ADAL" clId="{78138B16-7BCD-AB47-9B5F-6CC7C46E94E4}" dt="2021-04-07T04:59:17.738" v="29" actId="2696"/>
        <pc:sldMkLst>
          <pc:docMk/>
          <pc:sldMk cId="1079068056" sldId="318"/>
        </pc:sldMkLst>
      </pc:sldChg>
      <pc:sldChg chg="del">
        <pc:chgData name="Daly Donnacha HSLU I" userId="0f22e960-400a-43ff-baeb-4828c8f5cd3a" providerId="ADAL" clId="{78138B16-7BCD-AB47-9B5F-6CC7C46E94E4}" dt="2021-04-07T04:59:17.738" v="29" actId="2696"/>
        <pc:sldMkLst>
          <pc:docMk/>
          <pc:sldMk cId="1230219001" sldId="320"/>
        </pc:sldMkLst>
      </pc:sldChg>
      <pc:sldChg chg="del">
        <pc:chgData name="Daly Donnacha HSLU I" userId="0f22e960-400a-43ff-baeb-4828c8f5cd3a" providerId="ADAL" clId="{78138B16-7BCD-AB47-9B5F-6CC7C46E94E4}" dt="2021-04-07T04:59:17.738" v="29" actId="2696"/>
        <pc:sldMkLst>
          <pc:docMk/>
          <pc:sldMk cId="3195225968" sldId="321"/>
        </pc:sldMkLst>
      </pc:sldChg>
      <pc:sldChg chg="del">
        <pc:chgData name="Daly Donnacha HSLU I" userId="0f22e960-400a-43ff-baeb-4828c8f5cd3a" providerId="ADAL" clId="{78138B16-7BCD-AB47-9B5F-6CC7C46E94E4}" dt="2021-04-07T04:59:17.738" v="29" actId="2696"/>
        <pc:sldMkLst>
          <pc:docMk/>
          <pc:sldMk cId="3408303291" sldId="322"/>
        </pc:sldMkLst>
      </pc:sldChg>
      <pc:sldChg chg="del">
        <pc:chgData name="Daly Donnacha HSLU I" userId="0f22e960-400a-43ff-baeb-4828c8f5cd3a" providerId="ADAL" clId="{78138B16-7BCD-AB47-9B5F-6CC7C46E94E4}" dt="2021-04-07T04:59:17.738" v="29" actId="2696"/>
        <pc:sldMkLst>
          <pc:docMk/>
          <pc:sldMk cId="1912671424" sldId="323"/>
        </pc:sldMkLst>
      </pc:sldChg>
      <pc:sldChg chg="del">
        <pc:chgData name="Daly Donnacha HSLU I" userId="0f22e960-400a-43ff-baeb-4828c8f5cd3a" providerId="ADAL" clId="{78138B16-7BCD-AB47-9B5F-6CC7C46E94E4}" dt="2021-04-07T04:59:17.738" v="29" actId="2696"/>
        <pc:sldMkLst>
          <pc:docMk/>
          <pc:sldMk cId="1897942297" sldId="324"/>
        </pc:sldMkLst>
      </pc:sldChg>
      <pc:sldChg chg="del">
        <pc:chgData name="Daly Donnacha HSLU I" userId="0f22e960-400a-43ff-baeb-4828c8f5cd3a" providerId="ADAL" clId="{78138B16-7BCD-AB47-9B5F-6CC7C46E94E4}" dt="2021-04-07T04:59:17.738" v="29" actId="2696"/>
        <pc:sldMkLst>
          <pc:docMk/>
          <pc:sldMk cId="2941014727" sldId="512"/>
        </pc:sldMkLst>
      </pc:sldChg>
      <pc:sldChg chg="del">
        <pc:chgData name="Daly Donnacha HSLU I" userId="0f22e960-400a-43ff-baeb-4828c8f5cd3a" providerId="ADAL" clId="{78138B16-7BCD-AB47-9B5F-6CC7C46E94E4}" dt="2021-04-07T04:59:17.738" v="29" actId="2696"/>
        <pc:sldMkLst>
          <pc:docMk/>
          <pc:sldMk cId="793282942" sldId="524"/>
        </pc:sldMkLst>
      </pc:sldChg>
      <pc:sldChg chg="del">
        <pc:chgData name="Daly Donnacha HSLU I" userId="0f22e960-400a-43ff-baeb-4828c8f5cd3a" providerId="ADAL" clId="{78138B16-7BCD-AB47-9B5F-6CC7C46E94E4}" dt="2021-04-07T04:59:17.738" v="29" actId="2696"/>
        <pc:sldMkLst>
          <pc:docMk/>
          <pc:sldMk cId="950948790" sldId="525"/>
        </pc:sldMkLst>
      </pc:sldChg>
      <pc:sldChg chg="del">
        <pc:chgData name="Daly Donnacha HSLU I" userId="0f22e960-400a-43ff-baeb-4828c8f5cd3a" providerId="ADAL" clId="{78138B16-7BCD-AB47-9B5F-6CC7C46E94E4}" dt="2021-04-07T04:59:17.738" v="29" actId="2696"/>
        <pc:sldMkLst>
          <pc:docMk/>
          <pc:sldMk cId="999236803" sldId="527"/>
        </pc:sldMkLst>
      </pc:sldChg>
      <pc:sldChg chg="del">
        <pc:chgData name="Daly Donnacha HSLU I" userId="0f22e960-400a-43ff-baeb-4828c8f5cd3a" providerId="ADAL" clId="{78138B16-7BCD-AB47-9B5F-6CC7C46E94E4}" dt="2021-04-07T04:59:17.738" v="29" actId="2696"/>
        <pc:sldMkLst>
          <pc:docMk/>
          <pc:sldMk cId="2436607685" sldId="529"/>
        </pc:sldMkLst>
      </pc:sldChg>
      <pc:sldChg chg="del">
        <pc:chgData name="Daly Donnacha HSLU I" userId="0f22e960-400a-43ff-baeb-4828c8f5cd3a" providerId="ADAL" clId="{78138B16-7BCD-AB47-9B5F-6CC7C46E94E4}" dt="2021-04-07T04:59:17.738" v="29" actId="2696"/>
        <pc:sldMkLst>
          <pc:docMk/>
          <pc:sldMk cId="3964597699" sldId="535"/>
        </pc:sldMkLst>
      </pc:sldChg>
      <pc:sldChg chg="del">
        <pc:chgData name="Daly Donnacha HSLU I" userId="0f22e960-400a-43ff-baeb-4828c8f5cd3a" providerId="ADAL" clId="{78138B16-7BCD-AB47-9B5F-6CC7C46E94E4}" dt="2021-04-07T04:59:17.738" v="29" actId="2696"/>
        <pc:sldMkLst>
          <pc:docMk/>
          <pc:sldMk cId="3307430950" sldId="537"/>
        </pc:sldMkLst>
      </pc:sldChg>
      <pc:sldChg chg="del">
        <pc:chgData name="Daly Donnacha HSLU I" userId="0f22e960-400a-43ff-baeb-4828c8f5cd3a" providerId="ADAL" clId="{78138B16-7BCD-AB47-9B5F-6CC7C46E94E4}" dt="2021-04-07T04:59:17.738" v="29" actId="2696"/>
        <pc:sldMkLst>
          <pc:docMk/>
          <pc:sldMk cId="107938347" sldId="539"/>
        </pc:sldMkLst>
      </pc:sldChg>
      <pc:sldChg chg="del">
        <pc:chgData name="Daly Donnacha HSLU I" userId="0f22e960-400a-43ff-baeb-4828c8f5cd3a" providerId="ADAL" clId="{78138B16-7BCD-AB47-9B5F-6CC7C46E94E4}" dt="2021-04-07T04:59:17.738" v="29" actId="2696"/>
        <pc:sldMkLst>
          <pc:docMk/>
          <pc:sldMk cId="379516510" sldId="549"/>
        </pc:sldMkLst>
      </pc:sldChg>
      <pc:sldChg chg="del">
        <pc:chgData name="Daly Donnacha HSLU I" userId="0f22e960-400a-43ff-baeb-4828c8f5cd3a" providerId="ADAL" clId="{78138B16-7BCD-AB47-9B5F-6CC7C46E94E4}" dt="2021-04-07T04:59:17.738" v="29" actId="2696"/>
        <pc:sldMkLst>
          <pc:docMk/>
          <pc:sldMk cId="1053092321" sldId="550"/>
        </pc:sldMkLst>
      </pc:sldChg>
      <pc:sldChg chg="del">
        <pc:chgData name="Daly Donnacha HSLU I" userId="0f22e960-400a-43ff-baeb-4828c8f5cd3a" providerId="ADAL" clId="{78138B16-7BCD-AB47-9B5F-6CC7C46E94E4}" dt="2021-04-07T04:59:17.738" v="29" actId="2696"/>
        <pc:sldMkLst>
          <pc:docMk/>
          <pc:sldMk cId="3102415498" sldId="551"/>
        </pc:sldMkLst>
      </pc:sldChg>
      <pc:sldChg chg="del">
        <pc:chgData name="Daly Donnacha HSLU I" userId="0f22e960-400a-43ff-baeb-4828c8f5cd3a" providerId="ADAL" clId="{78138B16-7BCD-AB47-9B5F-6CC7C46E94E4}" dt="2021-04-07T04:59:17.738" v="29" actId="2696"/>
        <pc:sldMkLst>
          <pc:docMk/>
          <pc:sldMk cId="621026914" sldId="552"/>
        </pc:sldMkLst>
      </pc:sldChg>
      <pc:sldChg chg="del">
        <pc:chgData name="Daly Donnacha HSLU I" userId="0f22e960-400a-43ff-baeb-4828c8f5cd3a" providerId="ADAL" clId="{78138B16-7BCD-AB47-9B5F-6CC7C46E94E4}" dt="2021-04-07T04:59:17.738" v="29" actId="2696"/>
        <pc:sldMkLst>
          <pc:docMk/>
          <pc:sldMk cId="1630966503" sldId="553"/>
        </pc:sldMkLst>
      </pc:sldChg>
      <pc:sldChg chg="del">
        <pc:chgData name="Daly Donnacha HSLU I" userId="0f22e960-400a-43ff-baeb-4828c8f5cd3a" providerId="ADAL" clId="{78138B16-7BCD-AB47-9B5F-6CC7C46E94E4}" dt="2021-04-07T04:59:17.738" v="29" actId="2696"/>
        <pc:sldMkLst>
          <pc:docMk/>
          <pc:sldMk cId="3367364477" sldId="554"/>
        </pc:sldMkLst>
      </pc:sldChg>
      <pc:sldChg chg="del">
        <pc:chgData name="Daly Donnacha HSLU I" userId="0f22e960-400a-43ff-baeb-4828c8f5cd3a" providerId="ADAL" clId="{78138B16-7BCD-AB47-9B5F-6CC7C46E94E4}" dt="2021-04-07T04:59:17.738" v="29" actId="2696"/>
        <pc:sldMkLst>
          <pc:docMk/>
          <pc:sldMk cId="2707508392" sldId="555"/>
        </pc:sldMkLst>
      </pc:sldChg>
      <pc:sldChg chg="del">
        <pc:chgData name="Daly Donnacha HSLU I" userId="0f22e960-400a-43ff-baeb-4828c8f5cd3a" providerId="ADAL" clId="{78138B16-7BCD-AB47-9B5F-6CC7C46E94E4}" dt="2021-04-07T04:59:17.738" v="29" actId="2696"/>
        <pc:sldMkLst>
          <pc:docMk/>
          <pc:sldMk cId="212761557" sldId="556"/>
        </pc:sldMkLst>
      </pc:sldChg>
      <pc:sldChg chg="del">
        <pc:chgData name="Daly Donnacha HSLU I" userId="0f22e960-400a-43ff-baeb-4828c8f5cd3a" providerId="ADAL" clId="{78138B16-7BCD-AB47-9B5F-6CC7C46E94E4}" dt="2021-04-07T04:59:17.738" v="29" actId="2696"/>
        <pc:sldMkLst>
          <pc:docMk/>
          <pc:sldMk cId="2879734295" sldId="558"/>
        </pc:sldMkLst>
      </pc:sldChg>
      <pc:sldChg chg="del">
        <pc:chgData name="Daly Donnacha HSLU I" userId="0f22e960-400a-43ff-baeb-4828c8f5cd3a" providerId="ADAL" clId="{78138B16-7BCD-AB47-9B5F-6CC7C46E94E4}" dt="2021-04-07T04:59:17.738" v="29" actId="2696"/>
        <pc:sldMkLst>
          <pc:docMk/>
          <pc:sldMk cId="127471506" sldId="559"/>
        </pc:sldMkLst>
      </pc:sldChg>
      <pc:sldChg chg="del">
        <pc:chgData name="Daly Donnacha HSLU I" userId="0f22e960-400a-43ff-baeb-4828c8f5cd3a" providerId="ADAL" clId="{78138B16-7BCD-AB47-9B5F-6CC7C46E94E4}" dt="2021-04-07T04:59:17.738" v="29" actId="2696"/>
        <pc:sldMkLst>
          <pc:docMk/>
          <pc:sldMk cId="2893776034" sldId="564"/>
        </pc:sldMkLst>
      </pc:sldChg>
      <pc:sldChg chg="del">
        <pc:chgData name="Daly Donnacha HSLU I" userId="0f22e960-400a-43ff-baeb-4828c8f5cd3a" providerId="ADAL" clId="{78138B16-7BCD-AB47-9B5F-6CC7C46E94E4}" dt="2021-04-07T04:59:17.738" v="29" actId="2696"/>
        <pc:sldMkLst>
          <pc:docMk/>
          <pc:sldMk cId="1638380209" sldId="567"/>
        </pc:sldMkLst>
      </pc:sldChg>
      <pc:sldChg chg="del">
        <pc:chgData name="Daly Donnacha HSLU I" userId="0f22e960-400a-43ff-baeb-4828c8f5cd3a" providerId="ADAL" clId="{78138B16-7BCD-AB47-9B5F-6CC7C46E94E4}" dt="2021-04-07T04:59:17.738" v="29" actId="2696"/>
        <pc:sldMkLst>
          <pc:docMk/>
          <pc:sldMk cId="3790746590" sldId="569"/>
        </pc:sldMkLst>
      </pc:sldChg>
      <pc:sldChg chg="del">
        <pc:chgData name="Daly Donnacha HSLU I" userId="0f22e960-400a-43ff-baeb-4828c8f5cd3a" providerId="ADAL" clId="{78138B16-7BCD-AB47-9B5F-6CC7C46E94E4}" dt="2021-04-07T04:59:17.738" v="29" actId="2696"/>
        <pc:sldMkLst>
          <pc:docMk/>
          <pc:sldMk cId="1915741887" sldId="570"/>
        </pc:sldMkLst>
      </pc:sldChg>
      <pc:sldChg chg="modSp add mod">
        <pc:chgData name="Daly Donnacha HSLU I" userId="0f22e960-400a-43ff-baeb-4828c8f5cd3a" providerId="ADAL" clId="{78138B16-7BCD-AB47-9B5F-6CC7C46E94E4}" dt="2021-04-11T14:49:19.015" v="5853" actId="6549"/>
        <pc:sldMkLst>
          <pc:docMk/>
          <pc:sldMk cId="3512123586" sldId="570"/>
        </pc:sldMkLst>
        <pc:spChg chg="mod">
          <ac:chgData name="Daly Donnacha HSLU I" userId="0f22e960-400a-43ff-baeb-4828c8f5cd3a" providerId="ADAL" clId="{78138B16-7BCD-AB47-9B5F-6CC7C46E94E4}" dt="2021-04-11T14:49:19.015" v="5853" actId="6549"/>
          <ac:spMkLst>
            <pc:docMk/>
            <pc:sldMk cId="3512123586" sldId="570"/>
            <ac:spMk id="2" creationId="{7EE0E134-CA5A-7A46-A53E-8CD202D2A40B}"/>
          </ac:spMkLst>
        </pc:spChg>
        <pc:spChg chg="mod">
          <ac:chgData name="Daly Donnacha HSLU I" userId="0f22e960-400a-43ff-baeb-4828c8f5cd3a" providerId="ADAL" clId="{78138B16-7BCD-AB47-9B5F-6CC7C46E94E4}" dt="2021-04-11T14:48:26.581" v="5852" actId="20577"/>
          <ac:spMkLst>
            <pc:docMk/>
            <pc:sldMk cId="3512123586" sldId="570"/>
            <ac:spMk id="20" creationId="{C6D30272-C64F-5A4B-8524-0B160F7A7326}"/>
          </ac:spMkLst>
        </pc:spChg>
      </pc:sldChg>
      <pc:sldChg chg="del">
        <pc:chgData name="Daly Donnacha HSLU I" userId="0f22e960-400a-43ff-baeb-4828c8f5cd3a" providerId="ADAL" clId="{78138B16-7BCD-AB47-9B5F-6CC7C46E94E4}" dt="2021-04-07T04:59:17.738" v="29" actId="2696"/>
        <pc:sldMkLst>
          <pc:docMk/>
          <pc:sldMk cId="2369461110" sldId="571"/>
        </pc:sldMkLst>
      </pc:sldChg>
      <pc:sldChg chg="del">
        <pc:chgData name="Daly Donnacha HSLU I" userId="0f22e960-400a-43ff-baeb-4828c8f5cd3a" providerId="ADAL" clId="{78138B16-7BCD-AB47-9B5F-6CC7C46E94E4}" dt="2021-04-07T04:59:17.738" v="29" actId="2696"/>
        <pc:sldMkLst>
          <pc:docMk/>
          <pc:sldMk cId="1078361543" sldId="572"/>
        </pc:sldMkLst>
      </pc:sldChg>
      <pc:sldChg chg="del">
        <pc:chgData name="Daly Donnacha HSLU I" userId="0f22e960-400a-43ff-baeb-4828c8f5cd3a" providerId="ADAL" clId="{78138B16-7BCD-AB47-9B5F-6CC7C46E94E4}" dt="2021-04-07T04:59:17.738" v="29" actId="2696"/>
        <pc:sldMkLst>
          <pc:docMk/>
          <pc:sldMk cId="129609437" sldId="573"/>
        </pc:sldMkLst>
      </pc:sldChg>
      <pc:sldChg chg="del">
        <pc:chgData name="Daly Donnacha HSLU I" userId="0f22e960-400a-43ff-baeb-4828c8f5cd3a" providerId="ADAL" clId="{78138B16-7BCD-AB47-9B5F-6CC7C46E94E4}" dt="2021-04-07T04:59:17.738" v="29" actId="2696"/>
        <pc:sldMkLst>
          <pc:docMk/>
          <pc:sldMk cId="1450022582" sldId="574"/>
        </pc:sldMkLst>
      </pc:sldChg>
      <pc:sldChg chg="del">
        <pc:chgData name="Daly Donnacha HSLU I" userId="0f22e960-400a-43ff-baeb-4828c8f5cd3a" providerId="ADAL" clId="{78138B16-7BCD-AB47-9B5F-6CC7C46E94E4}" dt="2021-04-07T04:59:17.738" v="29" actId="2696"/>
        <pc:sldMkLst>
          <pc:docMk/>
          <pc:sldMk cId="974968566" sldId="575"/>
        </pc:sldMkLst>
      </pc:sldChg>
      <pc:sldChg chg="del">
        <pc:chgData name="Daly Donnacha HSLU I" userId="0f22e960-400a-43ff-baeb-4828c8f5cd3a" providerId="ADAL" clId="{78138B16-7BCD-AB47-9B5F-6CC7C46E94E4}" dt="2021-04-07T04:59:17.738" v="29" actId="2696"/>
        <pc:sldMkLst>
          <pc:docMk/>
          <pc:sldMk cId="1586369870" sldId="576"/>
        </pc:sldMkLst>
      </pc:sldChg>
      <pc:sldChg chg="del">
        <pc:chgData name="Daly Donnacha HSLU I" userId="0f22e960-400a-43ff-baeb-4828c8f5cd3a" providerId="ADAL" clId="{78138B16-7BCD-AB47-9B5F-6CC7C46E94E4}" dt="2021-04-07T04:59:17.738" v="29" actId="2696"/>
        <pc:sldMkLst>
          <pc:docMk/>
          <pc:sldMk cId="856741741" sldId="577"/>
        </pc:sldMkLst>
      </pc:sldChg>
      <pc:sldChg chg="del">
        <pc:chgData name="Daly Donnacha HSLU I" userId="0f22e960-400a-43ff-baeb-4828c8f5cd3a" providerId="ADAL" clId="{78138B16-7BCD-AB47-9B5F-6CC7C46E94E4}" dt="2021-04-07T04:59:17.738" v="29" actId="2696"/>
        <pc:sldMkLst>
          <pc:docMk/>
          <pc:sldMk cId="1760059636" sldId="578"/>
        </pc:sldMkLst>
      </pc:sldChg>
      <pc:sldChg chg="del">
        <pc:chgData name="Daly Donnacha HSLU I" userId="0f22e960-400a-43ff-baeb-4828c8f5cd3a" providerId="ADAL" clId="{78138B16-7BCD-AB47-9B5F-6CC7C46E94E4}" dt="2021-04-07T04:59:17.738" v="29" actId="2696"/>
        <pc:sldMkLst>
          <pc:docMk/>
          <pc:sldMk cId="2134586419" sldId="579"/>
        </pc:sldMkLst>
      </pc:sldChg>
      <pc:sldChg chg="del">
        <pc:chgData name="Daly Donnacha HSLU I" userId="0f22e960-400a-43ff-baeb-4828c8f5cd3a" providerId="ADAL" clId="{78138B16-7BCD-AB47-9B5F-6CC7C46E94E4}" dt="2021-04-07T04:59:17.738" v="29" actId="2696"/>
        <pc:sldMkLst>
          <pc:docMk/>
          <pc:sldMk cId="1781077957" sldId="580"/>
        </pc:sldMkLst>
      </pc:sldChg>
      <pc:sldChg chg="del">
        <pc:chgData name="Daly Donnacha HSLU I" userId="0f22e960-400a-43ff-baeb-4828c8f5cd3a" providerId="ADAL" clId="{78138B16-7BCD-AB47-9B5F-6CC7C46E94E4}" dt="2021-04-07T04:59:17.738" v="29" actId="2696"/>
        <pc:sldMkLst>
          <pc:docMk/>
          <pc:sldMk cId="2695168643" sldId="581"/>
        </pc:sldMkLst>
      </pc:sldChg>
      <pc:sldChg chg="del">
        <pc:chgData name="Daly Donnacha HSLU I" userId="0f22e960-400a-43ff-baeb-4828c8f5cd3a" providerId="ADAL" clId="{78138B16-7BCD-AB47-9B5F-6CC7C46E94E4}" dt="2021-04-07T04:59:17.738" v="29" actId="2696"/>
        <pc:sldMkLst>
          <pc:docMk/>
          <pc:sldMk cId="3453462096" sldId="582"/>
        </pc:sldMkLst>
      </pc:sldChg>
      <pc:sldChg chg="del">
        <pc:chgData name="Daly Donnacha HSLU I" userId="0f22e960-400a-43ff-baeb-4828c8f5cd3a" providerId="ADAL" clId="{78138B16-7BCD-AB47-9B5F-6CC7C46E94E4}" dt="2021-04-07T04:59:17.738" v="29" actId="2696"/>
        <pc:sldMkLst>
          <pc:docMk/>
          <pc:sldMk cId="338359152" sldId="583"/>
        </pc:sldMkLst>
      </pc:sldChg>
      <pc:sldChg chg="del">
        <pc:chgData name="Daly Donnacha HSLU I" userId="0f22e960-400a-43ff-baeb-4828c8f5cd3a" providerId="ADAL" clId="{78138B16-7BCD-AB47-9B5F-6CC7C46E94E4}" dt="2021-04-07T04:59:17.738" v="29" actId="2696"/>
        <pc:sldMkLst>
          <pc:docMk/>
          <pc:sldMk cId="1464581841" sldId="584"/>
        </pc:sldMkLst>
      </pc:sldChg>
      <pc:sldChg chg="del">
        <pc:chgData name="Daly Donnacha HSLU I" userId="0f22e960-400a-43ff-baeb-4828c8f5cd3a" providerId="ADAL" clId="{78138B16-7BCD-AB47-9B5F-6CC7C46E94E4}" dt="2021-04-07T04:59:17.738" v="29" actId="2696"/>
        <pc:sldMkLst>
          <pc:docMk/>
          <pc:sldMk cId="587538451" sldId="585"/>
        </pc:sldMkLst>
      </pc:sldChg>
      <pc:sldChg chg="addSp delSp modSp mod">
        <pc:chgData name="Daly Donnacha HSLU I" userId="0f22e960-400a-43ff-baeb-4828c8f5cd3a" providerId="ADAL" clId="{78138B16-7BCD-AB47-9B5F-6CC7C46E94E4}" dt="2021-04-11T16:22:56.034" v="8406" actId="1076"/>
        <pc:sldMkLst>
          <pc:docMk/>
          <pc:sldMk cId="1038866537" sldId="586"/>
        </pc:sldMkLst>
        <pc:spChg chg="add mod">
          <ac:chgData name="Daly Donnacha HSLU I" userId="0f22e960-400a-43ff-baeb-4828c8f5cd3a" providerId="ADAL" clId="{78138B16-7BCD-AB47-9B5F-6CC7C46E94E4}" dt="2021-04-11T16:22:56.034" v="8406" actId="1076"/>
          <ac:spMkLst>
            <pc:docMk/>
            <pc:sldMk cId="1038866537" sldId="586"/>
            <ac:spMk id="3" creationId="{39DA8777-B16F-6A40-B15D-95E6597E4F2D}"/>
          </ac:spMkLst>
        </pc:spChg>
        <pc:spChg chg="del">
          <ac:chgData name="Daly Donnacha HSLU I" userId="0f22e960-400a-43ff-baeb-4828c8f5cd3a" providerId="ADAL" clId="{78138B16-7BCD-AB47-9B5F-6CC7C46E94E4}" dt="2021-04-07T05:00:02.469" v="38" actId="478"/>
          <ac:spMkLst>
            <pc:docMk/>
            <pc:sldMk cId="1038866537" sldId="586"/>
            <ac:spMk id="11" creationId="{E5FE98A9-98E0-0545-9129-E43BF13ADA46}"/>
          </ac:spMkLst>
        </pc:spChg>
        <pc:spChg chg="del">
          <ac:chgData name="Daly Donnacha HSLU I" userId="0f22e960-400a-43ff-baeb-4828c8f5cd3a" providerId="ADAL" clId="{78138B16-7BCD-AB47-9B5F-6CC7C46E94E4}" dt="2021-04-07T05:00:02.469" v="38" actId="478"/>
          <ac:spMkLst>
            <pc:docMk/>
            <pc:sldMk cId="1038866537" sldId="586"/>
            <ac:spMk id="14" creationId="{5A2EEE00-7C2F-474C-989C-81524BDF49A1}"/>
          </ac:spMkLst>
        </pc:spChg>
        <pc:spChg chg="del">
          <ac:chgData name="Daly Donnacha HSLU I" userId="0f22e960-400a-43ff-baeb-4828c8f5cd3a" providerId="ADAL" clId="{78138B16-7BCD-AB47-9B5F-6CC7C46E94E4}" dt="2021-04-07T05:00:02.469" v="38" actId="478"/>
          <ac:spMkLst>
            <pc:docMk/>
            <pc:sldMk cId="1038866537" sldId="586"/>
            <ac:spMk id="15" creationId="{7552B7D6-B5C4-DA48-A8A3-5D8784215A99}"/>
          </ac:spMkLst>
        </pc:spChg>
        <pc:spChg chg="del">
          <ac:chgData name="Daly Donnacha HSLU I" userId="0f22e960-400a-43ff-baeb-4828c8f5cd3a" providerId="ADAL" clId="{78138B16-7BCD-AB47-9B5F-6CC7C46E94E4}" dt="2021-04-07T05:00:02.469" v="38" actId="478"/>
          <ac:spMkLst>
            <pc:docMk/>
            <pc:sldMk cId="1038866537" sldId="586"/>
            <ac:spMk id="16" creationId="{B5305A48-59B0-5148-B253-627614FA5E6C}"/>
          </ac:spMkLst>
        </pc:spChg>
        <pc:spChg chg="del">
          <ac:chgData name="Daly Donnacha HSLU I" userId="0f22e960-400a-43ff-baeb-4828c8f5cd3a" providerId="ADAL" clId="{78138B16-7BCD-AB47-9B5F-6CC7C46E94E4}" dt="2021-04-07T05:00:02.469" v="38" actId="478"/>
          <ac:spMkLst>
            <pc:docMk/>
            <pc:sldMk cId="1038866537" sldId="586"/>
            <ac:spMk id="17" creationId="{4673F198-348C-9646-9A34-EC62A970804E}"/>
          </ac:spMkLst>
        </pc:spChg>
        <pc:spChg chg="del">
          <ac:chgData name="Daly Donnacha HSLU I" userId="0f22e960-400a-43ff-baeb-4828c8f5cd3a" providerId="ADAL" clId="{78138B16-7BCD-AB47-9B5F-6CC7C46E94E4}" dt="2021-04-07T05:00:02.469" v="38" actId="478"/>
          <ac:spMkLst>
            <pc:docMk/>
            <pc:sldMk cId="1038866537" sldId="586"/>
            <ac:spMk id="18" creationId="{A176554E-471D-A346-BCF9-516DA84A9334}"/>
          </ac:spMkLst>
        </pc:spChg>
        <pc:spChg chg="del">
          <ac:chgData name="Daly Donnacha HSLU I" userId="0f22e960-400a-43ff-baeb-4828c8f5cd3a" providerId="ADAL" clId="{78138B16-7BCD-AB47-9B5F-6CC7C46E94E4}" dt="2021-04-07T05:00:02.469" v="38" actId="478"/>
          <ac:spMkLst>
            <pc:docMk/>
            <pc:sldMk cId="1038866537" sldId="586"/>
            <ac:spMk id="19" creationId="{56F6DC0C-3F46-AF42-873B-42794C8C6D29}"/>
          </ac:spMkLst>
        </pc:spChg>
        <pc:spChg chg="del">
          <ac:chgData name="Daly Donnacha HSLU I" userId="0f22e960-400a-43ff-baeb-4828c8f5cd3a" providerId="ADAL" clId="{78138B16-7BCD-AB47-9B5F-6CC7C46E94E4}" dt="2021-04-07T05:00:02.469" v="38" actId="478"/>
          <ac:spMkLst>
            <pc:docMk/>
            <pc:sldMk cId="1038866537" sldId="586"/>
            <ac:spMk id="20" creationId="{5AF5F7A6-AF46-7949-9402-405EC7F13DE3}"/>
          </ac:spMkLst>
        </pc:spChg>
        <pc:spChg chg="del">
          <ac:chgData name="Daly Donnacha HSLU I" userId="0f22e960-400a-43ff-baeb-4828c8f5cd3a" providerId="ADAL" clId="{78138B16-7BCD-AB47-9B5F-6CC7C46E94E4}" dt="2021-04-07T05:00:02.469" v="38" actId="478"/>
          <ac:spMkLst>
            <pc:docMk/>
            <pc:sldMk cId="1038866537" sldId="586"/>
            <ac:spMk id="21" creationId="{140662C9-0190-BF4C-8345-0C0EC191B940}"/>
          </ac:spMkLst>
        </pc:spChg>
        <pc:spChg chg="del">
          <ac:chgData name="Daly Donnacha HSLU I" userId="0f22e960-400a-43ff-baeb-4828c8f5cd3a" providerId="ADAL" clId="{78138B16-7BCD-AB47-9B5F-6CC7C46E94E4}" dt="2021-04-07T05:00:02.469" v="38" actId="478"/>
          <ac:spMkLst>
            <pc:docMk/>
            <pc:sldMk cId="1038866537" sldId="586"/>
            <ac:spMk id="22" creationId="{1F07D3E8-539C-E141-A5AF-A0C2267329FB}"/>
          </ac:spMkLst>
        </pc:spChg>
        <pc:spChg chg="del">
          <ac:chgData name="Daly Donnacha HSLU I" userId="0f22e960-400a-43ff-baeb-4828c8f5cd3a" providerId="ADAL" clId="{78138B16-7BCD-AB47-9B5F-6CC7C46E94E4}" dt="2021-04-07T05:00:02.469" v="38" actId="478"/>
          <ac:spMkLst>
            <pc:docMk/>
            <pc:sldMk cId="1038866537" sldId="586"/>
            <ac:spMk id="23" creationId="{CA4A0AD5-BA93-1B40-9C9E-30B040C94C5D}"/>
          </ac:spMkLst>
        </pc:spChg>
        <pc:spChg chg="del">
          <ac:chgData name="Daly Donnacha HSLU I" userId="0f22e960-400a-43ff-baeb-4828c8f5cd3a" providerId="ADAL" clId="{78138B16-7BCD-AB47-9B5F-6CC7C46E94E4}" dt="2021-04-07T05:00:02.469" v="38" actId="478"/>
          <ac:spMkLst>
            <pc:docMk/>
            <pc:sldMk cId="1038866537" sldId="586"/>
            <ac:spMk id="24" creationId="{90A176DD-7E9C-2849-B63E-0C84855CE785}"/>
          </ac:spMkLst>
        </pc:spChg>
        <pc:spChg chg="del">
          <ac:chgData name="Daly Donnacha HSLU I" userId="0f22e960-400a-43ff-baeb-4828c8f5cd3a" providerId="ADAL" clId="{78138B16-7BCD-AB47-9B5F-6CC7C46E94E4}" dt="2021-04-07T05:00:02.469" v="38" actId="478"/>
          <ac:spMkLst>
            <pc:docMk/>
            <pc:sldMk cId="1038866537" sldId="586"/>
            <ac:spMk id="25" creationId="{86D25E3B-DA68-7844-8714-79D7A5D14903}"/>
          </ac:spMkLst>
        </pc:spChg>
        <pc:spChg chg="del">
          <ac:chgData name="Daly Donnacha HSLU I" userId="0f22e960-400a-43ff-baeb-4828c8f5cd3a" providerId="ADAL" clId="{78138B16-7BCD-AB47-9B5F-6CC7C46E94E4}" dt="2021-04-07T05:00:02.469" v="38" actId="478"/>
          <ac:spMkLst>
            <pc:docMk/>
            <pc:sldMk cId="1038866537" sldId="586"/>
            <ac:spMk id="26" creationId="{38EE14E0-C75C-EB4E-8505-6D95C16DEEFD}"/>
          </ac:spMkLst>
        </pc:spChg>
        <pc:spChg chg="del">
          <ac:chgData name="Daly Donnacha HSLU I" userId="0f22e960-400a-43ff-baeb-4828c8f5cd3a" providerId="ADAL" clId="{78138B16-7BCD-AB47-9B5F-6CC7C46E94E4}" dt="2021-04-07T05:00:02.469" v="38" actId="478"/>
          <ac:spMkLst>
            <pc:docMk/>
            <pc:sldMk cId="1038866537" sldId="586"/>
            <ac:spMk id="27" creationId="{B7AC46A2-6611-234B-AD26-AEDED7CF5AAE}"/>
          </ac:spMkLst>
        </pc:spChg>
        <pc:spChg chg="del">
          <ac:chgData name="Daly Donnacha HSLU I" userId="0f22e960-400a-43ff-baeb-4828c8f5cd3a" providerId="ADAL" clId="{78138B16-7BCD-AB47-9B5F-6CC7C46E94E4}" dt="2021-04-07T05:00:02.469" v="38" actId="478"/>
          <ac:spMkLst>
            <pc:docMk/>
            <pc:sldMk cId="1038866537" sldId="586"/>
            <ac:spMk id="28" creationId="{F24591FD-45E6-A745-9B60-FD3F847F844F}"/>
          </ac:spMkLst>
        </pc:spChg>
        <pc:spChg chg="del">
          <ac:chgData name="Daly Donnacha HSLU I" userId="0f22e960-400a-43ff-baeb-4828c8f5cd3a" providerId="ADAL" clId="{78138B16-7BCD-AB47-9B5F-6CC7C46E94E4}" dt="2021-04-07T05:00:02.469" v="38" actId="478"/>
          <ac:spMkLst>
            <pc:docMk/>
            <pc:sldMk cId="1038866537" sldId="586"/>
            <ac:spMk id="29" creationId="{09A5976A-C5BF-E84D-BE4D-1D9F53FBAB23}"/>
          </ac:spMkLst>
        </pc:spChg>
        <pc:spChg chg="del">
          <ac:chgData name="Daly Donnacha HSLU I" userId="0f22e960-400a-43ff-baeb-4828c8f5cd3a" providerId="ADAL" clId="{78138B16-7BCD-AB47-9B5F-6CC7C46E94E4}" dt="2021-04-07T05:00:02.469" v="38" actId="478"/>
          <ac:spMkLst>
            <pc:docMk/>
            <pc:sldMk cId="1038866537" sldId="586"/>
            <ac:spMk id="30" creationId="{6C146C87-FD95-3942-87A3-9AED6CDCEE1D}"/>
          </ac:spMkLst>
        </pc:spChg>
        <pc:spChg chg="del">
          <ac:chgData name="Daly Donnacha HSLU I" userId="0f22e960-400a-43ff-baeb-4828c8f5cd3a" providerId="ADAL" clId="{78138B16-7BCD-AB47-9B5F-6CC7C46E94E4}" dt="2021-04-07T05:00:02.469" v="38" actId="478"/>
          <ac:spMkLst>
            <pc:docMk/>
            <pc:sldMk cId="1038866537" sldId="586"/>
            <ac:spMk id="31" creationId="{48E330C5-DCFD-3C46-A996-94AF2F7F128D}"/>
          </ac:spMkLst>
        </pc:spChg>
        <pc:spChg chg="del">
          <ac:chgData name="Daly Donnacha HSLU I" userId="0f22e960-400a-43ff-baeb-4828c8f5cd3a" providerId="ADAL" clId="{78138B16-7BCD-AB47-9B5F-6CC7C46E94E4}" dt="2021-04-07T05:00:02.469" v="38" actId="478"/>
          <ac:spMkLst>
            <pc:docMk/>
            <pc:sldMk cId="1038866537" sldId="586"/>
            <ac:spMk id="32" creationId="{16FB4343-7909-5F4D-91E6-18AED9D81F14}"/>
          </ac:spMkLst>
        </pc:spChg>
        <pc:spChg chg="del">
          <ac:chgData name="Daly Donnacha HSLU I" userId="0f22e960-400a-43ff-baeb-4828c8f5cd3a" providerId="ADAL" clId="{78138B16-7BCD-AB47-9B5F-6CC7C46E94E4}" dt="2021-04-07T05:00:02.469" v="38" actId="478"/>
          <ac:spMkLst>
            <pc:docMk/>
            <pc:sldMk cId="1038866537" sldId="586"/>
            <ac:spMk id="33" creationId="{419F5960-E537-7848-A996-C00112B2A18F}"/>
          </ac:spMkLst>
        </pc:spChg>
        <pc:spChg chg="del">
          <ac:chgData name="Daly Donnacha HSLU I" userId="0f22e960-400a-43ff-baeb-4828c8f5cd3a" providerId="ADAL" clId="{78138B16-7BCD-AB47-9B5F-6CC7C46E94E4}" dt="2021-04-07T05:00:02.469" v="38" actId="478"/>
          <ac:spMkLst>
            <pc:docMk/>
            <pc:sldMk cId="1038866537" sldId="586"/>
            <ac:spMk id="34" creationId="{97868B9E-BDE8-7F44-9F96-386E436F3B79}"/>
          </ac:spMkLst>
        </pc:spChg>
        <pc:spChg chg="del">
          <ac:chgData name="Daly Donnacha HSLU I" userId="0f22e960-400a-43ff-baeb-4828c8f5cd3a" providerId="ADAL" clId="{78138B16-7BCD-AB47-9B5F-6CC7C46E94E4}" dt="2021-04-07T05:00:02.469" v="38" actId="478"/>
          <ac:spMkLst>
            <pc:docMk/>
            <pc:sldMk cId="1038866537" sldId="586"/>
            <ac:spMk id="35" creationId="{D6D4D2D1-BE44-2D4B-A3B5-7D4876D1F161}"/>
          </ac:spMkLst>
        </pc:spChg>
        <pc:spChg chg="del">
          <ac:chgData name="Daly Donnacha HSLU I" userId="0f22e960-400a-43ff-baeb-4828c8f5cd3a" providerId="ADAL" clId="{78138B16-7BCD-AB47-9B5F-6CC7C46E94E4}" dt="2021-04-07T05:00:02.469" v="38" actId="478"/>
          <ac:spMkLst>
            <pc:docMk/>
            <pc:sldMk cId="1038866537" sldId="586"/>
            <ac:spMk id="36" creationId="{5BE95780-240E-DD40-A5F5-B8B7150727B7}"/>
          </ac:spMkLst>
        </pc:spChg>
        <pc:spChg chg="del">
          <ac:chgData name="Daly Donnacha HSLU I" userId="0f22e960-400a-43ff-baeb-4828c8f5cd3a" providerId="ADAL" clId="{78138B16-7BCD-AB47-9B5F-6CC7C46E94E4}" dt="2021-04-07T05:00:02.469" v="38" actId="478"/>
          <ac:spMkLst>
            <pc:docMk/>
            <pc:sldMk cId="1038866537" sldId="586"/>
            <ac:spMk id="37" creationId="{A6482DB2-0B89-9E48-92C2-E8987D71D396}"/>
          </ac:spMkLst>
        </pc:spChg>
        <pc:spChg chg="del">
          <ac:chgData name="Daly Donnacha HSLU I" userId="0f22e960-400a-43ff-baeb-4828c8f5cd3a" providerId="ADAL" clId="{78138B16-7BCD-AB47-9B5F-6CC7C46E94E4}" dt="2021-04-07T05:00:02.469" v="38" actId="478"/>
          <ac:spMkLst>
            <pc:docMk/>
            <pc:sldMk cId="1038866537" sldId="586"/>
            <ac:spMk id="38" creationId="{71E2F5B5-0570-4944-8C59-BAA2083161CE}"/>
          </ac:spMkLst>
        </pc:spChg>
        <pc:spChg chg="del">
          <ac:chgData name="Daly Donnacha HSLU I" userId="0f22e960-400a-43ff-baeb-4828c8f5cd3a" providerId="ADAL" clId="{78138B16-7BCD-AB47-9B5F-6CC7C46E94E4}" dt="2021-04-07T05:00:02.469" v="38" actId="478"/>
          <ac:spMkLst>
            <pc:docMk/>
            <pc:sldMk cId="1038866537" sldId="586"/>
            <ac:spMk id="39" creationId="{E0D7AE27-7E5F-ED49-B3B4-D4DBA7902E76}"/>
          </ac:spMkLst>
        </pc:spChg>
        <pc:spChg chg="del">
          <ac:chgData name="Daly Donnacha HSLU I" userId="0f22e960-400a-43ff-baeb-4828c8f5cd3a" providerId="ADAL" clId="{78138B16-7BCD-AB47-9B5F-6CC7C46E94E4}" dt="2021-04-07T05:00:02.469" v="38" actId="478"/>
          <ac:spMkLst>
            <pc:docMk/>
            <pc:sldMk cId="1038866537" sldId="586"/>
            <ac:spMk id="40" creationId="{8DC5D9AD-47E5-D449-B152-5729E632784F}"/>
          </ac:spMkLst>
        </pc:spChg>
        <pc:spChg chg="del">
          <ac:chgData name="Daly Donnacha HSLU I" userId="0f22e960-400a-43ff-baeb-4828c8f5cd3a" providerId="ADAL" clId="{78138B16-7BCD-AB47-9B5F-6CC7C46E94E4}" dt="2021-04-07T05:00:02.469" v="38" actId="478"/>
          <ac:spMkLst>
            <pc:docMk/>
            <pc:sldMk cId="1038866537" sldId="586"/>
            <ac:spMk id="41" creationId="{C8A440FD-A918-ED47-B491-C657B28E9E4C}"/>
          </ac:spMkLst>
        </pc:spChg>
        <pc:spChg chg="del">
          <ac:chgData name="Daly Donnacha HSLU I" userId="0f22e960-400a-43ff-baeb-4828c8f5cd3a" providerId="ADAL" clId="{78138B16-7BCD-AB47-9B5F-6CC7C46E94E4}" dt="2021-04-07T05:00:02.469" v="38" actId="478"/>
          <ac:spMkLst>
            <pc:docMk/>
            <pc:sldMk cId="1038866537" sldId="586"/>
            <ac:spMk id="42" creationId="{6D7A2E86-694C-9E46-A691-952B1B41820A}"/>
          </ac:spMkLst>
        </pc:spChg>
        <pc:spChg chg="del">
          <ac:chgData name="Daly Donnacha HSLU I" userId="0f22e960-400a-43ff-baeb-4828c8f5cd3a" providerId="ADAL" clId="{78138B16-7BCD-AB47-9B5F-6CC7C46E94E4}" dt="2021-04-07T05:00:02.469" v="38" actId="478"/>
          <ac:spMkLst>
            <pc:docMk/>
            <pc:sldMk cId="1038866537" sldId="586"/>
            <ac:spMk id="43" creationId="{250892F7-B24F-AF4F-812E-B4BF464BEE74}"/>
          </ac:spMkLst>
        </pc:spChg>
        <pc:spChg chg="del">
          <ac:chgData name="Daly Donnacha HSLU I" userId="0f22e960-400a-43ff-baeb-4828c8f5cd3a" providerId="ADAL" clId="{78138B16-7BCD-AB47-9B5F-6CC7C46E94E4}" dt="2021-04-07T05:00:02.469" v="38" actId="478"/>
          <ac:spMkLst>
            <pc:docMk/>
            <pc:sldMk cId="1038866537" sldId="586"/>
            <ac:spMk id="44" creationId="{5F44FA79-660B-514F-B7EE-307899A4457F}"/>
          </ac:spMkLst>
        </pc:spChg>
        <pc:spChg chg="del">
          <ac:chgData name="Daly Donnacha HSLU I" userId="0f22e960-400a-43ff-baeb-4828c8f5cd3a" providerId="ADAL" clId="{78138B16-7BCD-AB47-9B5F-6CC7C46E94E4}" dt="2021-04-07T05:00:02.469" v="38" actId="478"/>
          <ac:spMkLst>
            <pc:docMk/>
            <pc:sldMk cId="1038866537" sldId="586"/>
            <ac:spMk id="45" creationId="{2C3D6598-3F34-AE40-A721-0AE9FC54B985}"/>
          </ac:spMkLst>
        </pc:spChg>
        <pc:spChg chg="del">
          <ac:chgData name="Daly Donnacha HSLU I" userId="0f22e960-400a-43ff-baeb-4828c8f5cd3a" providerId="ADAL" clId="{78138B16-7BCD-AB47-9B5F-6CC7C46E94E4}" dt="2021-04-07T05:00:02.469" v="38" actId="478"/>
          <ac:spMkLst>
            <pc:docMk/>
            <pc:sldMk cId="1038866537" sldId="586"/>
            <ac:spMk id="46" creationId="{C3037151-E075-CC40-8623-A88E9C8E367A}"/>
          </ac:spMkLst>
        </pc:spChg>
        <pc:spChg chg="del">
          <ac:chgData name="Daly Donnacha HSLU I" userId="0f22e960-400a-43ff-baeb-4828c8f5cd3a" providerId="ADAL" clId="{78138B16-7BCD-AB47-9B5F-6CC7C46E94E4}" dt="2021-04-07T05:00:02.469" v="38" actId="478"/>
          <ac:spMkLst>
            <pc:docMk/>
            <pc:sldMk cId="1038866537" sldId="586"/>
            <ac:spMk id="47" creationId="{DE5CAAE3-74C3-C14D-9EF2-3E817B8D5432}"/>
          </ac:spMkLst>
        </pc:spChg>
        <pc:spChg chg="del">
          <ac:chgData name="Daly Donnacha HSLU I" userId="0f22e960-400a-43ff-baeb-4828c8f5cd3a" providerId="ADAL" clId="{78138B16-7BCD-AB47-9B5F-6CC7C46E94E4}" dt="2021-04-07T05:00:02.469" v="38" actId="478"/>
          <ac:spMkLst>
            <pc:docMk/>
            <pc:sldMk cId="1038866537" sldId="586"/>
            <ac:spMk id="48" creationId="{04A3123E-2D2A-AE42-BB9D-811AAEFB2D43}"/>
          </ac:spMkLst>
        </pc:spChg>
        <pc:spChg chg="del">
          <ac:chgData name="Daly Donnacha HSLU I" userId="0f22e960-400a-43ff-baeb-4828c8f5cd3a" providerId="ADAL" clId="{78138B16-7BCD-AB47-9B5F-6CC7C46E94E4}" dt="2021-04-07T05:00:02.469" v="38" actId="478"/>
          <ac:spMkLst>
            <pc:docMk/>
            <pc:sldMk cId="1038866537" sldId="586"/>
            <ac:spMk id="49" creationId="{3FDBFE55-69D9-3246-ACF9-0F23D94399CE}"/>
          </ac:spMkLst>
        </pc:spChg>
        <pc:spChg chg="del">
          <ac:chgData name="Daly Donnacha HSLU I" userId="0f22e960-400a-43ff-baeb-4828c8f5cd3a" providerId="ADAL" clId="{78138B16-7BCD-AB47-9B5F-6CC7C46E94E4}" dt="2021-04-07T05:00:02.469" v="38" actId="478"/>
          <ac:spMkLst>
            <pc:docMk/>
            <pc:sldMk cId="1038866537" sldId="586"/>
            <ac:spMk id="50" creationId="{F0EB2CD5-E978-7943-95B5-4E1EE386EDCC}"/>
          </ac:spMkLst>
        </pc:spChg>
        <pc:spChg chg="del">
          <ac:chgData name="Daly Donnacha HSLU I" userId="0f22e960-400a-43ff-baeb-4828c8f5cd3a" providerId="ADAL" clId="{78138B16-7BCD-AB47-9B5F-6CC7C46E94E4}" dt="2021-04-07T05:00:02.469" v="38" actId="478"/>
          <ac:spMkLst>
            <pc:docMk/>
            <pc:sldMk cId="1038866537" sldId="586"/>
            <ac:spMk id="51" creationId="{D9E2FB5B-AA8F-8C4F-AE21-37956B0C34B4}"/>
          </ac:spMkLst>
        </pc:spChg>
        <pc:spChg chg="del">
          <ac:chgData name="Daly Donnacha HSLU I" userId="0f22e960-400a-43ff-baeb-4828c8f5cd3a" providerId="ADAL" clId="{78138B16-7BCD-AB47-9B5F-6CC7C46E94E4}" dt="2021-04-07T05:00:02.469" v="38" actId="478"/>
          <ac:spMkLst>
            <pc:docMk/>
            <pc:sldMk cId="1038866537" sldId="586"/>
            <ac:spMk id="52" creationId="{6F579BA1-7339-DD4B-9B25-AB0AC7BEFC4C}"/>
          </ac:spMkLst>
        </pc:spChg>
        <pc:spChg chg="del">
          <ac:chgData name="Daly Donnacha HSLU I" userId="0f22e960-400a-43ff-baeb-4828c8f5cd3a" providerId="ADAL" clId="{78138B16-7BCD-AB47-9B5F-6CC7C46E94E4}" dt="2021-04-07T05:00:02.469" v="38" actId="478"/>
          <ac:spMkLst>
            <pc:docMk/>
            <pc:sldMk cId="1038866537" sldId="586"/>
            <ac:spMk id="53" creationId="{67332420-B16E-824C-AAFD-8A28438530DD}"/>
          </ac:spMkLst>
        </pc:spChg>
        <pc:spChg chg="del">
          <ac:chgData name="Daly Donnacha HSLU I" userId="0f22e960-400a-43ff-baeb-4828c8f5cd3a" providerId="ADAL" clId="{78138B16-7BCD-AB47-9B5F-6CC7C46E94E4}" dt="2021-04-07T05:00:02.469" v="38" actId="478"/>
          <ac:spMkLst>
            <pc:docMk/>
            <pc:sldMk cId="1038866537" sldId="586"/>
            <ac:spMk id="54" creationId="{8EDCEE58-6659-5740-8EA8-F2C87720E402}"/>
          </ac:spMkLst>
        </pc:spChg>
        <pc:spChg chg="del">
          <ac:chgData name="Daly Donnacha HSLU I" userId="0f22e960-400a-43ff-baeb-4828c8f5cd3a" providerId="ADAL" clId="{78138B16-7BCD-AB47-9B5F-6CC7C46E94E4}" dt="2021-04-07T05:00:02.469" v="38" actId="478"/>
          <ac:spMkLst>
            <pc:docMk/>
            <pc:sldMk cId="1038866537" sldId="586"/>
            <ac:spMk id="55" creationId="{14955FBB-86E2-DD4E-9194-0E059D6A4693}"/>
          </ac:spMkLst>
        </pc:spChg>
        <pc:spChg chg="del">
          <ac:chgData name="Daly Donnacha HSLU I" userId="0f22e960-400a-43ff-baeb-4828c8f5cd3a" providerId="ADAL" clId="{78138B16-7BCD-AB47-9B5F-6CC7C46E94E4}" dt="2021-04-07T05:00:02.469" v="38" actId="478"/>
          <ac:spMkLst>
            <pc:docMk/>
            <pc:sldMk cId="1038866537" sldId="586"/>
            <ac:spMk id="56" creationId="{354CCF5A-4341-B44E-B173-4CE622F788E4}"/>
          </ac:spMkLst>
        </pc:spChg>
        <pc:spChg chg="del">
          <ac:chgData name="Daly Donnacha HSLU I" userId="0f22e960-400a-43ff-baeb-4828c8f5cd3a" providerId="ADAL" clId="{78138B16-7BCD-AB47-9B5F-6CC7C46E94E4}" dt="2021-04-07T05:00:02.469" v="38" actId="478"/>
          <ac:spMkLst>
            <pc:docMk/>
            <pc:sldMk cId="1038866537" sldId="586"/>
            <ac:spMk id="57" creationId="{A7CC9E8C-C067-174D-990F-F3A95D772665}"/>
          </ac:spMkLst>
        </pc:spChg>
        <pc:spChg chg="del">
          <ac:chgData name="Daly Donnacha HSLU I" userId="0f22e960-400a-43ff-baeb-4828c8f5cd3a" providerId="ADAL" clId="{78138B16-7BCD-AB47-9B5F-6CC7C46E94E4}" dt="2021-04-07T05:00:02.469" v="38" actId="478"/>
          <ac:spMkLst>
            <pc:docMk/>
            <pc:sldMk cId="1038866537" sldId="586"/>
            <ac:spMk id="58" creationId="{A739FD84-946E-5046-911B-CB56F1A6AB38}"/>
          </ac:spMkLst>
        </pc:spChg>
        <pc:spChg chg="del">
          <ac:chgData name="Daly Donnacha HSLU I" userId="0f22e960-400a-43ff-baeb-4828c8f5cd3a" providerId="ADAL" clId="{78138B16-7BCD-AB47-9B5F-6CC7C46E94E4}" dt="2021-04-07T05:00:02.469" v="38" actId="478"/>
          <ac:spMkLst>
            <pc:docMk/>
            <pc:sldMk cId="1038866537" sldId="586"/>
            <ac:spMk id="59" creationId="{EBE41ED2-70B9-174F-931D-6B1C2AAE4EC3}"/>
          </ac:spMkLst>
        </pc:spChg>
        <pc:spChg chg="del">
          <ac:chgData name="Daly Donnacha HSLU I" userId="0f22e960-400a-43ff-baeb-4828c8f5cd3a" providerId="ADAL" clId="{78138B16-7BCD-AB47-9B5F-6CC7C46E94E4}" dt="2021-04-07T05:00:02.469" v="38" actId="478"/>
          <ac:spMkLst>
            <pc:docMk/>
            <pc:sldMk cId="1038866537" sldId="586"/>
            <ac:spMk id="60" creationId="{FFEA7A9A-7416-8C4C-AD2B-AF0A010A6A0D}"/>
          </ac:spMkLst>
        </pc:spChg>
        <pc:spChg chg="del">
          <ac:chgData name="Daly Donnacha HSLU I" userId="0f22e960-400a-43ff-baeb-4828c8f5cd3a" providerId="ADAL" clId="{78138B16-7BCD-AB47-9B5F-6CC7C46E94E4}" dt="2021-04-07T05:00:02.469" v="38" actId="478"/>
          <ac:spMkLst>
            <pc:docMk/>
            <pc:sldMk cId="1038866537" sldId="586"/>
            <ac:spMk id="61" creationId="{9BA8C0C2-6AD7-0E46-AFF0-96253FD51CC5}"/>
          </ac:spMkLst>
        </pc:spChg>
        <pc:spChg chg="del">
          <ac:chgData name="Daly Donnacha HSLU I" userId="0f22e960-400a-43ff-baeb-4828c8f5cd3a" providerId="ADAL" clId="{78138B16-7BCD-AB47-9B5F-6CC7C46E94E4}" dt="2021-04-07T05:00:02.469" v="38" actId="478"/>
          <ac:spMkLst>
            <pc:docMk/>
            <pc:sldMk cId="1038866537" sldId="586"/>
            <ac:spMk id="62" creationId="{B81784F6-93DC-694A-812C-419A5DC54DBE}"/>
          </ac:spMkLst>
        </pc:spChg>
        <pc:spChg chg="del">
          <ac:chgData name="Daly Donnacha HSLU I" userId="0f22e960-400a-43ff-baeb-4828c8f5cd3a" providerId="ADAL" clId="{78138B16-7BCD-AB47-9B5F-6CC7C46E94E4}" dt="2021-04-07T05:00:02.469" v="38" actId="478"/>
          <ac:spMkLst>
            <pc:docMk/>
            <pc:sldMk cId="1038866537" sldId="586"/>
            <ac:spMk id="63" creationId="{ED8A1475-E190-D84A-947A-A92CAEEAEC72}"/>
          </ac:spMkLst>
        </pc:spChg>
        <pc:spChg chg="del">
          <ac:chgData name="Daly Donnacha HSLU I" userId="0f22e960-400a-43ff-baeb-4828c8f5cd3a" providerId="ADAL" clId="{78138B16-7BCD-AB47-9B5F-6CC7C46E94E4}" dt="2021-04-07T05:00:02.469" v="38" actId="478"/>
          <ac:spMkLst>
            <pc:docMk/>
            <pc:sldMk cId="1038866537" sldId="586"/>
            <ac:spMk id="64" creationId="{24AE8EB1-7D4D-3E43-A28D-50120DE50EB8}"/>
          </ac:spMkLst>
        </pc:spChg>
        <pc:spChg chg="del">
          <ac:chgData name="Daly Donnacha HSLU I" userId="0f22e960-400a-43ff-baeb-4828c8f5cd3a" providerId="ADAL" clId="{78138B16-7BCD-AB47-9B5F-6CC7C46E94E4}" dt="2021-04-07T05:00:02.469" v="38" actId="478"/>
          <ac:spMkLst>
            <pc:docMk/>
            <pc:sldMk cId="1038866537" sldId="586"/>
            <ac:spMk id="65" creationId="{6D977582-D4A4-644B-9040-38E0AB0F3BBE}"/>
          </ac:spMkLst>
        </pc:spChg>
        <pc:spChg chg="del">
          <ac:chgData name="Daly Donnacha HSLU I" userId="0f22e960-400a-43ff-baeb-4828c8f5cd3a" providerId="ADAL" clId="{78138B16-7BCD-AB47-9B5F-6CC7C46E94E4}" dt="2021-04-07T05:00:02.469" v="38" actId="478"/>
          <ac:spMkLst>
            <pc:docMk/>
            <pc:sldMk cId="1038866537" sldId="586"/>
            <ac:spMk id="66" creationId="{0457259F-24B3-9049-89CE-6ADFF5B97DCB}"/>
          </ac:spMkLst>
        </pc:spChg>
        <pc:spChg chg="del">
          <ac:chgData name="Daly Donnacha HSLU I" userId="0f22e960-400a-43ff-baeb-4828c8f5cd3a" providerId="ADAL" clId="{78138B16-7BCD-AB47-9B5F-6CC7C46E94E4}" dt="2021-04-07T05:00:02.469" v="38" actId="478"/>
          <ac:spMkLst>
            <pc:docMk/>
            <pc:sldMk cId="1038866537" sldId="586"/>
            <ac:spMk id="67" creationId="{5D67BE37-A7B1-2640-82F2-B3B30D05F605}"/>
          </ac:spMkLst>
        </pc:spChg>
        <pc:spChg chg="del">
          <ac:chgData name="Daly Donnacha HSLU I" userId="0f22e960-400a-43ff-baeb-4828c8f5cd3a" providerId="ADAL" clId="{78138B16-7BCD-AB47-9B5F-6CC7C46E94E4}" dt="2021-04-07T05:00:02.469" v="38" actId="478"/>
          <ac:spMkLst>
            <pc:docMk/>
            <pc:sldMk cId="1038866537" sldId="586"/>
            <ac:spMk id="68" creationId="{9A718059-2D50-B145-80AA-825BEC7AF2F1}"/>
          </ac:spMkLst>
        </pc:spChg>
        <pc:spChg chg="del">
          <ac:chgData name="Daly Donnacha HSLU I" userId="0f22e960-400a-43ff-baeb-4828c8f5cd3a" providerId="ADAL" clId="{78138B16-7BCD-AB47-9B5F-6CC7C46E94E4}" dt="2021-04-07T05:00:02.469" v="38" actId="478"/>
          <ac:spMkLst>
            <pc:docMk/>
            <pc:sldMk cId="1038866537" sldId="586"/>
            <ac:spMk id="69" creationId="{F1DF2766-9634-6D4F-BE7B-5DFAAB304D69}"/>
          </ac:spMkLst>
        </pc:spChg>
        <pc:spChg chg="del">
          <ac:chgData name="Daly Donnacha HSLU I" userId="0f22e960-400a-43ff-baeb-4828c8f5cd3a" providerId="ADAL" clId="{78138B16-7BCD-AB47-9B5F-6CC7C46E94E4}" dt="2021-04-07T05:00:02.469" v="38" actId="478"/>
          <ac:spMkLst>
            <pc:docMk/>
            <pc:sldMk cId="1038866537" sldId="586"/>
            <ac:spMk id="70" creationId="{2D6BF67F-D56E-F644-8E48-9F12BFFA43DE}"/>
          </ac:spMkLst>
        </pc:spChg>
        <pc:spChg chg="del">
          <ac:chgData name="Daly Donnacha HSLU I" userId="0f22e960-400a-43ff-baeb-4828c8f5cd3a" providerId="ADAL" clId="{78138B16-7BCD-AB47-9B5F-6CC7C46E94E4}" dt="2021-04-07T05:00:02.469" v="38" actId="478"/>
          <ac:spMkLst>
            <pc:docMk/>
            <pc:sldMk cId="1038866537" sldId="586"/>
            <ac:spMk id="71" creationId="{7AC43564-41DA-554E-8CD3-8B734EAF350D}"/>
          </ac:spMkLst>
        </pc:spChg>
        <pc:spChg chg="del">
          <ac:chgData name="Daly Donnacha HSLU I" userId="0f22e960-400a-43ff-baeb-4828c8f5cd3a" providerId="ADAL" clId="{78138B16-7BCD-AB47-9B5F-6CC7C46E94E4}" dt="2021-04-07T05:00:02.469" v="38" actId="478"/>
          <ac:spMkLst>
            <pc:docMk/>
            <pc:sldMk cId="1038866537" sldId="586"/>
            <ac:spMk id="72" creationId="{EE546003-FE2A-2640-9E1E-601EA54213E0}"/>
          </ac:spMkLst>
        </pc:spChg>
        <pc:spChg chg="del">
          <ac:chgData name="Daly Donnacha HSLU I" userId="0f22e960-400a-43ff-baeb-4828c8f5cd3a" providerId="ADAL" clId="{78138B16-7BCD-AB47-9B5F-6CC7C46E94E4}" dt="2021-04-07T05:00:02.469" v="38" actId="478"/>
          <ac:spMkLst>
            <pc:docMk/>
            <pc:sldMk cId="1038866537" sldId="586"/>
            <ac:spMk id="73" creationId="{2A4AB489-9D6A-2C44-8E09-4926B7AC52B3}"/>
          </ac:spMkLst>
        </pc:spChg>
        <pc:spChg chg="del">
          <ac:chgData name="Daly Donnacha HSLU I" userId="0f22e960-400a-43ff-baeb-4828c8f5cd3a" providerId="ADAL" clId="{78138B16-7BCD-AB47-9B5F-6CC7C46E94E4}" dt="2021-04-07T05:00:02.469" v="38" actId="478"/>
          <ac:spMkLst>
            <pc:docMk/>
            <pc:sldMk cId="1038866537" sldId="586"/>
            <ac:spMk id="74" creationId="{00FFABE8-1180-944C-B25F-CAE0444A5B88}"/>
          </ac:spMkLst>
        </pc:spChg>
        <pc:spChg chg="del">
          <ac:chgData name="Daly Donnacha HSLU I" userId="0f22e960-400a-43ff-baeb-4828c8f5cd3a" providerId="ADAL" clId="{78138B16-7BCD-AB47-9B5F-6CC7C46E94E4}" dt="2021-04-07T05:00:02.469" v="38" actId="478"/>
          <ac:spMkLst>
            <pc:docMk/>
            <pc:sldMk cId="1038866537" sldId="586"/>
            <ac:spMk id="75" creationId="{63FDEC1C-0E4A-5843-B813-2D8F4CBC329E}"/>
          </ac:spMkLst>
        </pc:spChg>
        <pc:spChg chg="del">
          <ac:chgData name="Daly Donnacha HSLU I" userId="0f22e960-400a-43ff-baeb-4828c8f5cd3a" providerId="ADAL" clId="{78138B16-7BCD-AB47-9B5F-6CC7C46E94E4}" dt="2021-04-07T05:00:02.469" v="38" actId="478"/>
          <ac:spMkLst>
            <pc:docMk/>
            <pc:sldMk cId="1038866537" sldId="586"/>
            <ac:spMk id="76" creationId="{37A0883E-9DF8-4C41-A215-41DB4EEE7386}"/>
          </ac:spMkLst>
        </pc:spChg>
        <pc:spChg chg="del">
          <ac:chgData name="Daly Donnacha HSLU I" userId="0f22e960-400a-43ff-baeb-4828c8f5cd3a" providerId="ADAL" clId="{78138B16-7BCD-AB47-9B5F-6CC7C46E94E4}" dt="2021-04-07T05:00:02.469" v="38" actId="478"/>
          <ac:spMkLst>
            <pc:docMk/>
            <pc:sldMk cId="1038866537" sldId="586"/>
            <ac:spMk id="77" creationId="{9B34B3D8-844C-7B48-8338-2A8EC638034A}"/>
          </ac:spMkLst>
        </pc:spChg>
        <pc:spChg chg="del">
          <ac:chgData name="Daly Donnacha HSLU I" userId="0f22e960-400a-43ff-baeb-4828c8f5cd3a" providerId="ADAL" clId="{78138B16-7BCD-AB47-9B5F-6CC7C46E94E4}" dt="2021-04-07T05:00:02.469" v="38" actId="478"/>
          <ac:spMkLst>
            <pc:docMk/>
            <pc:sldMk cId="1038866537" sldId="586"/>
            <ac:spMk id="78" creationId="{65538E8E-BCC7-2E49-9F51-2FC75D93365D}"/>
          </ac:spMkLst>
        </pc:spChg>
        <pc:spChg chg="del">
          <ac:chgData name="Daly Donnacha HSLU I" userId="0f22e960-400a-43ff-baeb-4828c8f5cd3a" providerId="ADAL" clId="{78138B16-7BCD-AB47-9B5F-6CC7C46E94E4}" dt="2021-04-07T05:00:02.469" v="38" actId="478"/>
          <ac:spMkLst>
            <pc:docMk/>
            <pc:sldMk cId="1038866537" sldId="586"/>
            <ac:spMk id="79" creationId="{554A86C0-2ECE-C246-B2D5-36FE3796060E}"/>
          </ac:spMkLst>
        </pc:spChg>
        <pc:spChg chg="del">
          <ac:chgData name="Daly Donnacha HSLU I" userId="0f22e960-400a-43ff-baeb-4828c8f5cd3a" providerId="ADAL" clId="{78138B16-7BCD-AB47-9B5F-6CC7C46E94E4}" dt="2021-04-07T05:00:02.469" v="38" actId="478"/>
          <ac:spMkLst>
            <pc:docMk/>
            <pc:sldMk cId="1038866537" sldId="586"/>
            <ac:spMk id="80" creationId="{525F32D2-0763-3640-B089-FF9CE19A85CE}"/>
          </ac:spMkLst>
        </pc:spChg>
        <pc:spChg chg="del">
          <ac:chgData name="Daly Donnacha HSLU I" userId="0f22e960-400a-43ff-baeb-4828c8f5cd3a" providerId="ADAL" clId="{78138B16-7BCD-AB47-9B5F-6CC7C46E94E4}" dt="2021-04-07T05:00:02.469" v="38" actId="478"/>
          <ac:spMkLst>
            <pc:docMk/>
            <pc:sldMk cId="1038866537" sldId="586"/>
            <ac:spMk id="81" creationId="{1594BF05-9520-1343-8E3B-D430EE04F609}"/>
          </ac:spMkLst>
        </pc:spChg>
        <pc:spChg chg="del">
          <ac:chgData name="Daly Donnacha HSLU I" userId="0f22e960-400a-43ff-baeb-4828c8f5cd3a" providerId="ADAL" clId="{78138B16-7BCD-AB47-9B5F-6CC7C46E94E4}" dt="2021-04-07T05:00:02.469" v="38" actId="478"/>
          <ac:spMkLst>
            <pc:docMk/>
            <pc:sldMk cId="1038866537" sldId="586"/>
            <ac:spMk id="82" creationId="{C88B1D43-E0CB-7649-9130-9041844D9DB9}"/>
          </ac:spMkLst>
        </pc:spChg>
        <pc:spChg chg="del">
          <ac:chgData name="Daly Donnacha HSLU I" userId="0f22e960-400a-43ff-baeb-4828c8f5cd3a" providerId="ADAL" clId="{78138B16-7BCD-AB47-9B5F-6CC7C46E94E4}" dt="2021-04-07T05:00:02.469" v="38" actId="478"/>
          <ac:spMkLst>
            <pc:docMk/>
            <pc:sldMk cId="1038866537" sldId="586"/>
            <ac:spMk id="83" creationId="{E7E16FCE-A814-814E-B323-B08B44BC57F0}"/>
          </ac:spMkLst>
        </pc:spChg>
        <pc:spChg chg="del">
          <ac:chgData name="Daly Donnacha HSLU I" userId="0f22e960-400a-43ff-baeb-4828c8f5cd3a" providerId="ADAL" clId="{78138B16-7BCD-AB47-9B5F-6CC7C46E94E4}" dt="2021-04-07T05:00:02.469" v="38" actId="478"/>
          <ac:spMkLst>
            <pc:docMk/>
            <pc:sldMk cId="1038866537" sldId="586"/>
            <ac:spMk id="84" creationId="{734895C7-695F-7546-85AF-F025F2D2F3DE}"/>
          </ac:spMkLst>
        </pc:spChg>
        <pc:spChg chg="del">
          <ac:chgData name="Daly Donnacha HSLU I" userId="0f22e960-400a-43ff-baeb-4828c8f5cd3a" providerId="ADAL" clId="{78138B16-7BCD-AB47-9B5F-6CC7C46E94E4}" dt="2021-04-07T05:00:02.469" v="38" actId="478"/>
          <ac:spMkLst>
            <pc:docMk/>
            <pc:sldMk cId="1038866537" sldId="586"/>
            <ac:spMk id="85" creationId="{B5C9F5F6-C220-9E4A-AC87-66DAC7E2947D}"/>
          </ac:spMkLst>
        </pc:spChg>
        <pc:spChg chg="del">
          <ac:chgData name="Daly Donnacha HSLU I" userId="0f22e960-400a-43ff-baeb-4828c8f5cd3a" providerId="ADAL" clId="{78138B16-7BCD-AB47-9B5F-6CC7C46E94E4}" dt="2021-04-07T05:00:02.469" v="38" actId="478"/>
          <ac:spMkLst>
            <pc:docMk/>
            <pc:sldMk cId="1038866537" sldId="586"/>
            <ac:spMk id="86" creationId="{AF08ACC3-3394-6140-A751-80741A2455A9}"/>
          </ac:spMkLst>
        </pc:spChg>
        <pc:spChg chg="del">
          <ac:chgData name="Daly Donnacha HSLU I" userId="0f22e960-400a-43ff-baeb-4828c8f5cd3a" providerId="ADAL" clId="{78138B16-7BCD-AB47-9B5F-6CC7C46E94E4}" dt="2021-04-07T05:00:02.469" v="38" actId="478"/>
          <ac:spMkLst>
            <pc:docMk/>
            <pc:sldMk cId="1038866537" sldId="586"/>
            <ac:spMk id="87" creationId="{D8A37E18-FCFB-B741-BB6C-DBCC77366AF0}"/>
          </ac:spMkLst>
        </pc:spChg>
        <pc:spChg chg="add mod">
          <ac:chgData name="Daly Donnacha HSLU I" userId="0f22e960-400a-43ff-baeb-4828c8f5cd3a" providerId="ADAL" clId="{78138B16-7BCD-AB47-9B5F-6CC7C46E94E4}" dt="2021-04-11T16:20:46.419" v="8385" actId="14100"/>
          <ac:spMkLst>
            <pc:docMk/>
            <pc:sldMk cId="1038866537" sldId="586"/>
            <ac:spMk id="88" creationId="{90466205-AB0F-BB41-88BB-FB0732323F3E}"/>
          </ac:spMkLst>
        </pc:spChg>
        <pc:spChg chg="del">
          <ac:chgData name="Daly Donnacha HSLU I" userId="0f22e960-400a-43ff-baeb-4828c8f5cd3a" providerId="ADAL" clId="{78138B16-7BCD-AB47-9B5F-6CC7C46E94E4}" dt="2021-04-07T05:00:02.469" v="38" actId="478"/>
          <ac:spMkLst>
            <pc:docMk/>
            <pc:sldMk cId="1038866537" sldId="586"/>
            <ac:spMk id="89" creationId="{63EB84A0-8D0D-6848-A762-447BBAAC1756}"/>
          </ac:spMkLst>
        </pc:spChg>
        <pc:spChg chg="add mod">
          <ac:chgData name="Daly Donnacha HSLU I" userId="0f22e960-400a-43ff-baeb-4828c8f5cd3a" providerId="ADAL" clId="{78138B16-7BCD-AB47-9B5F-6CC7C46E94E4}" dt="2021-04-11T16:21:01.070" v="8389" actId="14100"/>
          <ac:spMkLst>
            <pc:docMk/>
            <pc:sldMk cId="1038866537" sldId="586"/>
            <ac:spMk id="92" creationId="{60E98E3A-4A2E-FE4A-97A3-EC27E69433BE}"/>
          </ac:spMkLst>
        </pc:spChg>
        <pc:picChg chg="del">
          <ac:chgData name="Daly Donnacha HSLU I" userId="0f22e960-400a-43ff-baeb-4828c8f5cd3a" providerId="ADAL" clId="{78138B16-7BCD-AB47-9B5F-6CC7C46E94E4}" dt="2021-04-07T05:00:02.469" v="38" actId="478"/>
          <ac:picMkLst>
            <pc:docMk/>
            <pc:sldMk cId="1038866537" sldId="586"/>
            <ac:picMk id="90" creationId="{5C6ACE38-12E1-C046-B05D-797906BA57CF}"/>
          </ac:picMkLst>
        </pc:picChg>
        <pc:picChg chg="add del mod">
          <ac:chgData name="Daly Donnacha HSLU I" userId="0f22e960-400a-43ff-baeb-4828c8f5cd3a" providerId="ADAL" clId="{78138B16-7BCD-AB47-9B5F-6CC7C46E94E4}" dt="2021-04-11T11:17:23.732" v="1192" actId="478"/>
          <ac:picMkLst>
            <pc:docMk/>
            <pc:sldMk cId="1038866537" sldId="586"/>
            <ac:picMk id="91" creationId="{C00C136B-30AB-234D-A03E-651DBEC549DA}"/>
          </ac:picMkLst>
        </pc:picChg>
        <pc:picChg chg="add mod">
          <ac:chgData name="Daly Donnacha HSLU I" userId="0f22e960-400a-43ff-baeb-4828c8f5cd3a" providerId="ADAL" clId="{78138B16-7BCD-AB47-9B5F-6CC7C46E94E4}" dt="2021-04-07T06:20:04.653" v="654"/>
          <ac:picMkLst>
            <pc:docMk/>
            <pc:sldMk cId="1038866537" sldId="586"/>
            <ac:picMk id="93" creationId="{C52D6FE8-4CBD-284C-A450-1F744842372C}"/>
          </ac:picMkLst>
        </pc:picChg>
        <pc:picChg chg="add mod">
          <ac:chgData name="Daly Donnacha HSLU I" userId="0f22e960-400a-43ff-baeb-4828c8f5cd3a" providerId="ADAL" clId="{78138B16-7BCD-AB47-9B5F-6CC7C46E94E4}" dt="2021-04-11T16:22:00.446" v="8398" actId="1076"/>
          <ac:picMkLst>
            <pc:docMk/>
            <pc:sldMk cId="1038866537" sldId="586"/>
            <ac:picMk id="2050" creationId="{60926143-F6D9-7E48-A1F5-5C83B4EA2263}"/>
          </ac:picMkLst>
        </pc:picChg>
        <pc:cxnChg chg="del">
          <ac:chgData name="Daly Donnacha HSLU I" userId="0f22e960-400a-43ff-baeb-4828c8f5cd3a" providerId="ADAL" clId="{78138B16-7BCD-AB47-9B5F-6CC7C46E94E4}" dt="2021-04-07T05:00:02.469" v="38" actId="478"/>
          <ac:cxnSpMkLst>
            <pc:docMk/>
            <pc:sldMk cId="1038866537" sldId="586"/>
            <ac:cxnSpMk id="12" creationId="{BAD6527B-6706-AA4B-A56B-FDAA8940577A}"/>
          </ac:cxnSpMkLst>
        </pc:cxnChg>
        <pc:cxnChg chg="del">
          <ac:chgData name="Daly Donnacha HSLU I" userId="0f22e960-400a-43ff-baeb-4828c8f5cd3a" providerId="ADAL" clId="{78138B16-7BCD-AB47-9B5F-6CC7C46E94E4}" dt="2021-04-07T05:00:02.469" v="38" actId="478"/>
          <ac:cxnSpMkLst>
            <pc:docMk/>
            <pc:sldMk cId="1038866537" sldId="586"/>
            <ac:cxnSpMk id="13" creationId="{642B428C-C8D0-1F4E-A4C7-D7D489A049D4}"/>
          </ac:cxnSpMkLst>
        </pc:cxnChg>
      </pc:sldChg>
      <pc:sldChg chg="delSp modSp add mod">
        <pc:chgData name="Daly Donnacha HSLU I" userId="0f22e960-400a-43ff-baeb-4828c8f5cd3a" providerId="ADAL" clId="{78138B16-7BCD-AB47-9B5F-6CC7C46E94E4}" dt="2021-04-11T12:16:06.762" v="2911" actId="6549"/>
        <pc:sldMkLst>
          <pc:docMk/>
          <pc:sldMk cId="2038364376" sldId="590"/>
        </pc:sldMkLst>
        <pc:spChg chg="mod">
          <ac:chgData name="Daly Donnacha HSLU I" userId="0f22e960-400a-43ff-baeb-4828c8f5cd3a" providerId="ADAL" clId="{78138B16-7BCD-AB47-9B5F-6CC7C46E94E4}" dt="2021-04-11T12:13:50.225" v="2874" actId="6549"/>
          <ac:spMkLst>
            <pc:docMk/>
            <pc:sldMk cId="2038364376" sldId="590"/>
            <ac:spMk id="2" creationId="{64DCAFFA-1CA5-CB47-88CB-C3B306585AF6}"/>
          </ac:spMkLst>
        </pc:spChg>
        <pc:spChg chg="del mod">
          <ac:chgData name="Daly Donnacha HSLU I" userId="0f22e960-400a-43ff-baeb-4828c8f5cd3a" providerId="ADAL" clId="{78138B16-7BCD-AB47-9B5F-6CC7C46E94E4}" dt="2021-04-11T12:14:23.047" v="2880" actId="478"/>
          <ac:spMkLst>
            <pc:docMk/>
            <pc:sldMk cId="2038364376" sldId="590"/>
            <ac:spMk id="10" creationId="{1DC9B206-2E94-D347-9402-F260B2A560FA}"/>
          </ac:spMkLst>
        </pc:spChg>
        <pc:spChg chg="mod">
          <ac:chgData name="Daly Donnacha HSLU I" userId="0f22e960-400a-43ff-baeb-4828c8f5cd3a" providerId="ADAL" clId="{78138B16-7BCD-AB47-9B5F-6CC7C46E94E4}" dt="2021-04-11T12:15:27.584" v="2903" actId="1036"/>
          <ac:spMkLst>
            <pc:docMk/>
            <pc:sldMk cId="2038364376" sldId="590"/>
            <ac:spMk id="12" creationId="{F9B7FA2C-8588-FA40-AED2-30C77876A622}"/>
          </ac:spMkLst>
        </pc:spChg>
        <pc:spChg chg="mod">
          <ac:chgData name="Daly Donnacha HSLU I" userId="0f22e960-400a-43ff-baeb-4828c8f5cd3a" providerId="ADAL" clId="{78138B16-7BCD-AB47-9B5F-6CC7C46E94E4}" dt="2021-04-11T12:15:27.584" v="2903" actId="1036"/>
          <ac:spMkLst>
            <pc:docMk/>
            <pc:sldMk cId="2038364376" sldId="590"/>
            <ac:spMk id="13" creationId="{24310294-02A4-4342-8AAA-851D9A9F0B4F}"/>
          </ac:spMkLst>
        </pc:spChg>
        <pc:spChg chg="mod">
          <ac:chgData name="Daly Donnacha HSLU I" userId="0f22e960-400a-43ff-baeb-4828c8f5cd3a" providerId="ADAL" clId="{78138B16-7BCD-AB47-9B5F-6CC7C46E94E4}" dt="2021-04-11T12:15:15.588" v="2897" actId="20577"/>
          <ac:spMkLst>
            <pc:docMk/>
            <pc:sldMk cId="2038364376" sldId="590"/>
            <ac:spMk id="16" creationId="{D0E27CF7-7D93-DE43-A6EA-4B56DAD3890A}"/>
          </ac:spMkLst>
        </pc:spChg>
        <pc:spChg chg="mod">
          <ac:chgData name="Daly Donnacha HSLU I" userId="0f22e960-400a-43ff-baeb-4828c8f5cd3a" providerId="ADAL" clId="{78138B16-7BCD-AB47-9B5F-6CC7C46E94E4}" dt="2021-04-11T12:15:27.584" v="2903" actId="1036"/>
          <ac:spMkLst>
            <pc:docMk/>
            <pc:sldMk cId="2038364376" sldId="590"/>
            <ac:spMk id="18" creationId="{310FAABB-040D-BE42-AA50-8DE6EC352C5A}"/>
          </ac:spMkLst>
        </pc:spChg>
        <pc:spChg chg="mod">
          <ac:chgData name="Daly Donnacha HSLU I" userId="0f22e960-400a-43ff-baeb-4828c8f5cd3a" providerId="ADAL" clId="{78138B16-7BCD-AB47-9B5F-6CC7C46E94E4}" dt="2021-04-11T12:15:27.584" v="2903" actId="1036"/>
          <ac:spMkLst>
            <pc:docMk/>
            <pc:sldMk cId="2038364376" sldId="590"/>
            <ac:spMk id="19" creationId="{6C8A84FD-2399-984D-9CA7-C9459EB85B48}"/>
          </ac:spMkLst>
        </pc:spChg>
        <pc:spChg chg="mod">
          <ac:chgData name="Daly Donnacha HSLU I" userId="0f22e960-400a-43ff-baeb-4828c8f5cd3a" providerId="ADAL" clId="{78138B16-7BCD-AB47-9B5F-6CC7C46E94E4}" dt="2021-04-11T12:16:06.762" v="2911" actId="6549"/>
          <ac:spMkLst>
            <pc:docMk/>
            <pc:sldMk cId="2038364376" sldId="590"/>
            <ac:spMk id="23" creationId="{C03E988F-554D-7244-B4E3-A164402AA685}"/>
          </ac:spMkLst>
        </pc:spChg>
        <pc:spChg chg="del">
          <ac:chgData name="Daly Donnacha HSLU I" userId="0f22e960-400a-43ff-baeb-4828c8f5cd3a" providerId="ADAL" clId="{78138B16-7BCD-AB47-9B5F-6CC7C46E94E4}" dt="2021-04-11T12:14:26.264" v="2881" actId="478"/>
          <ac:spMkLst>
            <pc:docMk/>
            <pc:sldMk cId="2038364376" sldId="590"/>
            <ac:spMk id="24" creationId="{F7D7A9DD-9B49-9747-96A9-7996AD735E57}"/>
          </ac:spMkLst>
        </pc:spChg>
        <pc:spChg chg="mod">
          <ac:chgData name="Daly Donnacha HSLU I" userId="0f22e960-400a-43ff-baeb-4828c8f5cd3a" providerId="ADAL" clId="{78138B16-7BCD-AB47-9B5F-6CC7C46E94E4}" dt="2021-04-11T12:15:27.584" v="2903" actId="1036"/>
          <ac:spMkLst>
            <pc:docMk/>
            <pc:sldMk cId="2038364376" sldId="590"/>
            <ac:spMk id="25" creationId="{1CCB93E1-8741-D546-A3CC-1127A53D0EA0}"/>
          </ac:spMkLst>
        </pc:spChg>
        <pc:spChg chg="mod">
          <ac:chgData name="Daly Donnacha HSLU I" userId="0f22e960-400a-43ff-baeb-4828c8f5cd3a" providerId="ADAL" clId="{78138B16-7BCD-AB47-9B5F-6CC7C46E94E4}" dt="2021-04-11T12:15:27.584" v="2903" actId="1036"/>
          <ac:spMkLst>
            <pc:docMk/>
            <pc:sldMk cId="2038364376" sldId="590"/>
            <ac:spMk id="26" creationId="{8DD22228-7CE4-F648-8C82-405A78495AE6}"/>
          </ac:spMkLst>
        </pc:spChg>
        <pc:picChg chg="mod">
          <ac:chgData name="Daly Donnacha HSLU I" userId="0f22e960-400a-43ff-baeb-4828c8f5cd3a" providerId="ADAL" clId="{78138B16-7BCD-AB47-9B5F-6CC7C46E94E4}" dt="2021-04-11T12:15:27.584" v="2903" actId="1036"/>
          <ac:picMkLst>
            <pc:docMk/>
            <pc:sldMk cId="2038364376" sldId="590"/>
            <ac:picMk id="11" creationId="{CFE20DE2-5B78-1C4D-9487-94A93A3090F0}"/>
          </ac:picMkLst>
        </pc:picChg>
      </pc:sldChg>
      <pc:sldChg chg="delSp modSp add mod ord">
        <pc:chgData name="Daly Donnacha HSLU I" userId="0f22e960-400a-43ff-baeb-4828c8f5cd3a" providerId="ADAL" clId="{78138B16-7BCD-AB47-9B5F-6CC7C46E94E4}" dt="2021-04-11T10:52:46.614" v="925" actId="1076"/>
        <pc:sldMkLst>
          <pc:docMk/>
          <pc:sldMk cId="1327159328" sldId="593"/>
        </pc:sldMkLst>
        <pc:spChg chg="mod">
          <ac:chgData name="Daly Donnacha HSLU I" userId="0f22e960-400a-43ff-baeb-4828c8f5cd3a" providerId="ADAL" clId="{78138B16-7BCD-AB47-9B5F-6CC7C46E94E4}" dt="2021-04-11T10:51:19.375" v="891" actId="6549"/>
          <ac:spMkLst>
            <pc:docMk/>
            <pc:sldMk cId="1327159328" sldId="593"/>
            <ac:spMk id="2" creationId="{F8BB4216-0D9F-C843-BB49-4B963ECC94DB}"/>
          </ac:spMkLst>
        </pc:spChg>
        <pc:spChg chg="del">
          <ac:chgData name="Daly Donnacha HSLU I" userId="0f22e960-400a-43ff-baeb-4828c8f5cd3a" providerId="ADAL" clId="{78138B16-7BCD-AB47-9B5F-6CC7C46E94E4}" dt="2021-04-11T10:51:24.702" v="893" actId="478"/>
          <ac:spMkLst>
            <pc:docMk/>
            <pc:sldMk cId="1327159328" sldId="593"/>
            <ac:spMk id="6" creationId="{2E306B56-A452-E241-8A48-955D8E52C380}"/>
          </ac:spMkLst>
        </pc:spChg>
        <pc:spChg chg="del">
          <ac:chgData name="Daly Donnacha HSLU I" userId="0f22e960-400a-43ff-baeb-4828c8f5cd3a" providerId="ADAL" clId="{78138B16-7BCD-AB47-9B5F-6CC7C46E94E4}" dt="2021-04-11T10:50:59.355" v="867" actId="478"/>
          <ac:spMkLst>
            <pc:docMk/>
            <pc:sldMk cId="1327159328" sldId="593"/>
            <ac:spMk id="9" creationId="{98C35971-CB5A-8040-93E2-9E09FC775369}"/>
          </ac:spMkLst>
        </pc:spChg>
        <pc:spChg chg="mod">
          <ac:chgData name="Daly Donnacha HSLU I" userId="0f22e960-400a-43ff-baeb-4828c8f5cd3a" providerId="ADAL" clId="{78138B16-7BCD-AB47-9B5F-6CC7C46E94E4}" dt="2021-04-11T10:52:28.321" v="920" actId="14100"/>
          <ac:spMkLst>
            <pc:docMk/>
            <pc:sldMk cId="1327159328" sldId="593"/>
            <ac:spMk id="10" creationId="{AE54C3D9-5A6C-7F48-BDBB-B1DF4FD2B12A}"/>
          </ac:spMkLst>
        </pc:spChg>
        <pc:spChg chg="mod">
          <ac:chgData name="Daly Donnacha HSLU I" userId="0f22e960-400a-43ff-baeb-4828c8f5cd3a" providerId="ADAL" clId="{78138B16-7BCD-AB47-9B5F-6CC7C46E94E4}" dt="2021-04-11T10:51:33.517" v="897" actId="1076"/>
          <ac:spMkLst>
            <pc:docMk/>
            <pc:sldMk cId="1327159328" sldId="593"/>
            <ac:spMk id="11" creationId="{23381329-87DA-F943-869A-8BE8BB55BF13}"/>
          </ac:spMkLst>
        </pc:spChg>
        <pc:picChg chg="mod">
          <ac:chgData name="Daly Donnacha HSLU I" userId="0f22e960-400a-43ff-baeb-4828c8f5cd3a" providerId="ADAL" clId="{78138B16-7BCD-AB47-9B5F-6CC7C46E94E4}" dt="2021-04-11T10:52:46.614" v="925" actId="1076"/>
          <ac:picMkLst>
            <pc:docMk/>
            <pc:sldMk cId="1327159328" sldId="593"/>
            <ac:picMk id="4" creationId="{A303ADEE-CB24-6B46-91C3-E08D3A28F2FC}"/>
          </ac:picMkLst>
        </pc:picChg>
      </pc:sldChg>
      <pc:sldChg chg="add del">
        <pc:chgData name="Daly Donnacha HSLU I" userId="0f22e960-400a-43ff-baeb-4828c8f5cd3a" providerId="ADAL" clId="{78138B16-7BCD-AB47-9B5F-6CC7C46E94E4}" dt="2021-04-11T10:57:09.567" v="967" actId="2696"/>
        <pc:sldMkLst>
          <pc:docMk/>
          <pc:sldMk cId="1997555599" sldId="597"/>
        </pc:sldMkLst>
      </pc:sldChg>
      <pc:sldChg chg="addSp delSp modSp add mod">
        <pc:chgData name="Daly Donnacha HSLU I" userId="0f22e960-400a-43ff-baeb-4828c8f5cd3a" providerId="ADAL" clId="{78138B16-7BCD-AB47-9B5F-6CC7C46E94E4}" dt="2021-04-11T11:13:20.443" v="1141" actId="20577"/>
        <pc:sldMkLst>
          <pc:docMk/>
          <pc:sldMk cId="3877792524" sldId="598"/>
        </pc:sldMkLst>
        <pc:spChg chg="mod">
          <ac:chgData name="Daly Donnacha HSLU I" userId="0f22e960-400a-43ff-baeb-4828c8f5cd3a" providerId="ADAL" clId="{78138B16-7BCD-AB47-9B5F-6CC7C46E94E4}" dt="2021-04-11T11:00:27.363" v="1017" actId="6549"/>
          <ac:spMkLst>
            <pc:docMk/>
            <pc:sldMk cId="3877792524" sldId="598"/>
            <ac:spMk id="2" creationId="{63F79D38-BAB9-3B47-8BA2-4CEF2E5AA76F}"/>
          </ac:spMkLst>
        </pc:spChg>
        <pc:spChg chg="del">
          <ac:chgData name="Daly Donnacha HSLU I" userId="0f22e960-400a-43ff-baeb-4828c8f5cd3a" providerId="ADAL" clId="{78138B16-7BCD-AB47-9B5F-6CC7C46E94E4}" dt="2021-04-11T11:01:16.979" v="1020" actId="478"/>
          <ac:spMkLst>
            <pc:docMk/>
            <pc:sldMk cId="3877792524" sldId="598"/>
            <ac:spMk id="4" creationId="{0CE6305D-4932-B741-89AE-F2915035F50D}"/>
          </ac:spMkLst>
        </pc:spChg>
        <pc:spChg chg="add mod">
          <ac:chgData name="Daly Donnacha HSLU I" userId="0f22e960-400a-43ff-baeb-4828c8f5cd3a" providerId="ADAL" clId="{78138B16-7BCD-AB47-9B5F-6CC7C46E94E4}" dt="2021-04-11T11:13:11.307" v="1137" actId="14100"/>
          <ac:spMkLst>
            <pc:docMk/>
            <pc:sldMk cId="3877792524" sldId="598"/>
            <ac:spMk id="5" creationId="{4E393635-D500-5C44-AD80-6DB22394167D}"/>
          </ac:spMkLst>
        </pc:spChg>
        <pc:spChg chg="mod">
          <ac:chgData name="Daly Donnacha HSLU I" userId="0f22e960-400a-43ff-baeb-4828c8f5cd3a" providerId="ADAL" clId="{78138B16-7BCD-AB47-9B5F-6CC7C46E94E4}" dt="2021-04-11T11:08:59.363" v="1105" actId="20577"/>
          <ac:spMkLst>
            <pc:docMk/>
            <pc:sldMk cId="3877792524" sldId="598"/>
            <ac:spMk id="9" creationId="{58407856-2EF2-524F-8097-0D32C202071F}"/>
          </ac:spMkLst>
        </pc:spChg>
        <pc:spChg chg="mod">
          <ac:chgData name="Daly Donnacha HSLU I" userId="0f22e960-400a-43ff-baeb-4828c8f5cd3a" providerId="ADAL" clId="{78138B16-7BCD-AB47-9B5F-6CC7C46E94E4}" dt="2021-04-11T11:13:20.443" v="1141" actId="20577"/>
          <ac:spMkLst>
            <pc:docMk/>
            <pc:sldMk cId="3877792524" sldId="598"/>
            <ac:spMk id="10" creationId="{0B794192-27BC-314E-8333-6B3CFA6B0C88}"/>
          </ac:spMkLst>
        </pc:spChg>
        <pc:spChg chg="del">
          <ac:chgData name="Daly Donnacha HSLU I" userId="0f22e960-400a-43ff-baeb-4828c8f5cd3a" providerId="ADAL" clId="{78138B16-7BCD-AB47-9B5F-6CC7C46E94E4}" dt="2021-04-11T11:01:16.979" v="1020" actId="478"/>
          <ac:spMkLst>
            <pc:docMk/>
            <pc:sldMk cId="3877792524" sldId="598"/>
            <ac:spMk id="12" creationId="{B2CFB5CF-CCA0-8C48-BAD9-19845C7A8753}"/>
          </ac:spMkLst>
        </pc:spChg>
        <pc:spChg chg="del">
          <ac:chgData name="Daly Donnacha HSLU I" userId="0f22e960-400a-43ff-baeb-4828c8f5cd3a" providerId="ADAL" clId="{78138B16-7BCD-AB47-9B5F-6CC7C46E94E4}" dt="2021-04-11T11:01:16.979" v="1020" actId="478"/>
          <ac:spMkLst>
            <pc:docMk/>
            <pc:sldMk cId="3877792524" sldId="598"/>
            <ac:spMk id="14" creationId="{29EF7D50-0F34-6047-9690-4D81043C8D18}"/>
          </ac:spMkLst>
        </pc:spChg>
        <pc:spChg chg="del mod">
          <ac:chgData name="Daly Donnacha HSLU I" userId="0f22e960-400a-43ff-baeb-4828c8f5cd3a" providerId="ADAL" clId="{78138B16-7BCD-AB47-9B5F-6CC7C46E94E4}" dt="2021-04-11T11:01:16.979" v="1020" actId="478"/>
          <ac:spMkLst>
            <pc:docMk/>
            <pc:sldMk cId="3877792524" sldId="598"/>
            <ac:spMk id="15" creationId="{22CB347E-E22F-8749-BDD9-C9202C9D5AF6}"/>
          </ac:spMkLst>
        </pc:spChg>
        <pc:spChg chg="del">
          <ac:chgData name="Daly Donnacha HSLU I" userId="0f22e960-400a-43ff-baeb-4828c8f5cd3a" providerId="ADAL" clId="{78138B16-7BCD-AB47-9B5F-6CC7C46E94E4}" dt="2021-04-11T11:01:16.979" v="1020" actId="478"/>
          <ac:spMkLst>
            <pc:docMk/>
            <pc:sldMk cId="3877792524" sldId="598"/>
            <ac:spMk id="16" creationId="{F8483B45-A4C4-984D-BB77-639509EC882A}"/>
          </ac:spMkLst>
        </pc:spChg>
        <pc:spChg chg="del">
          <ac:chgData name="Daly Donnacha HSLU I" userId="0f22e960-400a-43ff-baeb-4828c8f5cd3a" providerId="ADAL" clId="{78138B16-7BCD-AB47-9B5F-6CC7C46E94E4}" dt="2021-04-11T11:01:16.979" v="1020" actId="478"/>
          <ac:spMkLst>
            <pc:docMk/>
            <pc:sldMk cId="3877792524" sldId="598"/>
            <ac:spMk id="17" creationId="{D35CCB0B-415E-AD48-AD0C-022F5B8A2745}"/>
          </ac:spMkLst>
        </pc:spChg>
        <pc:spChg chg="del">
          <ac:chgData name="Daly Donnacha HSLU I" userId="0f22e960-400a-43ff-baeb-4828c8f5cd3a" providerId="ADAL" clId="{78138B16-7BCD-AB47-9B5F-6CC7C46E94E4}" dt="2021-04-11T11:01:16.979" v="1020" actId="478"/>
          <ac:spMkLst>
            <pc:docMk/>
            <pc:sldMk cId="3877792524" sldId="598"/>
            <ac:spMk id="18" creationId="{990E2629-7649-F64B-AF42-F0843CD2BD06}"/>
          </ac:spMkLst>
        </pc:spChg>
        <pc:spChg chg="del">
          <ac:chgData name="Daly Donnacha HSLU I" userId="0f22e960-400a-43ff-baeb-4828c8f5cd3a" providerId="ADAL" clId="{78138B16-7BCD-AB47-9B5F-6CC7C46E94E4}" dt="2021-04-11T11:01:16.979" v="1020" actId="478"/>
          <ac:spMkLst>
            <pc:docMk/>
            <pc:sldMk cId="3877792524" sldId="598"/>
            <ac:spMk id="26" creationId="{258316DA-8494-0845-BC13-820C0F81A33A}"/>
          </ac:spMkLst>
        </pc:spChg>
        <pc:spChg chg="del">
          <ac:chgData name="Daly Donnacha HSLU I" userId="0f22e960-400a-43ff-baeb-4828c8f5cd3a" providerId="ADAL" clId="{78138B16-7BCD-AB47-9B5F-6CC7C46E94E4}" dt="2021-04-11T11:01:16.979" v="1020" actId="478"/>
          <ac:spMkLst>
            <pc:docMk/>
            <pc:sldMk cId="3877792524" sldId="598"/>
            <ac:spMk id="27" creationId="{AB9CE79D-2E8C-444A-AF2E-044A17754EF6}"/>
          </ac:spMkLst>
        </pc:spChg>
        <pc:spChg chg="del">
          <ac:chgData name="Daly Donnacha HSLU I" userId="0f22e960-400a-43ff-baeb-4828c8f5cd3a" providerId="ADAL" clId="{78138B16-7BCD-AB47-9B5F-6CC7C46E94E4}" dt="2021-04-11T11:01:16.979" v="1020" actId="478"/>
          <ac:spMkLst>
            <pc:docMk/>
            <pc:sldMk cId="3877792524" sldId="598"/>
            <ac:spMk id="30" creationId="{90EFA808-37FB-2347-898C-EC1EB304D047}"/>
          </ac:spMkLst>
        </pc:spChg>
        <pc:picChg chg="del">
          <ac:chgData name="Daly Donnacha HSLU I" userId="0f22e960-400a-43ff-baeb-4828c8f5cd3a" providerId="ADAL" clId="{78138B16-7BCD-AB47-9B5F-6CC7C46E94E4}" dt="2021-04-11T11:01:16.979" v="1020" actId="478"/>
          <ac:picMkLst>
            <pc:docMk/>
            <pc:sldMk cId="3877792524" sldId="598"/>
            <ac:picMk id="3" creationId="{30D0148C-084C-BB4D-A875-E30C881962C5}"/>
          </ac:picMkLst>
        </pc:picChg>
        <pc:picChg chg="add mod">
          <ac:chgData name="Daly Donnacha HSLU I" userId="0f22e960-400a-43ff-baeb-4828c8f5cd3a" providerId="ADAL" clId="{78138B16-7BCD-AB47-9B5F-6CC7C46E94E4}" dt="2021-04-11T11:02:23.511" v="1055" actId="1076"/>
          <ac:picMkLst>
            <pc:docMk/>
            <pc:sldMk cId="3877792524" sldId="598"/>
            <ac:picMk id="21" creationId="{612EC41B-7CB5-8F4A-9930-129067B4C984}"/>
          </ac:picMkLst>
        </pc:picChg>
        <pc:picChg chg="mod">
          <ac:chgData name="Daly Donnacha HSLU I" userId="0f22e960-400a-43ff-baeb-4828c8f5cd3a" providerId="ADAL" clId="{78138B16-7BCD-AB47-9B5F-6CC7C46E94E4}" dt="2021-04-11T11:03:20.674" v="1062" actId="1038"/>
          <ac:picMkLst>
            <pc:docMk/>
            <pc:sldMk cId="3877792524" sldId="598"/>
            <ac:picMk id="1026" creationId="{76A589BA-EAEE-014F-B4B3-99C5647B3909}"/>
          </ac:picMkLst>
        </pc:picChg>
        <pc:cxnChg chg="del">
          <ac:chgData name="Daly Donnacha HSLU I" userId="0f22e960-400a-43ff-baeb-4828c8f5cd3a" providerId="ADAL" clId="{78138B16-7BCD-AB47-9B5F-6CC7C46E94E4}" dt="2021-04-11T11:01:16.979" v="1020" actId="478"/>
          <ac:cxnSpMkLst>
            <pc:docMk/>
            <pc:sldMk cId="3877792524" sldId="598"/>
            <ac:cxnSpMk id="11" creationId="{2DE63397-A2E5-054B-AF0F-2AD4815AB9B0}"/>
          </ac:cxnSpMkLst>
        </pc:cxnChg>
        <pc:cxnChg chg="del">
          <ac:chgData name="Daly Donnacha HSLU I" userId="0f22e960-400a-43ff-baeb-4828c8f5cd3a" providerId="ADAL" clId="{78138B16-7BCD-AB47-9B5F-6CC7C46E94E4}" dt="2021-04-11T11:01:16.979" v="1020" actId="478"/>
          <ac:cxnSpMkLst>
            <pc:docMk/>
            <pc:sldMk cId="3877792524" sldId="598"/>
            <ac:cxnSpMk id="20" creationId="{549CBB07-5E92-5940-AFDD-4166E891E860}"/>
          </ac:cxnSpMkLst>
        </pc:cxnChg>
        <pc:cxnChg chg="del">
          <ac:chgData name="Daly Donnacha HSLU I" userId="0f22e960-400a-43ff-baeb-4828c8f5cd3a" providerId="ADAL" clId="{78138B16-7BCD-AB47-9B5F-6CC7C46E94E4}" dt="2021-04-11T11:01:16.979" v="1020" actId="478"/>
          <ac:cxnSpMkLst>
            <pc:docMk/>
            <pc:sldMk cId="3877792524" sldId="598"/>
            <ac:cxnSpMk id="23" creationId="{EC8BEF98-ABFE-9F40-B559-389726F0DC70}"/>
          </ac:cxnSpMkLst>
        </pc:cxnChg>
      </pc:sldChg>
      <pc:sldChg chg="addSp delSp modSp add mod">
        <pc:chgData name="Daly Donnacha HSLU I" userId="0f22e960-400a-43ff-baeb-4828c8f5cd3a" providerId="ADAL" clId="{78138B16-7BCD-AB47-9B5F-6CC7C46E94E4}" dt="2021-04-11T11:42:25.071" v="2053" actId="20577"/>
        <pc:sldMkLst>
          <pc:docMk/>
          <pc:sldMk cId="417957493" sldId="599"/>
        </pc:sldMkLst>
        <pc:spChg chg="mod">
          <ac:chgData name="Daly Donnacha HSLU I" userId="0f22e960-400a-43ff-baeb-4828c8f5cd3a" providerId="ADAL" clId="{78138B16-7BCD-AB47-9B5F-6CC7C46E94E4}" dt="2021-04-11T11:34:32.247" v="1662" actId="20577"/>
          <ac:spMkLst>
            <pc:docMk/>
            <pc:sldMk cId="417957493" sldId="599"/>
            <ac:spMk id="2" creationId="{63F79D38-BAB9-3B47-8BA2-4CEF2E5AA76F}"/>
          </ac:spMkLst>
        </pc:spChg>
        <pc:spChg chg="del">
          <ac:chgData name="Daly Donnacha HSLU I" userId="0f22e960-400a-43ff-baeb-4828c8f5cd3a" providerId="ADAL" clId="{78138B16-7BCD-AB47-9B5F-6CC7C46E94E4}" dt="2021-04-11T11:34:35.728" v="1663" actId="478"/>
          <ac:spMkLst>
            <pc:docMk/>
            <pc:sldMk cId="417957493" sldId="599"/>
            <ac:spMk id="16" creationId="{E2A55448-5E13-A947-B93C-7A24CC38D9B8}"/>
          </ac:spMkLst>
        </pc:spChg>
        <pc:spChg chg="add mod">
          <ac:chgData name="Daly Donnacha HSLU I" userId="0f22e960-400a-43ff-baeb-4828c8f5cd3a" providerId="ADAL" clId="{78138B16-7BCD-AB47-9B5F-6CC7C46E94E4}" dt="2021-04-11T11:42:25.071" v="2053" actId="20577"/>
          <ac:spMkLst>
            <pc:docMk/>
            <pc:sldMk cId="417957493" sldId="599"/>
            <ac:spMk id="20" creationId="{F8B335D1-CA99-9144-973B-C61AB10350D9}"/>
          </ac:spMkLst>
        </pc:spChg>
        <pc:spChg chg="add mod">
          <ac:chgData name="Daly Donnacha HSLU I" userId="0f22e960-400a-43ff-baeb-4828c8f5cd3a" providerId="ADAL" clId="{78138B16-7BCD-AB47-9B5F-6CC7C46E94E4}" dt="2021-04-11T11:41:54.478" v="2032" actId="207"/>
          <ac:spMkLst>
            <pc:docMk/>
            <pc:sldMk cId="417957493" sldId="599"/>
            <ac:spMk id="21" creationId="{46DD8F70-6CA4-874D-A995-26E898D2FF4B}"/>
          </ac:spMkLst>
        </pc:spChg>
        <pc:spChg chg="add mod">
          <ac:chgData name="Daly Donnacha HSLU I" userId="0f22e960-400a-43ff-baeb-4828c8f5cd3a" providerId="ADAL" clId="{78138B16-7BCD-AB47-9B5F-6CC7C46E94E4}" dt="2021-04-11T11:41:00.138" v="2007"/>
          <ac:spMkLst>
            <pc:docMk/>
            <pc:sldMk cId="417957493" sldId="599"/>
            <ac:spMk id="23" creationId="{714732AA-07D2-F940-931B-2319F66EEFF4}"/>
          </ac:spMkLst>
        </pc:spChg>
        <pc:spChg chg="del">
          <ac:chgData name="Daly Donnacha HSLU I" userId="0f22e960-400a-43ff-baeb-4828c8f5cd3a" providerId="ADAL" clId="{78138B16-7BCD-AB47-9B5F-6CC7C46E94E4}" dt="2021-04-11T11:33:33.977" v="1639" actId="478"/>
          <ac:spMkLst>
            <pc:docMk/>
            <pc:sldMk cId="417957493" sldId="599"/>
            <ac:spMk id="26" creationId="{9BC6A42C-4987-5241-9B88-5CAE481D8B1D}"/>
          </ac:spMkLst>
        </pc:spChg>
        <pc:spChg chg="del">
          <ac:chgData name="Daly Donnacha HSLU I" userId="0f22e960-400a-43ff-baeb-4828c8f5cd3a" providerId="ADAL" clId="{78138B16-7BCD-AB47-9B5F-6CC7C46E94E4}" dt="2021-04-11T11:33:33.977" v="1639" actId="478"/>
          <ac:spMkLst>
            <pc:docMk/>
            <pc:sldMk cId="417957493" sldId="599"/>
            <ac:spMk id="30" creationId="{61B1B234-F6F1-0940-94A4-C32BC59283EC}"/>
          </ac:spMkLst>
        </pc:spChg>
        <pc:spChg chg="del">
          <ac:chgData name="Daly Donnacha HSLU I" userId="0f22e960-400a-43ff-baeb-4828c8f5cd3a" providerId="ADAL" clId="{78138B16-7BCD-AB47-9B5F-6CC7C46E94E4}" dt="2021-04-11T11:35:02.548" v="1666" actId="478"/>
          <ac:spMkLst>
            <pc:docMk/>
            <pc:sldMk cId="417957493" sldId="599"/>
            <ac:spMk id="31" creationId="{F43696B9-97F5-654E-B7E5-0641992822D7}"/>
          </ac:spMkLst>
        </pc:spChg>
        <pc:spChg chg="del">
          <ac:chgData name="Daly Donnacha HSLU I" userId="0f22e960-400a-43ff-baeb-4828c8f5cd3a" providerId="ADAL" clId="{78138B16-7BCD-AB47-9B5F-6CC7C46E94E4}" dt="2021-04-11T11:33:33.977" v="1639" actId="478"/>
          <ac:spMkLst>
            <pc:docMk/>
            <pc:sldMk cId="417957493" sldId="599"/>
            <ac:spMk id="32" creationId="{E4BF9B89-75DD-2042-8342-2D73930E8C12}"/>
          </ac:spMkLst>
        </pc:spChg>
        <pc:spChg chg="mod">
          <ac:chgData name="Daly Donnacha HSLU I" userId="0f22e960-400a-43ff-baeb-4828c8f5cd3a" providerId="ADAL" clId="{78138B16-7BCD-AB47-9B5F-6CC7C46E94E4}" dt="2021-04-11T11:40:34.673" v="2004" actId="1035"/>
          <ac:spMkLst>
            <pc:docMk/>
            <pc:sldMk cId="417957493" sldId="599"/>
            <ac:spMk id="46" creationId="{6D0AE9BF-9496-B44A-8206-0F7673A7FCB0}"/>
          </ac:spMkLst>
        </pc:spChg>
        <pc:spChg chg="del">
          <ac:chgData name="Daly Donnacha HSLU I" userId="0f22e960-400a-43ff-baeb-4828c8f5cd3a" providerId="ADAL" clId="{78138B16-7BCD-AB47-9B5F-6CC7C46E94E4}" dt="2021-04-11T11:40:59.370" v="2006" actId="478"/>
          <ac:spMkLst>
            <pc:docMk/>
            <pc:sldMk cId="417957493" sldId="599"/>
            <ac:spMk id="52" creationId="{43AC069D-E2B6-5F4F-A75A-13B2BFBCF79F}"/>
          </ac:spMkLst>
        </pc:spChg>
        <pc:cxnChg chg="del">
          <ac:chgData name="Daly Donnacha HSLU I" userId="0f22e960-400a-43ff-baeb-4828c8f5cd3a" providerId="ADAL" clId="{78138B16-7BCD-AB47-9B5F-6CC7C46E94E4}" dt="2021-04-11T11:34:58.095" v="1665" actId="478"/>
          <ac:cxnSpMkLst>
            <pc:docMk/>
            <pc:sldMk cId="417957493" sldId="599"/>
            <ac:cxnSpMk id="47" creationId="{FB78DDD4-70F8-304D-B083-D14E6231B4B7}"/>
          </ac:cxnSpMkLst>
        </pc:cxnChg>
        <pc:cxnChg chg="del">
          <ac:chgData name="Daly Donnacha HSLU I" userId="0f22e960-400a-43ff-baeb-4828c8f5cd3a" providerId="ADAL" clId="{78138B16-7BCD-AB47-9B5F-6CC7C46E94E4}" dt="2021-04-11T11:34:56.351" v="1664" actId="478"/>
          <ac:cxnSpMkLst>
            <pc:docMk/>
            <pc:sldMk cId="417957493" sldId="599"/>
            <ac:cxnSpMk id="48" creationId="{6DB19358-FFF8-6B43-916B-C9B0F5C12D3A}"/>
          </ac:cxnSpMkLst>
        </pc:cxnChg>
        <pc:cxnChg chg="del">
          <ac:chgData name="Daly Donnacha HSLU I" userId="0f22e960-400a-43ff-baeb-4828c8f5cd3a" providerId="ADAL" clId="{78138B16-7BCD-AB47-9B5F-6CC7C46E94E4}" dt="2021-04-11T11:34:56.351" v="1664" actId="478"/>
          <ac:cxnSpMkLst>
            <pc:docMk/>
            <pc:sldMk cId="417957493" sldId="599"/>
            <ac:cxnSpMk id="49" creationId="{ADABA684-ED81-4F4C-83A5-8C268DA24511}"/>
          </ac:cxnSpMkLst>
        </pc:cxnChg>
        <pc:cxnChg chg="mod">
          <ac:chgData name="Daly Donnacha HSLU I" userId="0f22e960-400a-43ff-baeb-4828c8f5cd3a" providerId="ADAL" clId="{78138B16-7BCD-AB47-9B5F-6CC7C46E94E4}" dt="2021-04-11T11:40:42.574" v="2005" actId="14100"/>
          <ac:cxnSpMkLst>
            <pc:docMk/>
            <pc:sldMk cId="417957493" sldId="599"/>
            <ac:cxnSpMk id="50" creationId="{31F390C6-43D0-BF4E-905F-B51442B061C4}"/>
          </ac:cxnSpMkLst>
        </pc:cxnChg>
      </pc:sldChg>
      <pc:sldChg chg="addSp delSp modSp add mod">
        <pc:chgData name="Daly Donnacha HSLU I" userId="0f22e960-400a-43ff-baeb-4828c8f5cd3a" providerId="ADAL" clId="{78138B16-7BCD-AB47-9B5F-6CC7C46E94E4}" dt="2021-04-11T15:05:23.347" v="6071" actId="21"/>
        <pc:sldMkLst>
          <pc:docMk/>
          <pc:sldMk cId="3723648657" sldId="601"/>
        </pc:sldMkLst>
        <pc:spChg chg="mod">
          <ac:chgData name="Daly Donnacha HSLU I" userId="0f22e960-400a-43ff-baeb-4828c8f5cd3a" providerId="ADAL" clId="{78138B16-7BCD-AB47-9B5F-6CC7C46E94E4}" dt="2021-04-11T11:36:39.292" v="1729" actId="20577"/>
          <ac:spMkLst>
            <pc:docMk/>
            <pc:sldMk cId="3723648657" sldId="601"/>
            <ac:spMk id="2" creationId="{63F79D38-BAB9-3B47-8BA2-4CEF2E5AA76F}"/>
          </ac:spMkLst>
        </pc:spChg>
        <pc:spChg chg="del">
          <ac:chgData name="Daly Donnacha HSLU I" userId="0f22e960-400a-43ff-baeb-4828c8f5cd3a" providerId="ADAL" clId="{78138B16-7BCD-AB47-9B5F-6CC7C46E94E4}" dt="2021-04-11T11:42:38.626" v="2054" actId="478"/>
          <ac:spMkLst>
            <pc:docMk/>
            <pc:sldMk cId="3723648657" sldId="601"/>
            <ac:spMk id="16" creationId="{E2A55448-5E13-A947-B93C-7A24CC38D9B8}"/>
          </ac:spMkLst>
        </pc:spChg>
        <pc:spChg chg="mod">
          <ac:chgData name="Daly Donnacha HSLU I" userId="0f22e960-400a-43ff-baeb-4828c8f5cd3a" providerId="ADAL" clId="{78138B16-7BCD-AB47-9B5F-6CC7C46E94E4}" dt="2021-04-11T11:48:54.492" v="2219" actId="20577"/>
          <ac:spMkLst>
            <pc:docMk/>
            <pc:sldMk cId="3723648657" sldId="601"/>
            <ac:spMk id="20" creationId="{351B709B-7F56-3E43-AB2F-AACA5868D2FA}"/>
          </ac:spMkLst>
        </pc:spChg>
        <pc:spChg chg="add del mod">
          <ac:chgData name="Daly Donnacha HSLU I" userId="0f22e960-400a-43ff-baeb-4828c8f5cd3a" providerId="ADAL" clId="{78138B16-7BCD-AB47-9B5F-6CC7C46E94E4}" dt="2021-04-11T11:45:53.103" v="2096" actId="478"/>
          <ac:spMkLst>
            <pc:docMk/>
            <pc:sldMk cId="3723648657" sldId="601"/>
            <ac:spMk id="29" creationId="{37098FEF-F2F2-324E-BA67-F7DA1E99AFF1}"/>
          </ac:spMkLst>
        </pc:spChg>
        <pc:spChg chg="add mod">
          <ac:chgData name="Daly Donnacha HSLU I" userId="0f22e960-400a-43ff-baeb-4828c8f5cd3a" providerId="ADAL" clId="{78138B16-7BCD-AB47-9B5F-6CC7C46E94E4}" dt="2021-04-11T11:48:12.328" v="2176" actId="20577"/>
          <ac:spMkLst>
            <pc:docMk/>
            <pc:sldMk cId="3723648657" sldId="601"/>
            <ac:spMk id="30" creationId="{2F7EC3A0-D41C-8F40-A6EE-A4399861D9CF}"/>
          </ac:spMkLst>
        </pc:spChg>
        <pc:spChg chg="mod">
          <ac:chgData name="Daly Donnacha HSLU I" userId="0f22e960-400a-43ff-baeb-4828c8f5cd3a" providerId="ADAL" clId="{78138B16-7BCD-AB47-9B5F-6CC7C46E94E4}" dt="2021-04-11T15:00:11.659" v="5946" actId="14100"/>
          <ac:spMkLst>
            <pc:docMk/>
            <pc:sldMk cId="3723648657" sldId="601"/>
            <ac:spMk id="37" creationId="{EE0EA6B4-3420-E14F-BFB2-5B06FEDA85B9}"/>
          </ac:spMkLst>
        </pc:spChg>
        <pc:spChg chg="mod">
          <ac:chgData name="Daly Donnacha HSLU I" userId="0f22e960-400a-43ff-baeb-4828c8f5cd3a" providerId="ADAL" clId="{78138B16-7BCD-AB47-9B5F-6CC7C46E94E4}" dt="2021-04-11T11:45:13.937" v="2091" actId="16959"/>
          <ac:spMkLst>
            <pc:docMk/>
            <pc:sldMk cId="3723648657" sldId="601"/>
            <ac:spMk id="38" creationId="{41EE33FB-6222-7F41-935F-B57B01CC7F1C}"/>
          </ac:spMkLst>
        </pc:spChg>
        <pc:spChg chg="mod">
          <ac:chgData name="Daly Donnacha HSLU I" userId="0f22e960-400a-43ff-baeb-4828c8f5cd3a" providerId="ADAL" clId="{78138B16-7BCD-AB47-9B5F-6CC7C46E94E4}" dt="2021-04-11T11:46:10.290" v="2101" actId="1035"/>
          <ac:spMkLst>
            <pc:docMk/>
            <pc:sldMk cId="3723648657" sldId="601"/>
            <ac:spMk id="39" creationId="{5787ED00-EF43-ED45-8658-B0D24586070A}"/>
          </ac:spMkLst>
        </pc:spChg>
        <pc:spChg chg="mod">
          <ac:chgData name="Daly Donnacha HSLU I" userId="0f22e960-400a-43ff-baeb-4828c8f5cd3a" providerId="ADAL" clId="{78138B16-7BCD-AB47-9B5F-6CC7C46E94E4}" dt="2021-04-11T11:45:02.769" v="2089" actId="16959"/>
          <ac:spMkLst>
            <pc:docMk/>
            <pc:sldMk cId="3723648657" sldId="601"/>
            <ac:spMk id="40" creationId="{B7BABB06-D7D2-B841-A1C5-A31A412C40F1}"/>
          </ac:spMkLst>
        </pc:spChg>
        <pc:spChg chg="mod">
          <ac:chgData name="Daly Donnacha HSLU I" userId="0f22e960-400a-43ff-baeb-4828c8f5cd3a" providerId="ADAL" clId="{78138B16-7BCD-AB47-9B5F-6CC7C46E94E4}" dt="2021-04-11T11:46:10.290" v="2101" actId="1035"/>
          <ac:spMkLst>
            <pc:docMk/>
            <pc:sldMk cId="3723648657" sldId="601"/>
            <ac:spMk id="43" creationId="{46D9247D-FED5-6A49-A8E7-82360E085E9C}"/>
          </ac:spMkLst>
        </pc:spChg>
        <pc:spChg chg="mod">
          <ac:chgData name="Daly Donnacha HSLU I" userId="0f22e960-400a-43ff-baeb-4828c8f5cd3a" providerId="ADAL" clId="{78138B16-7BCD-AB47-9B5F-6CC7C46E94E4}" dt="2021-04-11T11:44:54.223" v="2088" actId="1036"/>
          <ac:spMkLst>
            <pc:docMk/>
            <pc:sldMk cId="3723648657" sldId="601"/>
            <ac:spMk id="46" creationId="{280B0FB8-57E3-3748-AD5D-686E2A3780CC}"/>
          </ac:spMkLst>
        </pc:spChg>
        <pc:spChg chg="mod">
          <ac:chgData name="Daly Donnacha HSLU I" userId="0f22e960-400a-43ff-baeb-4828c8f5cd3a" providerId="ADAL" clId="{78138B16-7BCD-AB47-9B5F-6CC7C46E94E4}" dt="2021-04-11T11:54:26.811" v="2407" actId="1076"/>
          <ac:spMkLst>
            <pc:docMk/>
            <pc:sldMk cId="3723648657" sldId="601"/>
            <ac:spMk id="47" creationId="{C9938F08-A361-7C4F-8AE6-7B3810C83391}"/>
          </ac:spMkLst>
        </pc:spChg>
        <pc:spChg chg="del">
          <ac:chgData name="Daly Donnacha HSLU I" userId="0f22e960-400a-43ff-baeb-4828c8f5cd3a" providerId="ADAL" clId="{78138B16-7BCD-AB47-9B5F-6CC7C46E94E4}" dt="2021-04-11T11:43:40.320" v="2064" actId="478"/>
          <ac:spMkLst>
            <pc:docMk/>
            <pc:sldMk cId="3723648657" sldId="601"/>
            <ac:spMk id="49" creationId="{804FD085-CAB3-C34E-90E9-976E94E02AEF}"/>
          </ac:spMkLst>
        </pc:spChg>
        <pc:cxnChg chg="add mod">
          <ac:chgData name="Daly Donnacha HSLU I" userId="0f22e960-400a-43ff-baeb-4828c8f5cd3a" providerId="ADAL" clId="{78138B16-7BCD-AB47-9B5F-6CC7C46E94E4}" dt="2021-04-11T15:00:22.043" v="5962" actId="1076"/>
          <ac:cxnSpMkLst>
            <pc:docMk/>
            <pc:sldMk cId="3723648657" sldId="601"/>
            <ac:cxnSpMk id="5" creationId="{50D29A9B-1B3D-A942-82B1-7B36B8C8AF8B}"/>
          </ac:cxnSpMkLst>
        </pc:cxnChg>
        <pc:cxnChg chg="add del mod">
          <ac:chgData name="Daly Donnacha HSLU I" userId="0f22e960-400a-43ff-baeb-4828c8f5cd3a" providerId="ADAL" clId="{78138B16-7BCD-AB47-9B5F-6CC7C46E94E4}" dt="2021-04-11T15:05:23.347" v="6071" actId="21"/>
          <ac:cxnSpMkLst>
            <pc:docMk/>
            <pc:sldMk cId="3723648657" sldId="601"/>
            <ac:cxnSpMk id="31" creationId="{91223434-59BE-F34B-975C-214053985B73}"/>
          </ac:cxnSpMkLst>
        </pc:cxnChg>
        <pc:cxnChg chg="mod">
          <ac:chgData name="Daly Donnacha HSLU I" userId="0f22e960-400a-43ff-baeb-4828c8f5cd3a" providerId="ADAL" clId="{78138B16-7BCD-AB47-9B5F-6CC7C46E94E4}" dt="2021-04-11T11:43:27.640" v="2063" actId="14100"/>
          <ac:cxnSpMkLst>
            <pc:docMk/>
            <pc:sldMk cId="3723648657" sldId="601"/>
            <ac:cxnSpMk id="34" creationId="{B9A46093-7781-D246-B31C-BB7C7A56AA42}"/>
          </ac:cxnSpMkLst>
        </pc:cxnChg>
      </pc:sldChg>
      <pc:sldChg chg="modSp add mod">
        <pc:chgData name="Daly Donnacha HSLU I" userId="0f22e960-400a-43ff-baeb-4828c8f5cd3a" providerId="ADAL" clId="{78138B16-7BCD-AB47-9B5F-6CC7C46E94E4}" dt="2021-04-11T13:20:21.818" v="3873" actId="20577"/>
        <pc:sldMkLst>
          <pc:docMk/>
          <pc:sldMk cId="3005905745" sldId="602"/>
        </pc:sldMkLst>
        <pc:spChg chg="mod">
          <ac:chgData name="Daly Donnacha HSLU I" userId="0f22e960-400a-43ff-baeb-4828c8f5cd3a" providerId="ADAL" clId="{78138B16-7BCD-AB47-9B5F-6CC7C46E94E4}" dt="2021-04-07T06:07:47.121" v="226" actId="20577"/>
          <ac:spMkLst>
            <pc:docMk/>
            <pc:sldMk cId="3005905745" sldId="602"/>
            <ac:spMk id="2" creationId="{069B8F1E-027C-6440-9E6A-40BB8DAAAB65}"/>
          </ac:spMkLst>
        </pc:spChg>
        <pc:spChg chg="mod">
          <ac:chgData name="Daly Donnacha HSLU I" userId="0f22e960-400a-43ff-baeb-4828c8f5cd3a" providerId="ADAL" clId="{78138B16-7BCD-AB47-9B5F-6CC7C46E94E4}" dt="2021-04-11T13:20:21.818" v="3873" actId="20577"/>
          <ac:spMkLst>
            <pc:docMk/>
            <pc:sldMk cId="3005905745" sldId="602"/>
            <ac:spMk id="3" creationId="{63132F41-5235-6647-AE60-DA2A6069816C}"/>
          </ac:spMkLst>
        </pc:spChg>
      </pc:sldChg>
      <pc:sldChg chg="modSp add mod">
        <pc:chgData name="Daly Donnacha HSLU I" userId="0f22e960-400a-43ff-baeb-4828c8f5cd3a" providerId="ADAL" clId="{78138B16-7BCD-AB47-9B5F-6CC7C46E94E4}" dt="2021-04-07T06:14:46.102" v="584" actId="20577"/>
        <pc:sldMkLst>
          <pc:docMk/>
          <pc:sldMk cId="4018137257" sldId="603"/>
        </pc:sldMkLst>
        <pc:spChg chg="mod">
          <ac:chgData name="Daly Donnacha HSLU I" userId="0f22e960-400a-43ff-baeb-4828c8f5cd3a" providerId="ADAL" clId="{78138B16-7BCD-AB47-9B5F-6CC7C46E94E4}" dt="2021-04-07T06:12:47.617" v="438" actId="20577"/>
          <ac:spMkLst>
            <pc:docMk/>
            <pc:sldMk cId="4018137257" sldId="603"/>
            <ac:spMk id="2" creationId="{069B8F1E-027C-6440-9E6A-40BB8DAAAB65}"/>
          </ac:spMkLst>
        </pc:spChg>
        <pc:spChg chg="mod">
          <ac:chgData name="Daly Donnacha HSLU I" userId="0f22e960-400a-43ff-baeb-4828c8f5cd3a" providerId="ADAL" clId="{78138B16-7BCD-AB47-9B5F-6CC7C46E94E4}" dt="2021-04-07T06:14:46.102" v="584" actId="20577"/>
          <ac:spMkLst>
            <pc:docMk/>
            <pc:sldMk cId="4018137257" sldId="603"/>
            <ac:spMk id="3" creationId="{63132F41-5235-6647-AE60-DA2A6069816C}"/>
          </ac:spMkLst>
        </pc:spChg>
      </pc:sldChg>
      <pc:sldChg chg="modSp add mod">
        <pc:chgData name="Daly Donnacha HSLU I" userId="0f22e960-400a-43ff-baeb-4828c8f5cd3a" providerId="ADAL" clId="{78138B16-7BCD-AB47-9B5F-6CC7C46E94E4}" dt="2021-04-07T06:15:26.360" v="647" actId="20577"/>
        <pc:sldMkLst>
          <pc:docMk/>
          <pc:sldMk cId="1694548164" sldId="604"/>
        </pc:sldMkLst>
        <pc:spChg chg="mod">
          <ac:chgData name="Daly Donnacha HSLU I" userId="0f22e960-400a-43ff-baeb-4828c8f5cd3a" providerId="ADAL" clId="{78138B16-7BCD-AB47-9B5F-6CC7C46E94E4}" dt="2021-04-07T06:14:56.303" v="587" actId="20577"/>
          <ac:spMkLst>
            <pc:docMk/>
            <pc:sldMk cId="1694548164" sldId="604"/>
            <ac:spMk id="2" creationId="{069B8F1E-027C-6440-9E6A-40BB8DAAAB65}"/>
          </ac:spMkLst>
        </pc:spChg>
        <pc:spChg chg="mod">
          <ac:chgData name="Daly Donnacha HSLU I" userId="0f22e960-400a-43ff-baeb-4828c8f5cd3a" providerId="ADAL" clId="{78138B16-7BCD-AB47-9B5F-6CC7C46E94E4}" dt="2021-04-07T06:15:26.360" v="647" actId="20577"/>
          <ac:spMkLst>
            <pc:docMk/>
            <pc:sldMk cId="1694548164" sldId="604"/>
            <ac:spMk id="3" creationId="{63132F41-5235-6647-AE60-DA2A6069816C}"/>
          </ac:spMkLst>
        </pc:spChg>
      </pc:sldChg>
      <pc:sldChg chg="addSp delSp modSp add mod">
        <pc:chgData name="Daly Donnacha HSLU I" userId="0f22e960-400a-43ff-baeb-4828c8f5cd3a" providerId="ADAL" clId="{78138B16-7BCD-AB47-9B5F-6CC7C46E94E4}" dt="2021-04-12T12:46:14.770" v="9533" actId="20577"/>
        <pc:sldMkLst>
          <pc:docMk/>
          <pc:sldMk cId="311735363" sldId="605"/>
        </pc:sldMkLst>
        <pc:spChg chg="mod">
          <ac:chgData name="Daly Donnacha HSLU I" userId="0f22e960-400a-43ff-baeb-4828c8f5cd3a" providerId="ADAL" clId="{78138B16-7BCD-AB47-9B5F-6CC7C46E94E4}" dt="2021-04-11T13:23:13.697" v="3898" actId="20577"/>
          <ac:spMkLst>
            <pc:docMk/>
            <pc:sldMk cId="311735363" sldId="605"/>
            <ac:spMk id="2" creationId="{9AFDF932-ACF8-F740-97BB-25AAC33A9C7B}"/>
          </ac:spMkLst>
        </pc:spChg>
        <pc:spChg chg="del">
          <ac:chgData name="Daly Donnacha HSLU I" userId="0f22e960-400a-43ff-baeb-4828c8f5cd3a" providerId="ADAL" clId="{78138B16-7BCD-AB47-9B5F-6CC7C46E94E4}" dt="2021-04-11T12:42:50.260" v="3419" actId="478"/>
          <ac:spMkLst>
            <pc:docMk/>
            <pc:sldMk cId="311735363" sldId="605"/>
            <ac:spMk id="3" creationId="{CDA83C55-9B4C-7A45-A3B1-AAAFE07F7D12}"/>
          </ac:spMkLst>
        </pc:spChg>
        <pc:spChg chg="del">
          <ac:chgData name="Daly Donnacha HSLU I" userId="0f22e960-400a-43ff-baeb-4828c8f5cd3a" providerId="ADAL" clId="{78138B16-7BCD-AB47-9B5F-6CC7C46E94E4}" dt="2021-04-11T12:42:50.260" v="3419" actId="478"/>
          <ac:spMkLst>
            <pc:docMk/>
            <pc:sldMk cId="311735363" sldId="605"/>
            <ac:spMk id="4" creationId="{DA540604-8DA6-574E-A3BF-CC4B3E93F08A}"/>
          </ac:spMkLst>
        </pc:spChg>
        <pc:spChg chg="del">
          <ac:chgData name="Daly Donnacha HSLU I" userId="0f22e960-400a-43ff-baeb-4828c8f5cd3a" providerId="ADAL" clId="{78138B16-7BCD-AB47-9B5F-6CC7C46E94E4}" dt="2021-04-11T12:42:50.260" v="3419" actId="478"/>
          <ac:spMkLst>
            <pc:docMk/>
            <pc:sldMk cId="311735363" sldId="605"/>
            <ac:spMk id="5" creationId="{1F98759A-6BD9-0346-B67B-5D59A415DDA2}"/>
          </ac:spMkLst>
        </pc:spChg>
        <pc:spChg chg="del">
          <ac:chgData name="Daly Donnacha HSLU I" userId="0f22e960-400a-43ff-baeb-4828c8f5cd3a" providerId="ADAL" clId="{78138B16-7BCD-AB47-9B5F-6CC7C46E94E4}" dt="2021-04-11T12:42:50.260" v="3419" actId="478"/>
          <ac:spMkLst>
            <pc:docMk/>
            <pc:sldMk cId="311735363" sldId="605"/>
            <ac:spMk id="6" creationId="{F838892C-9496-814C-90CD-2465DAEC53D6}"/>
          </ac:spMkLst>
        </pc:spChg>
        <pc:spChg chg="del">
          <ac:chgData name="Daly Donnacha HSLU I" userId="0f22e960-400a-43ff-baeb-4828c8f5cd3a" providerId="ADAL" clId="{78138B16-7BCD-AB47-9B5F-6CC7C46E94E4}" dt="2021-04-11T12:42:50.260" v="3419" actId="478"/>
          <ac:spMkLst>
            <pc:docMk/>
            <pc:sldMk cId="311735363" sldId="605"/>
            <ac:spMk id="7" creationId="{F7CE5AB3-E972-9B41-83A7-A20E1B544EA6}"/>
          </ac:spMkLst>
        </pc:spChg>
        <pc:spChg chg="del">
          <ac:chgData name="Daly Donnacha HSLU I" userId="0f22e960-400a-43ff-baeb-4828c8f5cd3a" providerId="ADAL" clId="{78138B16-7BCD-AB47-9B5F-6CC7C46E94E4}" dt="2021-04-11T12:42:50.260" v="3419" actId="478"/>
          <ac:spMkLst>
            <pc:docMk/>
            <pc:sldMk cId="311735363" sldId="605"/>
            <ac:spMk id="12" creationId="{0D5EBFD4-36ED-024E-89D8-8342EC164E69}"/>
          </ac:spMkLst>
        </pc:spChg>
        <pc:spChg chg="del">
          <ac:chgData name="Daly Donnacha HSLU I" userId="0f22e960-400a-43ff-baeb-4828c8f5cd3a" providerId="ADAL" clId="{78138B16-7BCD-AB47-9B5F-6CC7C46E94E4}" dt="2021-04-11T12:42:50.260" v="3419" actId="478"/>
          <ac:spMkLst>
            <pc:docMk/>
            <pc:sldMk cId="311735363" sldId="605"/>
            <ac:spMk id="13" creationId="{A4EC1B46-77BB-214D-8660-81AF9974D82D}"/>
          </ac:spMkLst>
        </pc:spChg>
        <pc:spChg chg="del">
          <ac:chgData name="Daly Donnacha HSLU I" userId="0f22e960-400a-43ff-baeb-4828c8f5cd3a" providerId="ADAL" clId="{78138B16-7BCD-AB47-9B5F-6CC7C46E94E4}" dt="2021-04-11T12:42:50.260" v="3419" actId="478"/>
          <ac:spMkLst>
            <pc:docMk/>
            <pc:sldMk cId="311735363" sldId="605"/>
            <ac:spMk id="25" creationId="{43728FD0-63B8-2D4A-8DE0-CB90572921D3}"/>
          </ac:spMkLst>
        </pc:spChg>
        <pc:spChg chg="del">
          <ac:chgData name="Daly Donnacha HSLU I" userId="0f22e960-400a-43ff-baeb-4828c8f5cd3a" providerId="ADAL" clId="{78138B16-7BCD-AB47-9B5F-6CC7C46E94E4}" dt="2021-04-11T12:42:50.260" v="3419" actId="478"/>
          <ac:spMkLst>
            <pc:docMk/>
            <pc:sldMk cId="311735363" sldId="605"/>
            <ac:spMk id="39" creationId="{526DAE01-7B5E-CE43-98F5-316F1536D356}"/>
          </ac:spMkLst>
        </pc:spChg>
        <pc:spChg chg="del">
          <ac:chgData name="Daly Donnacha HSLU I" userId="0f22e960-400a-43ff-baeb-4828c8f5cd3a" providerId="ADAL" clId="{78138B16-7BCD-AB47-9B5F-6CC7C46E94E4}" dt="2021-04-11T12:42:50.260" v="3419" actId="478"/>
          <ac:spMkLst>
            <pc:docMk/>
            <pc:sldMk cId="311735363" sldId="605"/>
            <ac:spMk id="40" creationId="{4C14E4D0-7FF8-5A40-B5B8-92828D812902}"/>
          </ac:spMkLst>
        </pc:spChg>
        <pc:spChg chg="del">
          <ac:chgData name="Daly Donnacha HSLU I" userId="0f22e960-400a-43ff-baeb-4828c8f5cd3a" providerId="ADAL" clId="{78138B16-7BCD-AB47-9B5F-6CC7C46E94E4}" dt="2021-04-11T12:42:50.260" v="3419" actId="478"/>
          <ac:spMkLst>
            <pc:docMk/>
            <pc:sldMk cId="311735363" sldId="605"/>
            <ac:spMk id="41" creationId="{A9C9C6B1-2E4B-B646-BF23-2458F413D1E9}"/>
          </ac:spMkLst>
        </pc:spChg>
        <pc:spChg chg="del">
          <ac:chgData name="Daly Donnacha HSLU I" userId="0f22e960-400a-43ff-baeb-4828c8f5cd3a" providerId="ADAL" clId="{78138B16-7BCD-AB47-9B5F-6CC7C46E94E4}" dt="2021-04-11T12:42:50.260" v="3419" actId="478"/>
          <ac:spMkLst>
            <pc:docMk/>
            <pc:sldMk cId="311735363" sldId="605"/>
            <ac:spMk id="42" creationId="{DC8EC5F4-97F2-7647-9ED5-945E03BDE836}"/>
          </ac:spMkLst>
        </pc:spChg>
        <pc:spChg chg="del">
          <ac:chgData name="Daly Donnacha HSLU I" userId="0f22e960-400a-43ff-baeb-4828c8f5cd3a" providerId="ADAL" clId="{78138B16-7BCD-AB47-9B5F-6CC7C46E94E4}" dt="2021-04-11T12:42:50.260" v="3419" actId="478"/>
          <ac:spMkLst>
            <pc:docMk/>
            <pc:sldMk cId="311735363" sldId="605"/>
            <ac:spMk id="43" creationId="{A3C82C20-184C-C94C-9781-B0BC3D541461}"/>
          </ac:spMkLst>
        </pc:spChg>
        <pc:spChg chg="del">
          <ac:chgData name="Daly Donnacha HSLU I" userId="0f22e960-400a-43ff-baeb-4828c8f5cd3a" providerId="ADAL" clId="{78138B16-7BCD-AB47-9B5F-6CC7C46E94E4}" dt="2021-04-11T12:42:50.260" v="3419" actId="478"/>
          <ac:spMkLst>
            <pc:docMk/>
            <pc:sldMk cId="311735363" sldId="605"/>
            <ac:spMk id="48" creationId="{7561F0C8-769C-4943-8A7D-53226FE96841}"/>
          </ac:spMkLst>
        </pc:spChg>
        <pc:spChg chg="del">
          <ac:chgData name="Daly Donnacha HSLU I" userId="0f22e960-400a-43ff-baeb-4828c8f5cd3a" providerId="ADAL" clId="{78138B16-7BCD-AB47-9B5F-6CC7C46E94E4}" dt="2021-04-11T12:42:50.260" v="3419" actId="478"/>
          <ac:spMkLst>
            <pc:docMk/>
            <pc:sldMk cId="311735363" sldId="605"/>
            <ac:spMk id="51" creationId="{3BA2F283-F9C5-E340-810A-141716189618}"/>
          </ac:spMkLst>
        </pc:spChg>
        <pc:spChg chg="del">
          <ac:chgData name="Daly Donnacha HSLU I" userId="0f22e960-400a-43ff-baeb-4828c8f5cd3a" providerId="ADAL" clId="{78138B16-7BCD-AB47-9B5F-6CC7C46E94E4}" dt="2021-04-11T12:42:50.260" v="3419" actId="478"/>
          <ac:spMkLst>
            <pc:docMk/>
            <pc:sldMk cId="311735363" sldId="605"/>
            <ac:spMk id="55" creationId="{1C3B22B7-E5C5-DD47-9738-2BF0781C3C69}"/>
          </ac:spMkLst>
        </pc:spChg>
        <pc:spChg chg="del">
          <ac:chgData name="Daly Donnacha HSLU I" userId="0f22e960-400a-43ff-baeb-4828c8f5cd3a" providerId="ADAL" clId="{78138B16-7BCD-AB47-9B5F-6CC7C46E94E4}" dt="2021-04-11T12:42:50.260" v="3419" actId="478"/>
          <ac:spMkLst>
            <pc:docMk/>
            <pc:sldMk cId="311735363" sldId="605"/>
            <ac:spMk id="57" creationId="{467ABC0B-09E9-9D4D-BC5E-7A3EADF9020B}"/>
          </ac:spMkLst>
        </pc:spChg>
        <pc:spChg chg="del">
          <ac:chgData name="Daly Donnacha HSLU I" userId="0f22e960-400a-43ff-baeb-4828c8f5cd3a" providerId="ADAL" clId="{78138B16-7BCD-AB47-9B5F-6CC7C46E94E4}" dt="2021-04-11T12:42:50.260" v="3419" actId="478"/>
          <ac:spMkLst>
            <pc:docMk/>
            <pc:sldMk cId="311735363" sldId="605"/>
            <ac:spMk id="58" creationId="{C1246E6F-0F36-DB45-9EA6-EAEF79AE73A0}"/>
          </ac:spMkLst>
        </pc:spChg>
        <pc:spChg chg="del">
          <ac:chgData name="Daly Donnacha HSLU I" userId="0f22e960-400a-43ff-baeb-4828c8f5cd3a" providerId="ADAL" clId="{78138B16-7BCD-AB47-9B5F-6CC7C46E94E4}" dt="2021-04-11T12:42:54.657" v="3420" actId="478"/>
          <ac:spMkLst>
            <pc:docMk/>
            <pc:sldMk cId="311735363" sldId="605"/>
            <ac:spMk id="60" creationId="{AB404147-D358-B644-9F18-B5F1204E3C25}"/>
          </ac:spMkLst>
        </pc:spChg>
        <pc:spChg chg="mod">
          <ac:chgData name="Daly Donnacha HSLU I" userId="0f22e960-400a-43ff-baeb-4828c8f5cd3a" providerId="ADAL" clId="{78138B16-7BCD-AB47-9B5F-6CC7C46E94E4}" dt="2021-04-12T12:46:14.770" v="9533" actId="20577"/>
          <ac:spMkLst>
            <pc:docMk/>
            <pc:sldMk cId="311735363" sldId="605"/>
            <ac:spMk id="61" creationId="{9FAA0109-D669-A749-A3B9-D008A2027CBB}"/>
          </ac:spMkLst>
        </pc:spChg>
        <pc:spChg chg="mod">
          <ac:chgData name="Daly Donnacha HSLU I" userId="0f22e960-400a-43ff-baeb-4828c8f5cd3a" providerId="ADAL" clId="{78138B16-7BCD-AB47-9B5F-6CC7C46E94E4}" dt="2021-04-11T12:43:44.825" v="3429" actId="1076"/>
          <ac:spMkLst>
            <pc:docMk/>
            <pc:sldMk cId="311735363" sldId="605"/>
            <ac:spMk id="62" creationId="{75DCF587-5D38-8E46-BA81-8BDEA1D4E4B3}"/>
          </ac:spMkLst>
        </pc:spChg>
        <pc:spChg chg="mod">
          <ac:chgData name="Daly Donnacha HSLU I" userId="0f22e960-400a-43ff-baeb-4828c8f5cd3a" providerId="ADAL" clId="{78138B16-7BCD-AB47-9B5F-6CC7C46E94E4}" dt="2021-04-11T12:43:44.825" v="3429" actId="1076"/>
          <ac:spMkLst>
            <pc:docMk/>
            <pc:sldMk cId="311735363" sldId="605"/>
            <ac:spMk id="63" creationId="{BBB15F0A-84C5-D640-80D6-5C48CA0E1636}"/>
          </ac:spMkLst>
        </pc:spChg>
        <pc:spChg chg="mod">
          <ac:chgData name="Daly Donnacha HSLU I" userId="0f22e960-400a-43ff-baeb-4828c8f5cd3a" providerId="ADAL" clId="{78138B16-7BCD-AB47-9B5F-6CC7C46E94E4}" dt="2021-04-11T12:43:44.825" v="3429" actId="1076"/>
          <ac:spMkLst>
            <pc:docMk/>
            <pc:sldMk cId="311735363" sldId="605"/>
            <ac:spMk id="64" creationId="{277CB4AB-25BE-C240-9E2A-570F272DC5AA}"/>
          </ac:spMkLst>
        </pc:spChg>
        <pc:spChg chg="mod">
          <ac:chgData name="Daly Donnacha HSLU I" userId="0f22e960-400a-43ff-baeb-4828c8f5cd3a" providerId="ADAL" clId="{78138B16-7BCD-AB47-9B5F-6CC7C46E94E4}" dt="2021-04-11T12:43:44.825" v="3429" actId="1076"/>
          <ac:spMkLst>
            <pc:docMk/>
            <pc:sldMk cId="311735363" sldId="605"/>
            <ac:spMk id="65" creationId="{1C8DB4B9-7C34-D44E-987B-A07DD68C5C7F}"/>
          </ac:spMkLst>
        </pc:spChg>
        <pc:spChg chg="mod">
          <ac:chgData name="Daly Donnacha HSLU I" userId="0f22e960-400a-43ff-baeb-4828c8f5cd3a" providerId="ADAL" clId="{78138B16-7BCD-AB47-9B5F-6CC7C46E94E4}" dt="2021-04-11T12:43:44.825" v="3429" actId="1076"/>
          <ac:spMkLst>
            <pc:docMk/>
            <pc:sldMk cId="311735363" sldId="605"/>
            <ac:spMk id="70" creationId="{24580AE8-4D20-0D45-A0F6-A1E7E4BD4ABC}"/>
          </ac:spMkLst>
        </pc:spChg>
        <pc:spChg chg="mod">
          <ac:chgData name="Daly Donnacha HSLU I" userId="0f22e960-400a-43ff-baeb-4828c8f5cd3a" providerId="ADAL" clId="{78138B16-7BCD-AB47-9B5F-6CC7C46E94E4}" dt="2021-04-11T12:43:44.825" v="3429" actId="1076"/>
          <ac:spMkLst>
            <pc:docMk/>
            <pc:sldMk cId="311735363" sldId="605"/>
            <ac:spMk id="71" creationId="{0DA14B2B-B537-0F49-A387-D58A5CB7D7B7}"/>
          </ac:spMkLst>
        </pc:spChg>
        <pc:spChg chg="mod">
          <ac:chgData name="Daly Donnacha HSLU I" userId="0f22e960-400a-43ff-baeb-4828c8f5cd3a" providerId="ADAL" clId="{78138B16-7BCD-AB47-9B5F-6CC7C46E94E4}" dt="2021-04-11T12:43:44.825" v="3429" actId="1076"/>
          <ac:spMkLst>
            <pc:docMk/>
            <pc:sldMk cId="311735363" sldId="605"/>
            <ac:spMk id="76" creationId="{84DD9D6E-B803-8E43-BB17-BD7E7560B466}"/>
          </ac:spMkLst>
        </pc:spChg>
        <pc:spChg chg="del">
          <ac:chgData name="Daly Donnacha HSLU I" userId="0f22e960-400a-43ff-baeb-4828c8f5cd3a" providerId="ADAL" clId="{78138B16-7BCD-AB47-9B5F-6CC7C46E94E4}" dt="2021-04-11T12:43:18.190" v="3428" actId="478"/>
          <ac:spMkLst>
            <pc:docMk/>
            <pc:sldMk cId="311735363" sldId="605"/>
            <ac:spMk id="86" creationId="{5FCE7C82-876B-574F-9209-8626BD643661}"/>
          </ac:spMkLst>
        </pc:spChg>
        <pc:spChg chg="del">
          <ac:chgData name="Daly Donnacha HSLU I" userId="0f22e960-400a-43ff-baeb-4828c8f5cd3a" providerId="ADAL" clId="{78138B16-7BCD-AB47-9B5F-6CC7C46E94E4}" dt="2021-04-11T12:43:18.190" v="3428" actId="478"/>
          <ac:spMkLst>
            <pc:docMk/>
            <pc:sldMk cId="311735363" sldId="605"/>
            <ac:spMk id="92" creationId="{016CC831-1997-7243-B67E-239E2F458E29}"/>
          </ac:spMkLst>
        </pc:spChg>
        <pc:spChg chg="mod">
          <ac:chgData name="Daly Donnacha HSLU I" userId="0f22e960-400a-43ff-baeb-4828c8f5cd3a" providerId="ADAL" clId="{78138B16-7BCD-AB47-9B5F-6CC7C46E94E4}" dt="2021-04-11T12:43:44.825" v="3429" actId="1076"/>
          <ac:spMkLst>
            <pc:docMk/>
            <pc:sldMk cId="311735363" sldId="605"/>
            <ac:spMk id="100" creationId="{86896DDF-6C30-C64A-B38B-B5ECC4730E99}"/>
          </ac:spMkLst>
        </pc:spChg>
        <pc:spChg chg="mod">
          <ac:chgData name="Daly Donnacha HSLU I" userId="0f22e960-400a-43ff-baeb-4828c8f5cd3a" providerId="ADAL" clId="{78138B16-7BCD-AB47-9B5F-6CC7C46E94E4}" dt="2021-04-11T12:43:44.825" v="3429" actId="1076"/>
          <ac:spMkLst>
            <pc:docMk/>
            <pc:sldMk cId="311735363" sldId="605"/>
            <ac:spMk id="101" creationId="{94BF91EF-74A7-1F42-807E-84BFAF7A7478}"/>
          </ac:spMkLst>
        </pc:spChg>
        <pc:spChg chg="mod">
          <ac:chgData name="Daly Donnacha HSLU I" userId="0f22e960-400a-43ff-baeb-4828c8f5cd3a" providerId="ADAL" clId="{78138B16-7BCD-AB47-9B5F-6CC7C46E94E4}" dt="2021-04-11T12:43:44.825" v="3429" actId="1076"/>
          <ac:spMkLst>
            <pc:docMk/>
            <pc:sldMk cId="311735363" sldId="605"/>
            <ac:spMk id="102" creationId="{85F81F4F-8214-714B-9AEA-99639272FBEF}"/>
          </ac:spMkLst>
        </pc:spChg>
        <pc:spChg chg="mod">
          <ac:chgData name="Daly Donnacha HSLU I" userId="0f22e960-400a-43ff-baeb-4828c8f5cd3a" providerId="ADAL" clId="{78138B16-7BCD-AB47-9B5F-6CC7C46E94E4}" dt="2021-04-11T12:45:12.505" v="3466" actId="1035"/>
          <ac:spMkLst>
            <pc:docMk/>
            <pc:sldMk cId="311735363" sldId="605"/>
            <ac:spMk id="103" creationId="{5E3CC73E-99EE-5147-9419-86A3B4B722F2}"/>
          </ac:spMkLst>
        </pc:spChg>
        <pc:spChg chg="mod">
          <ac:chgData name="Daly Donnacha HSLU I" userId="0f22e960-400a-43ff-baeb-4828c8f5cd3a" providerId="ADAL" clId="{78138B16-7BCD-AB47-9B5F-6CC7C46E94E4}" dt="2021-04-11T12:44:07.317" v="3435" actId="1076"/>
          <ac:spMkLst>
            <pc:docMk/>
            <pc:sldMk cId="311735363" sldId="605"/>
            <ac:spMk id="104" creationId="{43F33257-4DEE-F245-A668-AEED8F486839}"/>
          </ac:spMkLst>
        </pc:spChg>
        <pc:cxnChg chg="del mod">
          <ac:chgData name="Daly Donnacha HSLU I" userId="0f22e960-400a-43ff-baeb-4828c8f5cd3a" providerId="ADAL" clId="{78138B16-7BCD-AB47-9B5F-6CC7C46E94E4}" dt="2021-04-11T12:42:50.260" v="3419" actId="478"/>
          <ac:cxnSpMkLst>
            <pc:docMk/>
            <pc:sldMk cId="311735363" sldId="605"/>
            <ac:cxnSpMk id="8" creationId="{8F9D9022-3AB4-B34A-984D-81DAE56887C9}"/>
          </ac:cxnSpMkLst>
        </pc:cxnChg>
        <pc:cxnChg chg="del mod">
          <ac:chgData name="Daly Donnacha HSLU I" userId="0f22e960-400a-43ff-baeb-4828c8f5cd3a" providerId="ADAL" clId="{78138B16-7BCD-AB47-9B5F-6CC7C46E94E4}" dt="2021-04-11T12:42:50.260" v="3419" actId="478"/>
          <ac:cxnSpMkLst>
            <pc:docMk/>
            <pc:sldMk cId="311735363" sldId="605"/>
            <ac:cxnSpMk id="9" creationId="{E274638B-5634-EE48-ACB3-5B90AD602AB7}"/>
          </ac:cxnSpMkLst>
        </pc:cxnChg>
        <pc:cxnChg chg="del mod">
          <ac:chgData name="Daly Donnacha HSLU I" userId="0f22e960-400a-43ff-baeb-4828c8f5cd3a" providerId="ADAL" clId="{78138B16-7BCD-AB47-9B5F-6CC7C46E94E4}" dt="2021-04-11T12:42:50.260" v="3419" actId="478"/>
          <ac:cxnSpMkLst>
            <pc:docMk/>
            <pc:sldMk cId="311735363" sldId="605"/>
            <ac:cxnSpMk id="10" creationId="{BF10CAEB-05D1-0E4C-B8E5-BBB1DC4E8FAC}"/>
          </ac:cxnSpMkLst>
        </pc:cxnChg>
        <pc:cxnChg chg="del mod">
          <ac:chgData name="Daly Donnacha HSLU I" userId="0f22e960-400a-43ff-baeb-4828c8f5cd3a" providerId="ADAL" clId="{78138B16-7BCD-AB47-9B5F-6CC7C46E94E4}" dt="2021-04-11T12:42:50.260" v="3419" actId="478"/>
          <ac:cxnSpMkLst>
            <pc:docMk/>
            <pc:sldMk cId="311735363" sldId="605"/>
            <ac:cxnSpMk id="11" creationId="{F8BF8126-1602-FB48-8052-3782E834EC24}"/>
          </ac:cxnSpMkLst>
        </pc:cxnChg>
        <pc:cxnChg chg="del mod">
          <ac:chgData name="Daly Donnacha HSLU I" userId="0f22e960-400a-43ff-baeb-4828c8f5cd3a" providerId="ADAL" clId="{78138B16-7BCD-AB47-9B5F-6CC7C46E94E4}" dt="2021-04-11T12:42:50.260" v="3419" actId="478"/>
          <ac:cxnSpMkLst>
            <pc:docMk/>
            <pc:sldMk cId="311735363" sldId="605"/>
            <ac:cxnSpMk id="14" creationId="{3249B471-28D3-6B44-A35D-6CD6F0E4C01F}"/>
          </ac:cxnSpMkLst>
        </pc:cxnChg>
        <pc:cxnChg chg="del mod">
          <ac:chgData name="Daly Donnacha HSLU I" userId="0f22e960-400a-43ff-baeb-4828c8f5cd3a" providerId="ADAL" clId="{78138B16-7BCD-AB47-9B5F-6CC7C46E94E4}" dt="2021-04-11T12:42:50.260" v="3419" actId="478"/>
          <ac:cxnSpMkLst>
            <pc:docMk/>
            <pc:sldMk cId="311735363" sldId="605"/>
            <ac:cxnSpMk id="15" creationId="{F325E457-E528-4B4C-99EF-687E736256C7}"/>
          </ac:cxnSpMkLst>
        </pc:cxnChg>
        <pc:cxnChg chg="del mod">
          <ac:chgData name="Daly Donnacha HSLU I" userId="0f22e960-400a-43ff-baeb-4828c8f5cd3a" providerId="ADAL" clId="{78138B16-7BCD-AB47-9B5F-6CC7C46E94E4}" dt="2021-04-11T12:42:50.260" v="3419" actId="478"/>
          <ac:cxnSpMkLst>
            <pc:docMk/>
            <pc:sldMk cId="311735363" sldId="605"/>
            <ac:cxnSpMk id="16" creationId="{B63796DB-8CE9-034F-B368-AF9EFB758125}"/>
          </ac:cxnSpMkLst>
        </pc:cxnChg>
        <pc:cxnChg chg="del mod">
          <ac:chgData name="Daly Donnacha HSLU I" userId="0f22e960-400a-43ff-baeb-4828c8f5cd3a" providerId="ADAL" clId="{78138B16-7BCD-AB47-9B5F-6CC7C46E94E4}" dt="2021-04-11T12:42:50.260" v="3419" actId="478"/>
          <ac:cxnSpMkLst>
            <pc:docMk/>
            <pc:sldMk cId="311735363" sldId="605"/>
            <ac:cxnSpMk id="17" creationId="{B3F20619-DA25-5645-93E1-D9BA2382A22A}"/>
          </ac:cxnSpMkLst>
        </pc:cxnChg>
        <pc:cxnChg chg="add mod">
          <ac:chgData name="Daly Donnacha HSLU I" userId="0f22e960-400a-43ff-baeb-4828c8f5cd3a" providerId="ADAL" clId="{78138B16-7BCD-AB47-9B5F-6CC7C46E94E4}" dt="2021-04-11T12:44:38.366" v="3440" actId="1035"/>
          <ac:cxnSpMkLst>
            <pc:docMk/>
            <pc:sldMk cId="311735363" sldId="605"/>
            <ac:cxnSpMk id="19" creationId="{D180F539-8867-D141-9622-DC2B5D913355}"/>
          </ac:cxnSpMkLst>
        </pc:cxnChg>
        <pc:cxnChg chg="del mod">
          <ac:chgData name="Daly Donnacha HSLU I" userId="0f22e960-400a-43ff-baeb-4828c8f5cd3a" providerId="ADAL" clId="{78138B16-7BCD-AB47-9B5F-6CC7C46E94E4}" dt="2021-04-11T12:42:50.260" v="3419" actId="478"/>
          <ac:cxnSpMkLst>
            <pc:docMk/>
            <pc:sldMk cId="311735363" sldId="605"/>
            <ac:cxnSpMk id="26" creationId="{D1057C2F-990B-5143-896C-23279DA22D2C}"/>
          </ac:cxnSpMkLst>
        </pc:cxnChg>
        <pc:cxnChg chg="del mod">
          <ac:chgData name="Daly Donnacha HSLU I" userId="0f22e960-400a-43ff-baeb-4828c8f5cd3a" providerId="ADAL" clId="{78138B16-7BCD-AB47-9B5F-6CC7C46E94E4}" dt="2021-04-11T12:42:50.260" v="3419" actId="478"/>
          <ac:cxnSpMkLst>
            <pc:docMk/>
            <pc:sldMk cId="311735363" sldId="605"/>
            <ac:cxnSpMk id="27" creationId="{6B5E99B6-016F-C74A-9203-1E0C4F1E24AA}"/>
          </ac:cxnSpMkLst>
        </pc:cxnChg>
        <pc:cxnChg chg="del mod">
          <ac:chgData name="Daly Donnacha HSLU I" userId="0f22e960-400a-43ff-baeb-4828c8f5cd3a" providerId="ADAL" clId="{78138B16-7BCD-AB47-9B5F-6CC7C46E94E4}" dt="2021-04-11T12:42:50.260" v="3419" actId="478"/>
          <ac:cxnSpMkLst>
            <pc:docMk/>
            <pc:sldMk cId="311735363" sldId="605"/>
            <ac:cxnSpMk id="28" creationId="{CF4B0AE4-C535-AF46-94D9-D60B09F2E22A}"/>
          </ac:cxnSpMkLst>
        </pc:cxnChg>
        <pc:cxnChg chg="del mod">
          <ac:chgData name="Daly Donnacha HSLU I" userId="0f22e960-400a-43ff-baeb-4828c8f5cd3a" providerId="ADAL" clId="{78138B16-7BCD-AB47-9B5F-6CC7C46E94E4}" dt="2021-04-11T12:42:50.260" v="3419" actId="478"/>
          <ac:cxnSpMkLst>
            <pc:docMk/>
            <pc:sldMk cId="311735363" sldId="605"/>
            <ac:cxnSpMk id="29" creationId="{EC90A1B0-1DDD-9245-813F-0C75E34D1281}"/>
          </ac:cxnSpMkLst>
        </pc:cxnChg>
        <pc:cxnChg chg="del mod">
          <ac:chgData name="Daly Donnacha HSLU I" userId="0f22e960-400a-43ff-baeb-4828c8f5cd3a" providerId="ADAL" clId="{78138B16-7BCD-AB47-9B5F-6CC7C46E94E4}" dt="2021-04-11T12:42:50.260" v="3419" actId="478"/>
          <ac:cxnSpMkLst>
            <pc:docMk/>
            <pc:sldMk cId="311735363" sldId="605"/>
            <ac:cxnSpMk id="45" creationId="{5548B744-A4AC-A24C-AB5F-2059D00712DD}"/>
          </ac:cxnSpMkLst>
        </pc:cxnChg>
        <pc:cxnChg chg="del mod">
          <ac:chgData name="Daly Donnacha HSLU I" userId="0f22e960-400a-43ff-baeb-4828c8f5cd3a" providerId="ADAL" clId="{78138B16-7BCD-AB47-9B5F-6CC7C46E94E4}" dt="2021-04-11T12:42:50.260" v="3419" actId="478"/>
          <ac:cxnSpMkLst>
            <pc:docMk/>
            <pc:sldMk cId="311735363" sldId="605"/>
            <ac:cxnSpMk id="52" creationId="{43DC3E15-BE93-DE42-A40A-BB8C73AE72B8}"/>
          </ac:cxnSpMkLst>
        </pc:cxnChg>
        <pc:cxnChg chg="mod">
          <ac:chgData name="Daly Donnacha HSLU I" userId="0f22e960-400a-43ff-baeb-4828c8f5cd3a" providerId="ADAL" clId="{78138B16-7BCD-AB47-9B5F-6CC7C46E94E4}" dt="2021-04-11T12:43:44.825" v="3429" actId="1076"/>
          <ac:cxnSpMkLst>
            <pc:docMk/>
            <pc:sldMk cId="311735363" sldId="605"/>
            <ac:cxnSpMk id="66" creationId="{C2C66E84-F4D8-D348-8328-FD676026EDFB}"/>
          </ac:cxnSpMkLst>
        </pc:cxnChg>
        <pc:cxnChg chg="mod">
          <ac:chgData name="Daly Donnacha HSLU I" userId="0f22e960-400a-43ff-baeb-4828c8f5cd3a" providerId="ADAL" clId="{78138B16-7BCD-AB47-9B5F-6CC7C46E94E4}" dt="2021-04-11T12:43:44.825" v="3429" actId="1076"/>
          <ac:cxnSpMkLst>
            <pc:docMk/>
            <pc:sldMk cId="311735363" sldId="605"/>
            <ac:cxnSpMk id="67" creationId="{D521886B-CAA1-2146-840C-C5AFDE00D1B1}"/>
          </ac:cxnSpMkLst>
        </pc:cxnChg>
        <pc:cxnChg chg="mod">
          <ac:chgData name="Daly Donnacha HSLU I" userId="0f22e960-400a-43ff-baeb-4828c8f5cd3a" providerId="ADAL" clId="{78138B16-7BCD-AB47-9B5F-6CC7C46E94E4}" dt="2021-04-11T12:43:44.825" v="3429" actId="1076"/>
          <ac:cxnSpMkLst>
            <pc:docMk/>
            <pc:sldMk cId="311735363" sldId="605"/>
            <ac:cxnSpMk id="68" creationId="{6E541281-3534-9849-A393-4DB5A7621DB1}"/>
          </ac:cxnSpMkLst>
        </pc:cxnChg>
        <pc:cxnChg chg="mod">
          <ac:chgData name="Daly Donnacha HSLU I" userId="0f22e960-400a-43ff-baeb-4828c8f5cd3a" providerId="ADAL" clId="{78138B16-7BCD-AB47-9B5F-6CC7C46E94E4}" dt="2021-04-11T12:43:44.825" v="3429" actId="1076"/>
          <ac:cxnSpMkLst>
            <pc:docMk/>
            <pc:sldMk cId="311735363" sldId="605"/>
            <ac:cxnSpMk id="69" creationId="{CA3059EC-9BEA-654E-ADB3-4235CF5AD847}"/>
          </ac:cxnSpMkLst>
        </pc:cxnChg>
        <pc:cxnChg chg="mod">
          <ac:chgData name="Daly Donnacha HSLU I" userId="0f22e960-400a-43ff-baeb-4828c8f5cd3a" providerId="ADAL" clId="{78138B16-7BCD-AB47-9B5F-6CC7C46E94E4}" dt="2021-04-11T12:43:44.825" v="3429" actId="1076"/>
          <ac:cxnSpMkLst>
            <pc:docMk/>
            <pc:sldMk cId="311735363" sldId="605"/>
            <ac:cxnSpMk id="72" creationId="{B3DCC76E-6A17-874D-B568-2CC48526B8A7}"/>
          </ac:cxnSpMkLst>
        </pc:cxnChg>
        <pc:cxnChg chg="mod">
          <ac:chgData name="Daly Donnacha HSLU I" userId="0f22e960-400a-43ff-baeb-4828c8f5cd3a" providerId="ADAL" clId="{78138B16-7BCD-AB47-9B5F-6CC7C46E94E4}" dt="2021-04-11T12:43:44.825" v="3429" actId="1076"/>
          <ac:cxnSpMkLst>
            <pc:docMk/>
            <pc:sldMk cId="311735363" sldId="605"/>
            <ac:cxnSpMk id="73" creationId="{3EF9D77F-D5A8-094F-8430-9656A6A56144}"/>
          </ac:cxnSpMkLst>
        </pc:cxnChg>
        <pc:cxnChg chg="mod">
          <ac:chgData name="Daly Donnacha HSLU I" userId="0f22e960-400a-43ff-baeb-4828c8f5cd3a" providerId="ADAL" clId="{78138B16-7BCD-AB47-9B5F-6CC7C46E94E4}" dt="2021-04-11T12:43:44.825" v="3429" actId="1076"/>
          <ac:cxnSpMkLst>
            <pc:docMk/>
            <pc:sldMk cId="311735363" sldId="605"/>
            <ac:cxnSpMk id="74" creationId="{920C9F48-7088-214B-BC9D-7B9301C6AC65}"/>
          </ac:cxnSpMkLst>
        </pc:cxnChg>
        <pc:cxnChg chg="mod">
          <ac:chgData name="Daly Donnacha HSLU I" userId="0f22e960-400a-43ff-baeb-4828c8f5cd3a" providerId="ADAL" clId="{78138B16-7BCD-AB47-9B5F-6CC7C46E94E4}" dt="2021-04-11T12:43:44.825" v="3429" actId="1076"/>
          <ac:cxnSpMkLst>
            <pc:docMk/>
            <pc:sldMk cId="311735363" sldId="605"/>
            <ac:cxnSpMk id="75" creationId="{2E550E60-D1FB-9E47-9618-96C626A243A5}"/>
          </ac:cxnSpMkLst>
        </pc:cxnChg>
        <pc:cxnChg chg="mod">
          <ac:chgData name="Daly Donnacha HSLU I" userId="0f22e960-400a-43ff-baeb-4828c8f5cd3a" providerId="ADAL" clId="{78138B16-7BCD-AB47-9B5F-6CC7C46E94E4}" dt="2021-04-11T12:43:44.825" v="3429" actId="1076"/>
          <ac:cxnSpMkLst>
            <pc:docMk/>
            <pc:sldMk cId="311735363" sldId="605"/>
            <ac:cxnSpMk id="77" creationId="{5D1F054F-DBBC-3442-9693-4CAEDA070F66}"/>
          </ac:cxnSpMkLst>
        </pc:cxnChg>
        <pc:cxnChg chg="mod">
          <ac:chgData name="Daly Donnacha HSLU I" userId="0f22e960-400a-43ff-baeb-4828c8f5cd3a" providerId="ADAL" clId="{78138B16-7BCD-AB47-9B5F-6CC7C46E94E4}" dt="2021-04-11T12:43:44.825" v="3429" actId="1076"/>
          <ac:cxnSpMkLst>
            <pc:docMk/>
            <pc:sldMk cId="311735363" sldId="605"/>
            <ac:cxnSpMk id="78" creationId="{145018ED-C797-E547-99CE-EEEDAB8645D3}"/>
          </ac:cxnSpMkLst>
        </pc:cxnChg>
        <pc:cxnChg chg="mod">
          <ac:chgData name="Daly Donnacha HSLU I" userId="0f22e960-400a-43ff-baeb-4828c8f5cd3a" providerId="ADAL" clId="{78138B16-7BCD-AB47-9B5F-6CC7C46E94E4}" dt="2021-04-11T12:43:44.825" v="3429" actId="1076"/>
          <ac:cxnSpMkLst>
            <pc:docMk/>
            <pc:sldMk cId="311735363" sldId="605"/>
            <ac:cxnSpMk id="79" creationId="{C972EB4C-3D1B-E149-A685-2A37FFFEC472}"/>
          </ac:cxnSpMkLst>
        </pc:cxnChg>
        <pc:cxnChg chg="mod">
          <ac:chgData name="Daly Donnacha HSLU I" userId="0f22e960-400a-43ff-baeb-4828c8f5cd3a" providerId="ADAL" clId="{78138B16-7BCD-AB47-9B5F-6CC7C46E94E4}" dt="2021-04-11T12:43:44.825" v="3429" actId="1076"/>
          <ac:cxnSpMkLst>
            <pc:docMk/>
            <pc:sldMk cId="311735363" sldId="605"/>
            <ac:cxnSpMk id="80" creationId="{6C47AA1A-857F-A64E-8C87-F218B73D6DB0}"/>
          </ac:cxnSpMkLst>
        </pc:cxnChg>
        <pc:cxnChg chg="add mod">
          <ac:chgData name="Daly Donnacha HSLU I" userId="0f22e960-400a-43ff-baeb-4828c8f5cd3a" providerId="ADAL" clId="{78138B16-7BCD-AB47-9B5F-6CC7C46E94E4}" dt="2021-04-11T12:44:48.504" v="3455" actId="1038"/>
          <ac:cxnSpMkLst>
            <pc:docMk/>
            <pc:sldMk cId="311735363" sldId="605"/>
            <ac:cxnSpMk id="81" creationId="{1C7AEE26-23FF-6B45-A89B-BEBE3F196727}"/>
          </ac:cxnSpMkLst>
        </pc:cxnChg>
        <pc:cxnChg chg="add mod">
          <ac:chgData name="Daly Donnacha HSLU I" userId="0f22e960-400a-43ff-baeb-4828c8f5cd3a" providerId="ADAL" clId="{78138B16-7BCD-AB47-9B5F-6CC7C46E94E4}" dt="2021-04-11T12:45:02.196" v="3465" actId="1037"/>
          <ac:cxnSpMkLst>
            <pc:docMk/>
            <pc:sldMk cId="311735363" sldId="605"/>
            <ac:cxnSpMk id="82" creationId="{17A8F675-CE43-224F-A9F9-392842D0F336}"/>
          </ac:cxnSpMkLst>
        </pc:cxnChg>
        <pc:cxnChg chg="del mod">
          <ac:chgData name="Daly Donnacha HSLU I" userId="0f22e960-400a-43ff-baeb-4828c8f5cd3a" providerId="ADAL" clId="{78138B16-7BCD-AB47-9B5F-6CC7C46E94E4}" dt="2021-04-11T12:43:18.190" v="3428" actId="478"/>
          <ac:cxnSpMkLst>
            <pc:docMk/>
            <pc:sldMk cId="311735363" sldId="605"/>
            <ac:cxnSpMk id="87" creationId="{452B5D71-2B6A-5E4D-B1E6-21B5961A54C2}"/>
          </ac:cxnSpMkLst>
        </pc:cxnChg>
        <pc:cxnChg chg="mod">
          <ac:chgData name="Daly Donnacha HSLU I" userId="0f22e960-400a-43ff-baeb-4828c8f5cd3a" providerId="ADAL" clId="{78138B16-7BCD-AB47-9B5F-6CC7C46E94E4}" dt="2021-04-11T12:43:44.825" v="3429" actId="1076"/>
          <ac:cxnSpMkLst>
            <pc:docMk/>
            <pc:sldMk cId="311735363" sldId="605"/>
            <ac:cxnSpMk id="95" creationId="{E63F2CF6-E95B-E146-9D3E-6C1DD865332B}"/>
          </ac:cxnSpMkLst>
        </pc:cxnChg>
        <pc:cxnChg chg="mod">
          <ac:chgData name="Daly Donnacha HSLU I" userId="0f22e960-400a-43ff-baeb-4828c8f5cd3a" providerId="ADAL" clId="{78138B16-7BCD-AB47-9B5F-6CC7C46E94E4}" dt="2021-04-11T12:43:44.825" v="3429" actId="1076"/>
          <ac:cxnSpMkLst>
            <pc:docMk/>
            <pc:sldMk cId="311735363" sldId="605"/>
            <ac:cxnSpMk id="98" creationId="{780ED9E4-83DE-C342-BCF6-C12594112908}"/>
          </ac:cxnSpMkLst>
        </pc:cxnChg>
        <pc:cxnChg chg="mod">
          <ac:chgData name="Daly Donnacha HSLU I" userId="0f22e960-400a-43ff-baeb-4828c8f5cd3a" providerId="ADAL" clId="{78138B16-7BCD-AB47-9B5F-6CC7C46E94E4}" dt="2021-04-11T12:43:44.825" v="3429" actId="1076"/>
          <ac:cxnSpMkLst>
            <pc:docMk/>
            <pc:sldMk cId="311735363" sldId="605"/>
            <ac:cxnSpMk id="99" creationId="{69E169E4-4C3F-2A43-BDC8-D6B449CB99C1}"/>
          </ac:cxnSpMkLst>
        </pc:cxnChg>
      </pc:sldChg>
      <pc:sldChg chg="delSp modSp add mod ord">
        <pc:chgData name="Daly Donnacha HSLU I" userId="0f22e960-400a-43ff-baeb-4828c8f5cd3a" providerId="ADAL" clId="{78138B16-7BCD-AB47-9B5F-6CC7C46E94E4}" dt="2021-04-11T13:54:11.833" v="4986" actId="14100"/>
        <pc:sldMkLst>
          <pc:docMk/>
          <pc:sldMk cId="3658777088" sldId="606"/>
        </pc:sldMkLst>
        <pc:spChg chg="mod">
          <ac:chgData name="Daly Donnacha HSLU I" userId="0f22e960-400a-43ff-baeb-4828c8f5cd3a" providerId="ADAL" clId="{78138B16-7BCD-AB47-9B5F-6CC7C46E94E4}" dt="2021-04-11T13:18:15.366" v="3855" actId="6549"/>
          <ac:spMkLst>
            <pc:docMk/>
            <pc:sldMk cId="3658777088" sldId="606"/>
            <ac:spMk id="2" creationId="{89CD3D04-47F7-584D-8BB4-B3CDF0DA8B91}"/>
          </ac:spMkLst>
        </pc:spChg>
        <pc:spChg chg="del mod">
          <ac:chgData name="Daly Donnacha HSLU I" userId="0f22e960-400a-43ff-baeb-4828c8f5cd3a" providerId="ADAL" clId="{78138B16-7BCD-AB47-9B5F-6CC7C46E94E4}" dt="2021-04-11T13:52:17.020" v="4880" actId="478"/>
          <ac:spMkLst>
            <pc:docMk/>
            <pc:sldMk cId="3658777088" sldId="606"/>
            <ac:spMk id="5" creationId="{8C11753A-5DDC-BA43-AC83-C5DEBBB7F694}"/>
          </ac:spMkLst>
        </pc:spChg>
        <pc:spChg chg="mod">
          <ac:chgData name="Daly Donnacha HSLU I" userId="0f22e960-400a-43ff-baeb-4828c8f5cd3a" providerId="ADAL" clId="{78138B16-7BCD-AB47-9B5F-6CC7C46E94E4}" dt="2021-04-11T13:54:11.833" v="4986" actId="14100"/>
          <ac:spMkLst>
            <pc:docMk/>
            <pc:sldMk cId="3658777088" sldId="606"/>
            <ac:spMk id="6" creationId="{77A6D1C8-6C20-294F-B90E-42F2733763F8}"/>
          </ac:spMkLst>
        </pc:spChg>
        <pc:spChg chg="mod">
          <ac:chgData name="Daly Donnacha HSLU I" userId="0f22e960-400a-43ff-baeb-4828c8f5cd3a" providerId="ADAL" clId="{78138B16-7BCD-AB47-9B5F-6CC7C46E94E4}" dt="2021-04-11T13:52:20.992" v="4881" actId="1035"/>
          <ac:spMkLst>
            <pc:docMk/>
            <pc:sldMk cId="3658777088" sldId="606"/>
            <ac:spMk id="8" creationId="{24B416D4-2B7F-9147-B6B7-0AF5CEAE5A93}"/>
          </ac:spMkLst>
        </pc:spChg>
      </pc:sldChg>
      <pc:sldChg chg="addSp delSp modSp add mod">
        <pc:chgData name="Daly Donnacha HSLU I" userId="0f22e960-400a-43ff-baeb-4828c8f5cd3a" providerId="ADAL" clId="{78138B16-7BCD-AB47-9B5F-6CC7C46E94E4}" dt="2021-04-11T12:17:35.906" v="2940" actId="207"/>
        <pc:sldMkLst>
          <pc:docMk/>
          <pc:sldMk cId="3968554418" sldId="607"/>
        </pc:sldMkLst>
        <pc:spChg chg="mod">
          <ac:chgData name="Daly Donnacha HSLU I" userId="0f22e960-400a-43ff-baeb-4828c8f5cd3a" providerId="ADAL" clId="{78138B16-7BCD-AB47-9B5F-6CC7C46E94E4}" dt="2021-04-11T11:56:05.770" v="2476" actId="20577"/>
          <ac:spMkLst>
            <pc:docMk/>
            <pc:sldMk cId="3968554418" sldId="607"/>
            <ac:spMk id="2" creationId="{302325B9-2203-1E48-ACC0-25CDFD3CE70D}"/>
          </ac:spMkLst>
        </pc:spChg>
        <pc:spChg chg="del">
          <ac:chgData name="Daly Donnacha HSLU I" userId="0f22e960-400a-43ff-baeb-4828c8f5cd3a" providerId="ADAL" clId="{78138B16-7BCD-AB47-9B5F-6CC7C46E94E4}" dt="2021-04-11T11:56:12.987" v="2477" actId="478"/>
          <ac:spMkLst>
            <pc:docMk/>
            <pc:sldMk cId="3968554418" sldId="607"/>
            <ac:spMk id="13" creationId="{655F046D-F4CD-7242-81B5-7C3CCCC2BFA4}"/>
          </ac:spMkLst>
        </pc:spChg>
        <pc:spChg chg="mod">
          <ac:chgData name="Daly Donnacha HSLU I" userId="0f22e960-400a-43ff-baeb-4828c8f5cd3a" providerId="ADAL" clId="{78138B16-7BCD-AB47-9B5F-6CC7C46E94E4}" dt="2021-04-11T12:07:17.798" v="2619" actId="1076"/>
          <ac:spMkLst>
            <pc:docMk/>
            <pc:sldMk cId="3968554418" sldId="607"/>
            <ac:spMk id="14" creationId="{88067559-3D44-534D-AE98-7460D6851C2C}"/>
          </ac:spMkLst>
        </pc:spChg>
        <pc:spChg chg="mod">
          <ac:chgData name="Daly Donnacha HSLU I" userId="0f22e960-400a-43ff-baeb-4828c8f5cd3a" providerId="ADAL" clId="{78138B16-7BCD-AB47-9B5F-6CC7C46E94E4}" dt="2021-04-11T12:07:17.798" v="2619" actId="1076"/>
          <ac:spMkLst>
            <pc:docMk/>
            <pc:sldMk cId="3968554418" sldId="607"/>
            <ac:spMk id="15" creationId="{7EC29C94-D0BC-7148-9090-3D9CB97B3507}"/>
          </ac:spMkLst>
        </pc:spChg>
        <pc:spChg chg="mod">
          <ac:chgData name="Daly Donnacha HSLU I" userId="0f22e960-400a-43ff-baeb-4828c8f5cd3a" providerId="ADAL" clId="{78138B16-7BCD-AB47-9B5F-6CC7C46E94E4}" dt="2021-04-11T12:07:17.798" v="2619" actId="1076"/>
          <ac:spMkLst>
            <pc:docMk/>
            <pc:sldMk cId="3968554418" sldId="607"/>
            <ac:spMk id="17" creationId="{00751C2A-E29A-4E4F-BA36-FFA1F8296E1F}"/>
          </ac:spMkLst>
        </pc:spChg>
        <pc:spChg chg="mod">
          <ac:chgData name="Daly Donnacha HSLU I" userId="0f22e960-400a-43ff-baeb-4828c8f5cd3a" providerId="ADAL" clId="{78138B16-7BCD-AB47-9B5F-6CC7C46E94E4}" dt="2021-04-11T12:07:17.798" v="2619" actId="1076"/>
          <ac:spMkLst>
            <pc:docMk/>
            <pc:sldMk cId="3968554418" sldId="607"/>
            <ac:spMk id="23" creationId="{46C83FBB-B62E-B042-A4EE-DC7E37F078A3}"/>
          </ac:spMkLst>
        </pc:spChg>
        <pc:spChg chg="add del mod">
          <ac:chgData name="Daly Donnacha HSLU I" userId="0f22e960-400a-43ff-baeb-4828c8f5cd3a" providerId="ADAL" clId="{78138B16-7BCD-AB47-9B5F-6CC7C46E94E4}" dt="2021-04-11T12:17:35.906" v="2940" actId="207"/>
          <ac:spMkLst>
            <pc:docMk/>
            <pc:sldMk cId="3968554418" sldId="607"/>
            <ac:spMk id="42" creationId="{B3A02E37-B2F3-8E4B-A38D-E3FBCA58689B}"/>
          </ac:spMkLst>
        </pc:spChg>
        <pc:spChg chg="mod">
          <ac:chgData name="Daly Donnacha HSLU I" userId="0f22e960-400a-43ff-baeb-4828c8f5cd3a" providerId="ADAL" clId="{78138B16-7BCD-AB47-9B5F-6CC7C46E94E4}" dt="2021-04-11T12:08:24.330" v="2662" actId="1076"/>
          <ac:spMkLst>
            <pc:docMk/>
            <pc:sldMk cId="3968554418" sldId="607"/>
            <ac:spMk id="58" creationId="{19E08C31-59F5-FA49-9A56-A72720FBBA63}"/>
          </ac:spMkLst>
        </pc:spChg>
        <pc:spChg chg="mod">
          <ac:chgData name="Daly Donnacha HSLU I" userId="0f22e960-400a-43ff-baeb-4828c8f5cd3a" providerId="ADAL" clId="{78138B16-7BCD-AB47-9B5F-6CC7C46E94E4}" dt="2021-04-11T12:02:18.555" v="2537" actId="1036"/>
          <ac:spMkLst>
            <pc:docMk/>
            <pc:sldMk cId="3968554418" sldId="607"/>
            <ac:spMk id="75" creationId="{B7769138-8521-524A-9E24-A7C644CC8492}"/>
          </ac:spMkLst>
        </pc:spChg>
        <pc:spChg chg="del mod">
          <ac:chgData name="Daly Donnacha HSLU I" userId="0f22e960-400a-43ff-baeb-4828c8f5cd3a" providerId="ADAL" clId="{78138B16-7BCD-AB47-9B5F-6CC7C46E94E4}" dt="2021-04-11T11:59:15.301" v="2512" actId="478"/>
          <ac:spMkLst>
            <pc:docMk/>
            <pc:sldMk cId="3968554418" sldId="607"/>
            <ac:spMk id="77" creationId="{3106FAEC-A953-5D43-B62A-3D82F1877DE9}"/>
          </ac:spMkLst>
        </pc:spChg>
        <pc:spChg chg="mod">
          <ac:chgData name="Daly Donnacha HSLU I" userId="0f22e960-400a-43ff-baeb-4828c8f5cd3a" providerId="ADAL" clId="{78138B16-7BCD-AB47-9B5F-6CC7C46E94E4}" dt="2021-04-11T12:08:05.091" v="2659" actId="1076"/>
          <ac:spMkLst>
            <pc:docMk/>
            <pc:sldMk cId="3968554418" sldId="607"/>
            <ac:spMk id="79" creationId="{D35F6EE4-5D2F-444F-B628-842C7A0A6848}"/>
          </ac:spMkLst>
        </pc:spChg>
        <pc:spChg chg="mod">
          <ac:chgData name="Daly Donnacha HSLU I" userId="0f22e960-400a-43ff-baeb-4828c8f5cd3a" providerId="ADAL" clId="{78138B16-7BCD-AB47-9B5F-6CC7C46E94E4}" dt="2021-04-11T12:08:08.507" v="2660" actId="1076"/>
          <ac:spMkLst>
            <pc:docMk/>
            <pc:sldMk cId="3968554418" sldId="607"/>
            <ac:spMk id="80" creationId="{6AF07A21-454D-854D-BE4A-93DD147861B9}"/>
          </ac:spMkLst>
        </pc:spChg>
        <pc:spChg chg="mod">
          <ac:chgData name="Daly Donnacha HSLU I" userId="0f22e960-400a-43ff-baeb-4828c8f5cd3a" providerId="ADAL" clId="{78138B16-7BCD-AB47-9B5F-6CC7C46E94E4}" dt="2021-04-11T12:08:12.349" v="2661" actId="1076"/>
          <ac:spMkLst>
            <pc:docMk/>
            <pc:sldMk cId="3968554418" sldId="607"/>
            <ac:spMk id="81" creationId="{C8792C65-EDD3-CC4D-8DE5-9696141187B4}"/>
          </ac:spMkLst>
        </pc:spChg>
        <pc:spChg chg="mod">
          <ac:chgData name="Daly Donnacha HSLU I" userId="0f22e960-400a-43ff-baeb-4828c8f5cd3a" providerId="ADAL" clId="{78138B16-7BCD-AB47-9B5F-6CC7C46E94E4}" dt="2021-04-11T12:08:33.384" v="2664" actId="14100"/>
          <ac:spMkLst>
            <pc:docMk/>
            <pc:sldMk cId="3968554418" sldId="607"/>
            <ac:spMk id="82" creationId="{6950262D-61AA-F448-918D-4E891FD5445F}"/>
          </ac:spMkLst>
        </pc:spChg>
        <pc:spChg chg="mod">
          <ac:chgData name="Daly Donnacha HSLU I" userId="0f22e960-400a-43ff-baeb-4828c8f5cd3a" providerId="ADAL" clId="{78138B16-7BCD-AB47-9B5F-6CC7C46E94E4}" dt="2021-04-11T12:02:29.130" v="2540" actId="14100"/>
          <ac:spMkLst>
            <pc:docMk/>
            <pc:sldMk cId="3968554418" sldId="607"/>
            <ac:spMk id="84" creationId="{EBED3239-9919-F243-B2D3-3776F69A31DF}"/>
          </ac:spMkLst>
        </pc:spChg>
        <pc:spChg chg="del">
          <ac:chgData name="Daly Donnacha HSLU I" userId="0f22e960-400a-43ff-baeb-4828c8f5cd3a" providerId="ADAL" clId="{78138B16-7BCD-AB47-9B5F-6CC7C46E94E4}" dt="2021-04-11T11:56:12.987" v="2477" actId="478"/>
          <ac:spMkLst>
            <pc:docMk/>
            <pc:sldMk cId="3968554418" sldId="607"/>
            <ac:spMk id="85" creationId="{1084E611-86D3-D946-B3CA-DE0640944F98}"/>
          </ac:spMkLst>
        </pc:spChg>
        <pc:spChg chg="del">
          <ac:chgData name="Daly Donnacha HSLU I" userId="0f22e960-400a-43ff-baeb-4828c8f5cd3a" providerId="ADAL" clId="{78138B16-7BCD-AB47-9B5F-6CC7C46E94E4}" dt="2021-04-11T11:56:12.987" v="2477" actId="478"/>
          <ac:spMkLst>
            <pc:docMk/>
            <pc:sldMk cId="3968554418" sldId="607"/>
            <ac:spMk id="91" creationId="{A55F5854-64C0-4D44-8AC8-BEB7176529AD}"/>
          </ac:spMkLst>
        </pc:spChg>
        <pc:spChg chg="del">
          <ac:chgData name="Daly Donnacha HSLU I" userId="0f22e960-400a-43ff-baeb-4828c8f5cd3a" providerId="ADAL" clId="{78138B16-7BCD-AB47-9B5F-6CC7C46E94E4}" dt="2021-04-11T11:56:12.987" v="2477" actId="478"/>
          <ac:spMkLst>
            <pc:docMk/>
            <pc:sldMk cId="3968554418" sldId="607"/>
            <ac:spMk id="92" creationId="{CCD04D40-CB93-6F48-9676-08612F0EFD42}"/>
          </ac:spMkLst>
        </pc:spChg>
        <pc:spChg chg="del">
          <ac:chgData name="Daly Donnacha HSLU I" userId="0f22e960-400a-43ff-baeb-4828c8f5cd3a" providerId="ADAL" clId="{78138B16-7BCD-AB47-9B5F-6CC7C46E94E4}" dt="2021-04-11T11:56:12.987" v="2477" actId="478"/>
          <ac:spMkLst>
            <pc:docMk/>
            <pc:sldMk cId="3968554418" sldId="607"/>
            <ac:spMk id="93" creationId="{51030080-64D1-B140-A209-59E84322EFE7}"/>
          </ac:spMkLst>
        </pc:spChg>
        <pc:spChg chg="del">
          <ac:chgData name="Daly Donnacha HSLU I" userId="0f22e960-400a-43ff-baeb-4828c8f5cd3a" providerId="ADAL" clId="{78138B16-7BCD-AB47-9B5F-6CC7C46E94E4}" dt="2021-04-11T11:56:12.987" v="2477" actId="478"/>
          <ac:spMkLst>
            <pc:docMk/>
            <pc:sldMk cId="3968554418" sldId="607"/>
            <ac:spMk id="94" creationId="{62DE0ADF-A221-6347-8DB1-68D0B1E3DD05}"/>
          </ac:spMkLst>
        </pc:spChg>
        <pc:spChg chg="del">
          <ac:chgData name="Daly Donnacha HSLU I" userId="0f22e960-400a-43ff-baeb-4828c8f5cd3a" providerId="ADAL" clId="{78138B16-7BCD-AB47-9B5F-6CC7C46E94E4}" dt="2021-04-11T11:56:12.987" v="2477" actId="478"/>
          <ac:spMkLst>
            <pc:docMk/>
            <pc:sldMk cId="3968554418" sldId="607"/>
            <ac:spMk id="95" creationId="{2F4D933B-9946-0541-B91F-B53BB14D06E3}"/>
          </ac:spMkLst>
        </pc:spChg>
        <pc:spChg chg="del">
          <ac:chgData name="Daly Donnacha HSLU I" userId="0f22e960-400a-43ff-baeb-4828c8f5cd3a" providerId="ADAL" clId="{78138B16-7BCD-AB47-9B5F-6CC7C46E94E4}" dt="2021-04-11T11:56:12.987" v="2477" actId="478"/>
          <ac:spMkLst>
            <pc:docMk/>
            <pc:sldMk cId="3968554418" sldId="607"/>
            <ac:spMk id="96" creationId="{8E910852-7F7A-1A4D-B9BE-C15456041885}"/>
          </ac:spMkLst>
        </pc:spChg>
        <pc:graphicFrameChg chg="mod modGraphic">
          <ac:chgData name="Daly Donnacha HSLU I" userId="0f22e960-400a-43ff-baeb-4828c8f5cd3a" providerId="ADAL" clId="{78138B16-7BCD-AB47-9B5F-6CC7C46E94E4}" dt="2021-04-11T12:02:18.555" v="2537" actId="1036"/>
          <ac:graphicFrameMkLst>
            <pc:docMk/>
            <pc:sldMk cId="3968554418" sldId="607"/>
            <ac:graphicFrameMk id="83" creationId="{861FC57C-FF57-7B44-836A-6C7785C5F6EE}"/>
          </ac:graphicFrameMkLst>
        </pc:graphicFrameChg>
        <pc:picChg chg="del">
          <ac:chgData name="Daly Donnacha HSLU I" userId="0f22e960-400a-43ff-baeb-4828c8f5cd3a" providerId="ADAL" clId="{78138B16-7BCD-AB47-9B5F-6CC7C46E94E4}" dt="2021-04-11T11:56:12.987" v="2477" actId="478"/>
          <ac:picMkLst>
            <pc:docMk/>
            <pc:sldMk cId="3968554418" sldId="607"/>
            <ac:picMk id="3" creationId="{3C709423-0A81-3045-A8F9-7ED9956B68B5}"/>
          </ac:picMkLst>
        </pc:picChg>
        <pc:picChg chg="mod">
          <ac:chgData name="Daly Donnacha HSLU I" userId="0f22e960-400a-43ff-baeb-4828c8f5cd3a" providerId="ADAL" clId="{78138B16-7BCD-AB47-9B5F-6CC7C46E94E4}" dt="2021-04-11T12:02:18.555" v="2537" actId="1036"/>
          <ac:picMkLst>
            <pc:docMk/>
            <pc:sldMk cId="3968554418" sldId="607"/>
            <ac:picMk id="76" creationId="{411696F9-47CF-EF44-937E-1241B28E74CF}"/>
          </ac:picMkLst>
        </pc:picChg>
        <pc:picChg chg="del">
          <ac:chgData name="Daly Donnacha HSLU I" userId="0f22e960-400a-43ff-baeb-4828c8f5cd3a" providerId="ADAL" clId="{78138B16-7BCD-AB47-9B5F-6CC7C46E94E4}" dt="2021-04-11T11:56:12.987" v="2477" actId="478"/>
          <ac:picMkLst>
            <pc:docMk/>
            <pc:sldMk cId="3968554418" sldId="607"/>
            <ac:picMk id="87" creationId="{EC255399-C43A-E445-9E90-BE9EBDE4E686}"/>
          </ac:picMkLst>
        </pc:picChg>
        <pc:picChg chg="del">
          <ac:chgData name="Daly Donnacha HSLU I" userId="0f22e960-400a-43ff-baeb-4828c8f5cd3a" providerId="ADAL" clId="{78138B16-7BCD-AB47-9B5F-6CC7C46E94E4}" dt="2021-04-11T11:56:12.987" v="2477" actId="478"/>
          <ac:picMkLst>
            <pc:docMk/>
            <pc:sldMk cId="3968554418" sldId="607"/>
            <ac:picMk id="88" creationId="{8C714C29-AD7C-F64B-BF2C-B55AD42ECFCB}"/>
          </ac:picMkLst>
        </pc:picChg>
        <pc:picChg chg="del">
          <ac:chgData name="Daly Donnacha HSLU I" userId="0f22e960-400a-43ff-baeb-4828c8f5cd3a" providerId="ADAL" clId="{78138B16-7BCD-AB47-9B5F-6CC7C46E94E4}" dt="2021-04-11T11:56:12.987" v="2477" actId="478"/>
          <ac:picMkLst>
            <pc:docMk/>
            <pc:sldMk cId="3968554418" sldId="607"/>
            <ac:picMk id="90" creationId="{40991034-5FC9-624A-9D52-E5E17303C766}"/>
          </ac:picMkLst>
        </pc:picChg>
        <pc:cxnChg chg="del">
          <ac:chgData name="Daly Donnacha HSLU I" userId="0f22e960-400a-43ff-baeb-4828c8f5cd3a" providerId="ADAL" clId="{78138B16-7BCD-AB47-9B5F-6CC7C46E94E4}" dt="2021-04-11T11:56:12.987" v="2477" actId="478"/>
          <ac:cxnSpMkLst>
            <pc:docMk/>
            <pc:sldMk cId="3968554418" sldId="607"/>
            <ac:cxnSpMk id="5" creationId="{4D6D3CB5-6AF7-D34D-B1BA-1A01B3D7192C}"/>
          </ac:cxnSpMkLst>
        </pc:cxnChg>
        <pc:cxnChg chg="del">
          <ac:chgData name="Daly Donnacha HSLU I" userId="0f22e960-400a-43ff-baeb-4828c8f5cd3a" providerId="ADAL" clId="{78138B16-7BCD-AB47-9B5F-6CC7C46E94E4}" dt="2021-04-11T11:56:12.987" v="2477" actId="478"/>
          <ac:cxnSpMkLst>
            <pc:docMk/>
            <pc:sldMk cId="3968554418" sldId="607"/>
            <ac:cxnSpMk id="12" creationId="{C54CACBB-486E-D04A-A713-44F285111146}"/>
          </ac:cxnSpMkLst>
        </pc:cxnChg>
        <pc:cxnChg chg="mod">
          <ac:chgData name="Daly Donnacha HSLU I" userId="0f22e960-400a-43ff-baeb-4828c8f5cd3a" providerId="ADAL" clId="{78138B16-7BCD-AB47-9B5F-6CC7C46E94E4}" dt="2021-04-11T12:07:17.798" v="2619" actId="1076"/>
          <ac:cxnSpMkLst>
            <pc:docMk/>
            <pc:sldMk cId="3968554418" sldId="607"/>
            <ac:cxnSpMk id="24" creationId="{8E778231-0FA5-4549-8920-5B3F92648B2A}"/>
          </ac:cxnSpMkLst>
        </pc:cxnChg>
        <pc:cxnChg chg="mod">
          <ac:chgData name="Daly Donnacha HSLU I" userId="0f22e960-400a-43ff-baeb-4828c8f5cd3a" providerId="ADAL" clId="{78138B16-7BCD-AB47-9B5F-6CC7C46E94E4}" dt="2021-04-11T12:07:17.798" v="2619" actId="1076"/>
          <ac:cxnSpMkLst>
            <pc:docMk/>
            <pc:sldMk cId="3968554418" sldId="607"/>
            <ac:cxnSpMk id="25" creationId="{4686120A-EB82-2049-BB80-95B526FC160C}"/>
          </ac:cxnSpMkLst>
        </pc:cxnChg>
        <pc:cxnChg chg="mod">
          <ac:chgData name="Daly Donnacha HSLU I" userId="0f22e960-400a-43ff-baeb-4828c8f5cd3a" providerId="ADAL" clId="{78138B16-7BCD-AB47-9B5F-6CC7C46E94E4}" dt="2021-04-11T12:07:17.798" v="2619" actId="1076"/>
          <ac:cxnSpMkLst>
            <pc:docMk/>
            <pc:sldMk cId="3968554418" sldId="607"/>
            <ac:cxnSpMk id="26" creationId="{E1C26E10-706D-5B45-92C8-47DD5D284524}"/>
          </ac:cxnSpMkLst>
        </pc:cxnChg>
      </pc:sldChg>
      <pc:sldChg chg="addSp delSp modSp add mod ord">
        <pc:chgData name="Daly Donnacha HSLU I" userId="0f22e960-400a-43ff-baeb-4828c8f5cd3a" providerId="ADAL" clId="{78138B16-7BCD-AB47-9B5F-6CC7C46E94E4}" dt="2021-04-11T13:22:09.857" v="3897" actId="20577"/>
        <pc:sldMkLst>
          <pc:docMk/>
          <pc:sldMk cId="2840225397" sldId="608"/>
        </pc:sldMkLst>
        <pc:spChg chg="mod">
          <ac:chgData name="Daly Donnacha HSLU I" userId="0f22e960-400a-43ff-baeb-4828c8f5cd3a" providerId="ADAL" clId="{78138B16-7BCD-AB47-9B5F-6CC7C46E94E4}" dt="2021-04-11T12:34:48.187" v="3338" actId="20577"/>
          <ac:spMkLst>
            <pc:docMk/>
            <pc:sldMk cId="2840225397" sldId="608"/>
            <ac:spMk id="2" creationId="{28E04854-0B4A-504D-B73B-051D3DD0C61A}"/>
          </ac:spMkLst>
        </pc:spChg>
        <pc:spChg chg="del">
          <ac:chgData name="Daly Donnacha HSLU I" userId="0f22e960-400a-43ff-baeb-4828c8f5cd3a" providerId="ADAL" clId="{78138B16-7BCD-AB47-9B5F-6CC7C46E94E4}" dt="2021-04-11T12:21:38.227" v="2947" actId="478"/>
          <ac:spMkLst>
            <pc:docMk/>
            <pc:sldMk cId="2840225397" sldId="608"/>
            <ac:spMk id="32" creationId="{1C87B031-D470-5543-9DD3-62B79C4D375C}"/>
          </ac:spMkLst>
        </pc:spChg>
        <pc:spChg chg="mod">
          <ac:chgData name="Daly Donnacha HSLU I" userId="0f22e960-400a-43ff-baeb-4828c8f5cd3a" providerId="ADAL" clId="{78138B16-7BCD-AB47-9B5F-6CC7C46E94E4}" dt="2021-04-11T12:21:23.985" v="2945" actId="1076"/>
          <ac:spMkLst>
            <pc:docMk/>
            <pc:sldMk cId="2840225397" sldId="608"/>
            <ac:spMk id="39" creationId="{CB48A203-9B57-BA4F-85FA-DAB01E5CEE0B}"/>
          </ac:spMkLst>
        </pc:spChg>
        <pc:spChg chg="del">
          <ac:chgData name="Daly Donnacha HSLU I" userId="0f22e960-400a-43ff-baeb-4828c8f5cd3a" providerId="ADAL" clId="{78138B16-7BCD-AB47-9B5F-6CC7C46E94E4}" dt="2021-04-11T12:21:13.463" v="2944" actId="478"/>
          <ac:spMkLst>
            <pc:docMk/>
            <pc:sldMk cId="2840225397" sldId="608"/>
            <ac:spMk id="80" creationId="{F723C952-7756-8140-B74E-BCF242352C59}"/>
          </ac:spMkLst>
        </pc:spChg>
        <pc:spChg chg="del">
          <ac:chgData name="Daly Donnacha HSLU I" userId="0f22e960-400a-43ff-baeb-4828c8f5cd3a" providerId="ADAL" clId="{78138B16-7BCD-AB47-9B5F-6CC7C46E94E4}" dt="2021-04-11T12:21:13.463" v="2944" actId="478"/>
          <ac:spMkLst>
            <pc:docMk/>
            <pc:sldMk cId="2840225397" sldId="608"/>
            <ac:spMk id="81" creationId="{2001BAF9-CAF8-F643-8F23-047C4BD0763C}"/>
          </ac:spMkLst>
        </pc:spChg>
        <pc:spChg chg="del">
          <ac:chgData name="Daly Donnacha HSLU I" userId="0f22e960-400a-43ff-baeb-4828c8f5cd3a" providerId="ADAL" clId="{78138B16-7BCD-AB47-9B5F-6CC7C46E94E4}" dt="2021-04-11T12:21:13.463" v="2944" actId="478"/>
          <ac:spMkLst>
            <pc:docMk/>
            <pc:sldMk cId="2840225397" sldId="608"/>
            <ac:spMk id="82" creationId="{733B72BD-4DE6-D841-A00B-5581F9FC17E0}"/>
          </ac:spMkLst>
        </pc:spChg>
        <pc:spChg chg="del">
          <ac:chgData name="Daly Donnacha HSLU I" userId="0f22e960-400a-43ff-baeb-4828c8f5cd3a" providerId="ADAL" clId="{78138B16-7BCD-AB47-9B5F-6CC7C46E94E4}" dt="2021-04-11T12:21:13.463" v="2944" actId="478"/>
          <ac:spMkLst>
            <pc:docMk/>
            <pc:sldMk cId="2840225397" sldId="608"/>
            <ac:spMk id="83" creationId="{C0D706DD-A989-9449-B97F-34CB8E77491F}"/>
          </ac:spMkLst>
        </pc:spChg>
        <pc:spChg chg="add del mod">
          <ac:chgData name="Daly Donnacha HSLU I" userId="0f22e960-400a-43ff-baeb-4828c8f5cd3a" providerId="ADAL" clId="{78138B16-7BCD-AB47-9B5F-6CC7C46E94E4}" dt="2021-04-11T12:23:47.010" v="3001" actId="21"/>
          <ac:spMkLst>
            <pc:docMk/>
            <pc:sldMk cId="2840225397" sldId="608"/>
            <ac:spMk id="84" creationId="{480AFAF1-71CB-5541-831B-07A7FA88B7E8}"/>
          </ac:spMkLst>
        </pc:spChg>
        <pc:spChg chg="del">
          <ac:chgData name="Daly Donnacha HSLU I" userId="0f22e960-400a-43ff-baeb-4828c8f5cd3a" providerId="ADAL" clId="{78138B16-7BCD-AB47-9B5F-6CC7C46E94E4}" dt="2021-04-11T12:21:13.463" v="2944" actId="478"/>
          <ac:spMkLst>
            <pc:docMk/>
            <pc:sldMk cId="2840225397" sldId="608"/>
            <ac:spMk id="85" creationId="{3D476AB8-CAAC-A844-B9F3-E41FB73F2218}"/>
          </ac:spMkLst>
        </pc:spChg>
        <pc:spChg chg="del">
          <ac:chgData name="Daly Donnacha HSLU I" userId="0f22e960-400a-43ff-baeb-4828c8f5cd3a" providerId="ADAL" clId="{78138B16-7BCD-AB47-9B5F-6CC7C46E94E4}" dt="2021-04-11T12:21:13.463" v="2944" actId="478"/>
          <ac:spMkLst>
            <pc:docMk/>
            <pc:sldMk cId="2840225397" sldId="608"/>
            <ac:spMk id="86" creationId="{DB72AA79-9F1E-0B4A-8A56-17C1F7A543AE}"/>
          </ac:spMkLst>
        </pc:spChg>
        <pc:spChg chg="del">
          <ac:chgData name="Daly Donnacha HSLU I" userId="0f22e960-400a-43ff-baeb-4828c8f5cd3a" providerId="ADAL" clId="{78138B16-7BCD-AB47-9B5F-6CC7C46E94E4}" dt="2021-04-11T12:21:13.463" v="2944" actId="478"/>
          <ac:spMkLst>
            <pc:docMk/>
            <pc:sldMk cId="2840225397" sldId="608"/>
            <ac:spMk id="87" creationId="{8853EFD7-298E-8A4D-9599-7A549E6B5275}"/>
          </ac:spMkLst>
        </pc:spChg>
        <pc:spChg chg="del">
          <ac:chgData name="Daly Donnacha HSLU I" userId="0f22e960-400a-43ff-baeb-4828c8f5cd3a" providerId="ADAL" clId="{78138B16-7BCD-AB47-9B5F-6CC7C46E94E4}" dt="2021-04-11T12:21:13.463" v="2944" actId="478"/>
          <ac:spMkLst>
            <pc:docMk/>
            <pc:sldMk cId="2840225397" sldId="608"/>
            <ac:spMk id="92" creationId="{E78EE785-70E1-BB44-90E0-E5F3C86C7DB6}"/>
          </ac:spMkLst>
        </pc:spChg>
        <pc:spChg chg="add mod">
          <ac:chgData name="Daly Donnacha HSLU I" userId="0f22e960-400a-43ff-baeb-4828c8f5cd3a" providerId="ADAL" clId="{78138B16-7BCD-AB47-9B5F-6CC7C46E94E4}" dt="2021-04-11T13:22:09.857" v="3897" actId="20577"/>
          <ac:spMkLst>
            <pc:docMk/>
            <pc:sldMk cId="2840225397" sldId="608"/>
            <ac:spMk id="93" creationId="{72DEE711-41F9-C946-A017-F3B01307B098}"/>
          </ac:spMkLst>
        </pc:spChg>
        <pc:spChg chg="add mod">
          <ac:chgData name="Daly Donnacha HSLU I" userId="0f22e960-400a-43ff-baeb-4828c8f5cd3a" providerId="ADAL" clId="{78138B16-7BCD-AB47-9B5F-6CC7C46E94E4}" dt="2021-04-11T12:26:27.415" v="3061" actId="1076"/>
          <ac:spMkLst>
            <pc:docMk/>
            <pc:sldMk cId="2840225397" sldId="608"/>
            <ac:spMk id="94" creationId="{7809D9EB-5FCD-5B49-975A-4F0D0AA0F154}"/>
          </ac:spMkLst>
        </pc:spChg>
        <pc:spChg chg="del">
          <ac:chgData name="Daly Donnacha HSLU I" userId="0f22e960-400a-43ff-baeb-4828c8f5cd3a" providerId="ADAL" clId="{78138B16-7BCD-AB47-9B5F-6CC7C46E94E4}" dt="2021-04-11T12:21:13.463" v="2944" actId="478"/>
          <ac:spMkLst>
            <pc:docMk/>
            <pc:sldMk cId="2840225397" sldId="608"/>
            <ac:spMk id="95" creationId="{09E3020D-3A54-5A4A-8F05-7B0450F11864}"/>
          </ac:spMkLst>
        </pc:spChg>
        <pc:spChg chg="del">
          <ac:chgData name="Daly Donnacha HSLU I" userId="0f22e960-400a-43ff-baeb-4828c8f5cd3a" providerId="ADAL" clId="{78138B16-7BCD-AB47-9B5F-6CC7C46E94E4}" dt="2021-04-11T12:21:13.463" v="2944" actId="478"/>
          <ac:spMkLst>
            <pc:docMk/>
            <pc:sldMk cId="2840225397" sldId="608"/>
            <ac:spMk id="96" creationId="{F0BAC611-9FB3-EA4D-8EA6-730E3F3A66A0}"/>
          </ac:spMkLst>
        </pc:spChg>
        <pc:spChg chg="del">
          <ac:chgData name="Daly Donnacha HSLU I" userId="0f22e960-400a-43ff-baeb-4828c8f5cd3a" providerId="ADAL" clId="{78138B16-7BCD-AB47-9B5F-6CC7C46E94E4}" dt="2021-04-11T12:21:13.463" v="2944" actId="478"/>
          <ac:spMkLst>
            <pc:docMk/>
            <pc:sldMk cId="2840225397" sldId="608"/>
            <ac:spMk id="97" creationId="{C94FFA52-90EB-7844-B61D-F84D26E8A480}"/>
          </ac:spMkLst>
        </pc:spChg>
        <pc:spChg chg="add del mod">
          <ac:chgData name="Daly Donnacha HSLU I" userId="0f22e960-400a-43ff-baeb-4828c8f5cd3a" providerId="ADAL" clId="{78138B16-7BCD-AB47-9B5F-6CC7C46E94E4}" dt="2021-04-11T12:24:06.828" v="3005" actId="21"/>
          <ac:spMkLst>
            <pc:docMk/>
            <pc:sldMk cId="2840225397" sldId="608"/>
            <ac:spMk id="98" creationId="{26BE2F0B-6674-1943-9CC3-8A9B2E97B0C0}"/>
          </ac:spMkLst>
        </pc:spChg>
        <pc:spChg chg="del mod">
          <ac:chgData name="Daly Donnacha HSLU I" userId="0f22e960-400a-43ff-baeb-4828c8f5cd3a" providerId="ADAL" clId="{78138B16-7BCD-AB47-9B5F-6CC7C46E94E4}" dt="2021-04-11T12:24:06.828" v="3005" actId="21"/>
          <ac:spMkLst>
            <pc:docMk/>
            <pc:sldMk cId="2840225397" sldId="608"/>
            <ac:spMk id="99" creationId="{96E427E6-EFCD-0B46-8EE1-89B2B4AD4854}"/>
          </ac:spMkLst>
        </pc:spChg>
        <pc:spChg chg="del">
          <ac:chgData name="Daly Donnacha HSLU I" userId="0f22e960-400a-43ff-baeb-4828c8f5cd3a" providerId="ADAL" clId="{78138B16-7BCD-AB47-9B5F-6CC7C46E94E4}" dt="2021-04-11T12:21:13.463" v="2944" actId="478"/>
          <ac:spMkLst>
            <pc:docMk/>
            <pc:sldMk cId="2840225397" sldId="608"/>
            <ac:spMk id="103" creationId="{8F832DCD-AC6B-3743-8644-EB7C84CA16EF}"/>
          </ac:spMkLst>
        </pc:spChg>
        <pc:spChg chg="del">
          <ac:chgData name="Daly Donnacha HSLU I" userId="0f22e960-400a-43ff-baeb-4828c8f5cd3a" providerId="ADAL" clId="{78138B16-7BCD-AB47-9B5F-6CC7C46E94E4}" dt="2021-04-11T12:21:13.463" v="2944" actId="478"/>
          <ac:spMkLst>
            <pc:docMk/>
            <pc:sldMk cId="2840225397" sldId="608"/>
            <ac:spMk id="104" creationId="{9548BA4F-DC76-0B46-AF70-02E4B66D68FC}"/>
          </ac:spMkLst>
        </pc:spChg>
        <pc:spChg chg="del">
          <ac:chgData name="Daly Donnacha HSLU I" userId="0f22e960-400a-43ff-baeb-4828c8f5cd3a" providerId="ADAL" clId="{78138B16-7BCD-AB47-9B5F-6CC7C46E94E4}" dt="2021-04-11T12:21:13.463" v="2944" actId="478"/>
          <ac:spMkLst>
            <pc:docMk/>
            <pc:sldMk cId="2840225397" sldId="608"/>
            <ac:spMk id="105" creationId="{B3A4DE07-C3B9-8F42-993A-5FD05EDBDD67}"/>
          </ac:spMkLst>
        </pc:spChg>
        <pc:spChg chg="del">
          <ac:chgData name="Daly Donnacha HSLU I" userId="0f22e960-400a-43ff-baeb-4828c8f5cd3a" providerId="ADAL" clId="{78138B16-7BCD-AB47-9B5F-6CC7C46E94E4}" dt="2021-04-11T12:21:13.463" v="2944" actId="478"/>
          <ac:spMkLst>
            <pc:docMk/>
            <pc:sldMk cId="2840225397" sldId="608"/>
            <ac:spMk id="120" creationId="{50EFDAB7-B551-5E4C-95BC-49E6255C6E0B}"/>
          </ac:spMkLst>
        </pc:spChg>
        <pc:spChg chg="del">
          <ac:chgData name="Daly Donnacha HSLU I" userId="0f22e960-400a-43ff-baeb-4828c8f5cd3a" providerId="ADAL" clId="{78138B16-7BCD-AB47-9B5F-6CC7C46E94E4}" dt="2021-04-11T12:21:13.463" v="2944" actId="478"/>
          <ac:spMkLst>
            <pc:docMk/>
            <pc:sldMk cId="2840225397" sldId="608"/>
            <ac:spMk id="121" creationId="{29E6EA59-F063-AF46-8A33-5AA58B97327D}"/>
          </ac:spMkLst>
        </pc:spChg>
        <pc:spChg chg="del">
          <ac:chgData name="Daly Donnacha HSLU I" userId="0f22e960-400a-43ff-baeb-4828c8f5cd3a" providerId="ADAL" clId="{78138B16-7BCD-AB47-9B5F-6CC7C46E94E4}" dt="2021-04-11T12:21:13.463" v="2944" actId="478"/>
          <ac:spMkLst>
            <pc:docMk/>
            <pc:sldMk cId="2840225397" sldId="608"/>
            <ac:spMk id="122" creationId="{EF4E5E94-4737-EB4F-B0EC-C8A575091FBE}"/>
          </ac:spMkLst>
        </pc:spChg>
        <pc:spChg chg="del">
          <ac:chgData name="Daly Donnacha HSLU I" userId="0f22e960-400a-43ff-baeb-4828c8f5cd3a" providerId="ADAL" clId="{78138B16-7BCD-AB47-9B5F-6CC7C46E94E4}" dt="2021-04-11T12:21:13.463" v="2944" actId="478"/>
          <ac:spMkLst>
            <pc:docMk/>
            <pc:sldMk cId="2840225397" sldId="608"/>
            <ac:spMk id="123" creationId="{B17618F3-895E-244B-9E22-8CBEEA318DF4}"/>
          </ac:spMkLst>
        </pc:spChg>
        <pc:spChg chg="del">
          <ac:chgData name="Daly Donnacha HSLU I" userId="0f22e960-400a-43ff-baeb-4828c8f5cd3a" providerId="ADAL" clId="{78138B16-7BCD-AB47-9B5F-6CC7C46E94E4}" dt="2021-04-11T12:21:13.463" v="2944" actId="478"/>
          <ac:spMkLst>
            <pc:docMk/>
            <pc:sldMk cId="2840225397" sldId="608"/>
            <ac:spMk id="124" creationId="{953E44EB-C502-F449-9670-96E5C43907A0}"/>
          </ac:spMkLst>
        </pc:spChg>
        <pc:spChg chg="del">
          <ac:chgData name="Daly Donnacha HSLU I" userId="0f22e960-400a-43ff-baeb-4828c8f5cd3a" providerId="ADAL" clId="{78138B16-7BCD-AB47-9B5F-6CC7C46E94E4}" dt="2021-04-11T12:21:13.463" v="2944" actId="478"/>
          <ac:spMkLst>
            <pc:docMk/>
            <pc:sldMk cId="2840225397" sldId="608"/>
            <ac:spMk id="125" creationId="{E013C52C-05B4-FE46-A827-C16E3C4DE103}"/>
          </ac:spMkLst>
        </pc:spChg>
        <pc:spChg chg="del">
          <ac:chgData name="Daly Donnacha HSLU I" userId="0f22e960-400a-43ff-baeb-4828c8f5cd3a" providerId="ADAL" clId="{78138B16-7BCD-AB47-9B5F-6CC7C46E94E4}" dt="2021-04-11T12:21:13.463" v="2944" actId="478"/>
          <ac:spMkLst>
            <pc:docMk/>
            <pc:sldMk cId="2840225397" sldId="608"/>
            <ac:spMk id="126" creationId="{50007535-799D-1A4C-BCD6-7C3A9D55B046}"/>
          </ac:spMkLst>
        </pc:spChg>
        <pc:spChg chg="del">
          <ac:chgData name="Daly Donnacha HSLU I" userId="0f22e960-400a-43ff-baeb-4828c8f5cd3a" providerId="ADAL" clId="{78138B16-7BCD-AB47-9B5F-6CC7C46E94E4}" dt="2021-04-11T12:21:13.463" v="2944" actId="478"/>
          <ac:spMkLst>
            <pc:docMk/>
            <pc:sldMk cId="2840225397" sldId="608"/>
            <ac:spMk id="127" creationId="{1AFB715B-A039-A640-8AC5-33119445598D}"/>
          </ac:spMkLst>
        </pc:spChg>
        <pc:spChg chg="del">
          <ac:chgData name="Daly Donnacha HSLU I" userId="0f22e960-400a-43ff-baeb-4828c8f5cd3a" providerId="ADAL" clId="{78138B16-7BCD-AB47-9B5F-6CC7C46E94E4}" dt="2021-04-11T12:21:13.463" v="2944" actId="478"/>
          <ac:spMkLst>
            <pc:docMk/>
            <pc:sldMk cId="2840225397" sldId="608"/>
            <ac:spMk id="132" creationId="{1E83BE46-B2F7-6F4A-B862-CE26410F0125}"/>
          </ac:spMkLst>
        </pc:spChg>
        <pc:spChg chg="del">
          <ac:chgData name="Daly Donnacha HSLU I" userId="0f22e960-400a-43ff-baeb-4828c8f5cd3a" providerId="ADAL" clId="{78138B16-7BCD-AB47-9B5F-6CC7C46E94E4}" dt="2021-04-11T12:21:13.463" v="2944" actId="478"/>
          <ac:spMkLst>
            <pc:docMk/>
            <pc:sldMk cId="2840225397" sldId="608"/>
            <ac:spMk id="133" creationId="{67859109-C6DE-8045-95BF-19A2A27851A1}"/>
          </ac:spMkLst>
        </pc:spChg>
        <pc:spChg chg="del">
          <ac:chgData name="Daly Donnacha HSLU I" userId="0f22e960-400a-43ff-baeb-4828c8f5cd3a" providerId="ADAL" clId="{78138B16-7BCD-AB47-9B5F-6CC7C46E94E4}" dt="2021-04-11T12:21:13.463" v="2944" actId="478"/>
          <ac:spMkLst>
            <pc:docMk/>
            <pc:sldMk cId="2840225397" sldId="608"/>
            <ac:spMk id="138" creationId="{52AEE927-411F-354C-A496-E930735F4D49}"/>
          </ac:spMkLst>
        </pc:spChg>
        <pc:spChg chg="del">
          <ac:chgData name="Daly Donnacha HSLU I" userId="0f22e960-400a-43ff-baeb-4828c8f5cd3a" providerId="ADAL" clId="{78138B16-7BCD-AB47-9B5F-6CC7C46E94E4}" dt="2021-04-11T12:21:13.463" v="2944" actId="478"/>
          <ac:spMkLst>
            <pc:docMk/>
            <pc:sldMk cId="2840225397" sldId="608"/>
            <ac:spMk id="139" creationId="{55DE7A79-B279-9249-BBFA-1E69C28ECBC4}"/>
          </ac:spMkLst>
        </pc:spChg>
        <pc:spChg chg="del">
          <ac:chgData name="Daly Donnacha HSLU I" userId="0f22e960-400a-43ff-baeb-4828c8f5cd3a" providerId="ADAL" clId="{78138B16-7BCD-AB47-9B5F-6CC7C46E94E4}" dt="2021-04-11T12:21:13.463" v="2944" actId="478"/>
          <ac:spMkLst>
            <pc:docMk/>
            <pc:sldMk cId="2840225397" sldId="608"/>
            <ac:spMk id="140" creationId="{8764AA50-45ED-6241-8657-C5597775C6A3}"/>
          </ac:spMkLst>
        </pc:spChg>
        <pc:spChg chg="del">
          <ac:chgData name="Daly Donnacha HSLU I" userId="0f22e960-400a-43ff-baeb-4828c8f5cd3a" providerId="ADAL" clId="{78138B16-7BCD-AB47-9B5F-6CC7C46E94E4}" dt="2021-04-11T12:21:13.463" v="2944" actId="478"/>
          <ac:spMkLst>
            <pc:docMk/>
            <pc:sldMk cId="2840225397" sldId="608"/>
            <ac:spMk id="141" creationId="{B848E0A3-548A-234A-A935-5A2C3A28E6CC}"/>
          </ac:spMkLst>
        </pc:spChg>
        <pc:spChg chg="del">
          <ac:chgData name="Daly Donnacha HSLU I" userId="0f22e960-400a-43ff-baeb-4828c8f5cd3a" providerId="ADAL" clId="{78138B16-7BCD-AB47-9B5F-6CC7C46E94E4}" dt="2021-04-11T12:21:13.463" v="2944" actId="478"/>
          <ac:spMkLst>
            <pc:docMk/>
            <pc:sldMk cId="2840225397" sldId="608"/>
            <ac:spMk id="142" creationId="{AB2A58C3-FED8-0440-839E-47674B5D47E1}"/>
          </ac:spMkLst>
        </pc:spChg>
        <pc:spChg chg="del">
          <ac:chgData name="Daly Donnacha HSLU I" userId="0f22e960-400a-43ff-baeb-4828c8f5cd3a" providerId="ADAL" clId="{78138B16-7BCD-AB47-9B5F-6CC7C46E94E4}" dt="2021-04-11T12:21:13.463" v="2944" actId="478"/>
          <ac:spMkLst>
            <pc:docMk/>
            <pc:sldMk cId="2840225397" sldId="608"/>
            <ac:spMk id="143" creationId="{96BAAF09-21CA-654E-A54A-CE3EC4E3D6BA}"/>
          </ac:spMkLst>
        </pc:spChg>
        <pc:spChg chg="del">
          <ac:chgData name="Daly Donnacha HSLU I" userId="0f22e960-400a-43ff-baeb-4828c8f5cd3a" providerId="ADAL" clId="{78138B16-7BCD-AB47-9B5F-6CC7C46E94E4}" dt="2021-04-11T12:21:13.463" v="2944" actId="478"/>
          <ac:spMkLst>
            <pc:docMk/>
            <pc:sldMk cId="2840225397" sldId="608"/>
            <ac:spMk id="144" creationId="{D534D047-28DC-0448-9867-A9E580AFE744}"/>
          </ac:spMkLst>
        </pc:spChg>
        <pc:spChg chg="del">
          <ac:chgData name="Daly Donnacha HSLU I" userId="0f22e960-400a-43ff-baeb-4828c8f5cd3a" providerId="ADAL" clId="{78138B16-7BCD-AB47-9B5F-6CC7C46E94E4}" dt="2021-04-11T12:21:13.463" v="2944" actId="478"/>
          <ac:spMkLst>
            <pc:docMk/>
            <pc:sldMk cId="2840225397" sldId="608"/>
            <ac:spMk id="145" creationId="{D567240D-268E-8E43-881D-0EF79FFDA8F7}"/>
          </ac:spMkLst>
        </pc:spChg>
        <pc:spChg chg="del">
          <ac:chgData name="Daly Donnacha HSLU I" userId="0f22e960-400a-43ff-baeb-4828c8f5cd3a" providerId="ADAL" clId="{78138B16-7BCD-AB47-9B5F-6CC7C46E94E4}" dt="2021-04-11T12:21:13.463" v="2944" actId="478"/>
          <ac:spMkLst>
            <pc:docMk/>
            <pc:sldMk cId="2840225397" sldId="608"/>
            <ac:spMk id="158" creationId="{129C6479-7A49-0E4A-AD07-DAECFE97EB90}"/>
          </ac:spMkLst>
        </pc:spChg>
        <pc:spChg chg="del">
          <ac:chgData name="Daly Donnacha HSLU I" userId="0f22e960-400a-43ff-baeb-4828c8f5cd3a" providerId="ADAL" clId="{78138B16-7BCD-AB47-9B5F-6CC7C46E94E4}" dt="2021-04-11T12:21:13.463" v="2944" actId="478"/>
          <ac:spMkLst>
            <pc:docMk/>
            <pc:sldMk cId="2840225397" sldId="608"/>
            <ac:spMk id="160" creationId="{07F9D2CA-78DA-D14A-9CF0-F5C551515799}"/>
          </ac:spMkLst>
        </pc:spChg>
        <pc:spChg chg="del">
          <ac:chgData name="Daly Donnacha HSLU I" userId="0f22e960-400a-43ff-baeb-4828c8f5cd3a" providerId="ADAL" clId="{78138B16-7BCD-AB47-9B5F-6CC7C46E94E4}" dt="2021-04-11T12:21:13.463" v="2944" actId="478"/>
          <ac:spMkLst>
            <pc:docMk/>
            <pc:sldMk cId="2840225397" sldId="608"/>
            <ac:spMk id="161" creationId="{652C254C-234F-D94F-A79B-0AAE3E66ACDC}"/>
          </ac:spMkLst>
        </pc:spChg>
        <pc:spChg chg="del">
          <ac:chgData name="Daly Donnacha HSLU I" userId="0f22e960-400a-43ff-baeb-4828c8f5cd3a" providerId="ADAL" clId="{78138B16-7BCD-AB47-9B5F-6CC7C46E94E4}" dt="2021-04-11T12:21:13.463" v="2944" actId="478"/>
          <ac:spMkLst>
            <pc:docMk/>
            <pc:sldMk cId="2840225397" sldId="608"/>
            <ac:spMk id="162" creationId="{6CE6F3C8-8A89-3648-A52B-C0229124BBD3}"/>
          </ac:spMkLst>
        </pc:spChg>
        <pc:spChg chg="del">
          <ac:chgData name="Daly Donnacha HSLU I" userId="0f22e960-400a-43ff-baeb-4828c8f5cd3a" providerId="ADAL" clId="{78138B16-7BCD-AB47-9B5F-6CC7C46E94E4}" dt="2021-04-11T12:21:13.463" v="2944" actId="478"/>
          <ac:spMkLst>
            <pc:docMk/>
            <pc:sldMk cId="2840225397" sldId="608"/>
            <ac:spMk id="168" creationId="{4A832E85-63A3-2242-95A8-224006393692}"/>
          </ac:spMkLst>
        </pc:spChg>
        <pc:spChg chg="del">
          <ac:chgData name="Daly Donnacha HSLU I" userId="0f22e960-400a-43ff-baeb-4828c8f5cd3a" providerId="ADAL" clId="{78138B16-7BCD-AB47-9B5F-6CC7C46E94E4}" dt="2021-04-11T12:21:13.463" v="2944" actId="478"/>
          <ac:spMkLst>
            <pc:docMk/>
            <pc:sldMk cId="2840225397" sldId="608"/>
            <ac:spMk id="173" creationId="{598EF36C-AAA9-9143-8626-38496E10DD9C}"/>
          </ac:spMkLst>
        </pc:spChg>
        <pc:cxnChg chg="del mod">
          <ac:chgData name="Daly Donnacha HSLU I" userId="0f22e960-400a-43ff-baeb-4828c8f5cd3a" providerId="ADAL" clId="{78138B16-7BCD-AB47-9B5F-6CC7C46E94E4}" dt="2021-04-11T12:21:13.463" v="2944" actId="478"/>
          <ac:cxnSpMkLst>
            <pc:docMk/>
            <pc:sldMk cId="2840225397" sldId="608"/>
            <ac:cxnSpMk id="88" creationId="{FC7BDE5E-174F-3C40-B107-3EAFC813DF82}"/>
          </ac:cxnSpMkLst>
        </pc:cxnChg>
        <pc:cxnChg chg="del mod">
          <ac:chgData name="Daly Donnacha HSLU I" userId="0f22e960-400a-43ff-baeb-4828c8f5cd3a" providerId="ADAL" clId="{78138B16-7BCD-AB47-9B5F-6CC7C46E94E4}" dt="2021-04-11T12:21:13.463" v="2944" actId="478"/>
          <ac:cxnSpMkLst>
            <pc:docMk/>
            <pc:sldMk cId="2840225397" sldId="608"/>
            <ac:cxnSpMk id="89" creationId="{F61DF7A6-2C7F-0E43-904F-840CFF0CDB8D}"/>
          </ac:cxnSpMkLst>
        </pc:cxnChg>
        <pc:cxnChg chg="del mod">
          <ac:chgData name="Daly Donnacha HSLU I" userId="0f22e960-400a-43ff-baeb-4828c8f5cd3a" providerId="ADAL" clId="{78138B16-7BCD-AB47-9B5F-6CC7C46E94E4}" dt="2021-04-11T12:21:13.463" v="2944" actId="478"/>
          <ac:cxnSpMkLst>
            <pc:docMk/>
            <pc:sldMk cId="2840225397" sldId="608"/>
            <ac:cxnSpMk id="90" creationId="{6287091E-0708-A947-94C5-F054D1377095}"/>
          </ac:cxnSpMkLst>
        </pc:cxnChg>
        <pc:cxnChg chg="del mod">
          <ac:chgData name="Daly Donnacha HSLU I" userId="0f22e960-400a-43ff-baeb-4828c8f5cd3a" providerId="ADAL" clId="{78138B16-7BCD-AB47-9B5F-6CC7C46E94E4}" dt="2021-04-11T12:21:13.463" v="2944" actId="478"/>
          <ac:cxnSpMkLst>
            <pc:docMk/>
            <pc:sldMk cId="2840225397" sldId="608"/>
            <ac:cxnSpMk id="91" creationId="{B774556A-C6A0-9944-A49F-CAF3787C3EF5}"/>
          </ac:cxnSpMkLst>
        </pc:cxnChg>
        <pc:cxnChg chg="del">
          <ac:chgData name="Daly Donnacha HSLU I" userId="0f22e960-400a-43ff-baeb-4828c8f5cd3a" providerId="ADAL" clId="{78138B16-7BCD-AB47-9B5F-6CC7C46E94E4}" dt="2021-04-11T12:21:13.463" v="2944" actId="478"/>
          <ac:cxnSpMkLst>
            <pc:docMk/>
            <pc:sldMk cId="2840225397" sldId="608"/>
            <ac:cxnSpMk id="101" creationId="{914A5C17-3569-964D-A9DD-A1980069FA79}"/>
          </ac:cxnSpMkLst>
        </pc:cxnChg>
        <pc:cxnChg chg="del">
          <ac:chgData name="Daly Donnacha HSLU I" userId="0f22e960-400a-43ff-baeb-4828c8f5cd3a" providerId="ADAL" clId="{78138B16-7BCD-AB47-9B5F-6CC7C46E94E4}" dt="2021-04-11T12:21:13.463" v="2944" actId="478"/>
          <ac:cxnSpMkLst>
            <pc:docMk/>
            <pc:sldMk cId="2840225397" sldId="608"/>
            <ac:cxnSpMk id="102" creationId="{259BC98B-1D12-A548-89A7-D7AF73376BAC}"/>
          </ac:cxnSpMkLst>
        </pc:cxnChg>
        <pc:cxnChg chg="del mod">
          <ac:chgData name="Daly Donnacha HSLU I" userId="0f22e960-400a-43ff-baeb-4828c8f5cd3a" providerId="ADAL" clId="{78138B16-7BCD-AB47-9B5F-6CC7C46E94E4}" dt="2021-04-11T12:21:13.463" v="2944" actId="478"/>
          <ac:cxnSpMkLst>
            <pc:docMk/>
            <pc:sldMk cId="2840225397" sldId="608"/>
            <ac:cxnSpMk id="106" creationId="{CD78E2AE-B99F-6345-9D39-C4B4EFC96CE1}"/>
          </ac:cxnSpMkLst>
        </pc:cxnChg>
        <pc:cxnChg chg="del mod">
          <ac:chgData name="Daly Donnacha HSLU I" userId="0f22e960-400a-43ff-baeb-4828c8f5cd3a" providerId="ADAL" clId="{78138B16-7BCD-AB47-9B5F-6CC7C46E94E4}" dt="2021-04-11T12:21:13.463" v="2944" actId="478"/>
          <ac:cxnSpMkLst>
            <pc:docMk/>
            <pc:sldMk cId="2840225397" sldId="608"/>
            <ac:cxnSpMk id="111" creationId="{B3AB45DC-379C-2C41-8003-F46DB1851A6F}"/>
          </ac:cxnSpMkLst>
        </pc:cxnChg>
        <pc:cxnChg chg="del mod">
          <ac:chgData name="Daly Donnacha HSLU I" userId="0f22e960-400a-43ff-baeb-4828c8f5cd3a" providerId="ADAL" clId="{78138B16-7BCD-AB47-9B5F-6CC7C46E94E4}" dt="2021-04-11T12:21:13.463" v="2944" actId="478"/>
          <ac:cxnSpMkLst>
            <pc:docMk/>
            <pc:sldMk cId="2840225397" sldId="608"/>
            <ac:cxnSpMk id="114" creationId="{4F433FD9-F1BF-DD40-9866-9281B5B03CC5}"/>
          </ac:cxnSpMkLst>
        </pc:cxnChg>
        <pc:cxnChg chg="del mod">
          <ac:chgData name="Daly Donnacha HSLU I" userId="0f22e960-400a-43ff-baeb-4828c8f5cd3a" providerId="ADAL" clId="{78138B16-7BCD-AB47-9B5F-6CC7C46E94E4}" dt="2021-04-11T12:21:13.463" v="2944" actId="478"/>
          <ac:cxnSpMkLst>
            <pc:docMk/>
            <pc:sldMk cId="2840225397" sldId="608"/>
            <ac:cxnSpMk id="117" creationId="{2B6E1C68-3A4A-8245-BABE-A50F6D392B70}"/>
          </ac:cxnSpMkLst>
        </pc:cxnChg>
        <pc:cxnChg chg="del mod">
          <ac:chgData name="Daly Donnacha HSLU I" userId="0f22e960-400a-43ff-baeb-4828c8f5cd3a" providerId="ADAL" clId="{78138B16-7BCD-AB47-9B5F-6CC7C46E94E4}" dt="2021-04-11T12:21:13.463" v="2944" actId="478"/>
          <ac:cxnSpMkLst>
            <pc:docMk/>
            <pc:sldMk cId="2840225397" sldId="608"/>
            <ac:cxnSpMk id="128" creationId="{9635C95F-A518-A547-9CAA-CA410CFCCA62}"/>
          </ac:cxnSpMkLst>
        </pc:cxnChg>
        <pc:cxnChg chg="del mod">
          <ac:chgData name="Daly Donnacha HSLU I" userId="0f22e960-400a-43ff-baeb-4828c8f5cd3a" providerId="ADAL" clId="{78138B16-7BCD-AB47-9B5F-6CC7C46E94E4}" dt="2021-04-11T12:21:13.463" v="2944" actId="478"/>
          <ac:cxnSpMkLst>
            <pc:docMk/>
            <pc:sldMk cId="2840225397" sldId="608"/>
            <ac:cxnSpMk id="129" creationId="{84A43D52-46E6-694C-9699-F61F77AAFCBA}"/>
          </ac:cxnSpMkLst>
        </pc:cxnChg>
        <pc:cxnChg chg="del mod">
          <ac:chgData name="Daly Donnacha HSLU I" userId="0f22e960-400a-43ff-baeb-4828c8f5cd3a" providerId="ADAL" clId="{78138B16-7BCD-AB47-9B5F-6CC7C46E94E4}" dt="2021-04-11T12:21:13.463" v="2944" actId="478"/>
          <ac:cxnSpMkLst>
            <pc:docMk/>
            <pc:sldMk cId="2840225397" sldId="608"/>
            <ac:cxnSpMk id="130" creationId="{3051CFE4-BB5D-5545-AFF9-BCAFA3737F81}"/>
          </ac:cxnSpMkLst>
        </pc:cxnChg>
        <pc:cxnChg chg="del mod">
          <ac:chgData name="Daly Donnacha HSLU I" userId="0f22e960-400a-43ff-baeb-4828c8f5cd3a" providerId="ADAL" clId="{78138B16-7BCD-AB47-9B5F-6CC7C46E94E4}" dt="2021-04-11T12:21:13.463" v="2944" actId="478"/>
          <ac:cxnSpMkLst>
            <pc:docMk/>
            <pc:sldMk cId="2840225397" sldId="608"/>
            <ac:cxnSpMk id="131" creationId="{1AA4CC02-431C-6B4E-AD6A-6954A42745BD}"/>
          </ac:cxnSpMkLst>
        </pc:cxnChg>
        <pc:cxnChg chg="del mod">
          <ac:chgData name="Daly Donnacha HSLU I" userId="0f22e960-400a-43ff-baeb-4828c8f5cd3a" providerId="ADAL" clId="{78138B16-7BCD-AB47-9B5F-6CC7C46E94E4}" dt="2021-04-11T12:21:13.463" v="2944" actId="478"/>
          <ac:cxnSpMkLst>
            <pc:docMk/>
            <pc:sldMk cId="2840225397" sldId="608"/>
            <ac:cxnSpMk id="134" creationId="{6DA05FDC-0013-434D-939C-491C8A7F9CDD}"/>
          </ac:cxnSpMkLst>
        </pc:cxnChg>
        <pc:cxnChg chg="del mod">
          <ac:chgData name="Daly Donnacha HSLU I" userId="0f22e960-400a-43ff-baeb-4828c8f5cd3a" providerId="ADAL" clId="{78138B16-7BCD-AB47-9B5F-6CC7C46E94E4}" dt="2021-04-11T12:21:13.463" v="2944" actId="478"/>
          <ac:cxnSpMkLst>
            <pc:docMk/>
            <pc:sldMk cId="2840225397" sldId="608"/>
            <ac:cxnSpMk id="135" creationId="{C9895C1C-B0E2-F44E-954B-ECC978C6632E}"/>
          </ac:cxnSpMkLst>
        </pc:cxnChg>
        <pc:cxnChg chg="del mod">
          <ac:chgData name="Daly Donnacha HSLU I" userId="0f22e960-400a-43ff-baeb-4828c8f5cd3a" providerId="ADAL" clId="{78138B16-7BCD-AB47-9B5F-6CC7C46E94E4}" dt="2021-04-11T12:21:13.463" v="2944" actId="478"/>
          <ac:cxnSpMkLst>
            <pc:docMk/>
            <pc:sldMk cId="2840225397" sldId="608"/>
            <ac:cxnSpMk id="136" creationId="{A9DCFA5D-BE0B-264F-81D4-2A31BB2F8CF5}"/>
          </ac:cxnSpMkLst>
        </pc:cxnChg>
        <pc:cxnChg chg="del mod">
          <ac:chgData name="Daly Donnacha HSLU I" userId="0f22e960-400a-43ff-baeb-4828c8f5cd3a" providerId="ADAL" clId="{78138B16-7BCD-AB47-9B5F-6CC7C46E94E4}" dt="2021-04-11T12:21:13.463" v="2944" actId="478"/>
          <ac:cxnSpMkLst>
            <pc:docMk/>
            <pc:sldMk cId="2840225397" sldId="608"/>
            <ac:cxnSpMk id="137" creationId="{A4EA7E17-B508-AA4A-AFCF-A65D7A5EF5E5}"/>
          </ac:cxnSpMkLst>
        </pc:cxnChg>
        <pc:cxnChg chg="del mod">
          <ac:chgData name="Daly Donnacha HSLU I" userId="0f22e960-400a-43ff-baeb-4828c8f5cd3a" providerId="ADAL" clId="{78138B16-7BCD-AB47-9B5F-6CC7C46E94E4}" dt="2021-04-11T12:21:13.463" v="2944" actId="478"/>
          <ac:cxnSpMkLst>
            <pc:docMk/>
            <pc:sldMk cId="2840225397" sldId="608"/>
            <ac:cxnSpMk id="146" creationId="{76257A0A-4C59-F640-9CBB-8E7BBBD4056C}"/>
          </ac:cxnSpMkLst>
        </pc:cxnChg>
        <pc:cxnChg chg="del mod">
          <ac:chgData name="Daly Donnacha HSLU I" userId="0f22e960-400a-43ff-baeb-4828c8f5cd3a" providerId="ADAL" clId="{78138B16-7BCD-AB47-9B5F-6CC7C46E94E4}" dt="2021-04-11T12:21:13.463" v="2944" actId="478"/>
          <ac:cxnSpMkLst>
            <pc:docMk/>
            <pc:sldMk cId="2840225397" sldId="608"/>
            <ac:cxnSpMk id="149" creationId="{8AC93DC0-6776-7A46-8A4A-B550C4A6FC63}"/>
          </ac:cxnSpMkLst>
        </pc:cxnChg>
        <pc:cxnChg chg="del mod">
          <ac:chgData name="Daly Donnacha HSLU I" userId="0f22e960-400a-43ff-baeb-4828c8f5cd3a" providerId="ADAL" clId="{78138B16-7BCD-AB47-9B5F-6CC7C46E94E4}" dt="2021-04-11T12:21:13.463" v="2944" actId="478"/>
          <ac:cxnSpMkLst>
            <pc:docMk/>
            <pc:sldMk cId="2840225397" sldId="608"/>
            <ac:cxnSpMk id="152" creationId="{054AD547-59CF-DE46-9634-9D3AB8419958}"/>
          </ac:cxnSpMkLst>
        </pc:cxnChg>
        <pc:cxnChg chg="del mod">
          <ac:chgData name="Daly Donnacha HSLU I" userId="0f22e960-400a-43ff-baeb-4828c8f5cd3a" providerId="ADAL" clId="{78138B16-7BCD-AB47-9B5F-6CC7C46E94E4}" dt="2021-04-11T12:21:13.463" v="2944" actId="478"/>
          <ac:cxnSpMkLst>
            <pc:docMk/>
            <pc:sldMk cId="2840225397" sldId="608"/>
            <ac:cxnSpMk id="155" creationId="{469FF2B8-E97E-004C-BE6C-D3A036B279C1}"/>
          </ac:cxnSpMkLst>
        </pc:cxnChg>
        <pc:cxnChg chg="del mod">
          <ac:chgData name="Daly Donnacha HSLU I" userId="0f22e960-400a-43ff-baeb-4828c8f5cd3a" providerId="ADAL" clId="{78138B16-7BCD-AB47-9B5F-6CC7C46E94E4}" dt="2021-04-11T12:21:13.463" v="2944" actId="478"/>
          <ac:cxnSpMkLst>
            <pc:docMk/>
            <pc:sldMk cId="2840225397" sldId="608"/>
            <ac:cxnSpMk id="163" creationId="{0F6465EB-6CFA-874F-A558-C6461FDDE80F}"/>
          </ac:cxnSpMkLst>
        </pc:cxnChg>
        <pc:cxnChg chg="del mod">
          <ac:chgData name="Daly Donnacha HSLU I" userId="0f22e960-400a-43ff-baeb-4828c8f5cd3a" providerId="ADAL" clId="{78138B16-7BCD-AB47-9B5F-6CC7C46E94E4}" dt="2021-04-11T12:21:13.463" v="2944" actId="478"/>
          <ac:cxnSpMkLst>
            <pc:docMk/>
            <pc:sldMk cId="2840225397" sldId="608"/>
            <ac:cxnSpMk id="170" creationId="{E05AB84F-CBBA-004C-A2BC-B544FDF774CE}"/>
          </ac:cxnSpMkLst>
        </pc:cxnChg>
      </pc:sldChg>
      <pc:sldChg chg="addSp delSp modSp add mod">
        <pc:chgData name="Daly Donnacha HSLU I" userId="0f22e960-400a-43ff-baeb-4828c8f5cd3a" providerId="ADAL" clId="{78138B16-7BCD-AB47-9B5F-6CC7C46E94E4}" dt="2021-04-11T13:27:57.383" v="4047" actId="21"/>
        <pc:sldMkLst>
          <pc:docMk/>
          <pc:sldMk cId="386012761" sldId="609"/>
        </pc:sldMkLst>
        <pc:spChg chg="mod">
          <ac:chgData name="Daly Donnacha HSLU I" userId="0f22e960-400a-43ff-baeb-4828c8f5cd3a" providerId="ADAL" clId="{78138B16-7BCD-AB47-9B5F-6CC7C46E94E4}" dt="2021-04-11T12:46:45.189" v="3467" actId="6549"/>
          <ac:spMkLst>
            <pc:docMk/>
            <pc:sldMk cId="386012761" sldId="609"/>
            <ac:spMk id="2" creationId="{8B3D10FA-6DC4-F845-9C65-B8D93F183A2C}"/>
          </ac:spMkLst>
        </pc:spChg>
        <pc:spChg chg="del">
          <ac:chgData name="Daly Donnacha HSLU I" userId="0f22e960-400a-43ff-baeb-4828c8f5cd3a" providerId="ADAL" clId="{78138B16-7BCD-AB47-9B5F-6CC7C46E94E4}" dt="2021-04-11T12:47:21.847" v="3470" actId="478"/>
          <ac:spMkLst>
            <pc:docMk/>
            <pc:sldMk cId="386012761" sldId="609"/>
            <ac:spMk id="3" creationId="{A2EC78C4-3D26-0C46-9DC3-E89202E56D65}"/>
          </ac:spMkLst>
        </pc:spChg>
        <pc:spChg chg="add mod">
          <ac:chgData name="Daly Donnacha HSLU I" userId="0f22e960-400a-43ff-baeb-4828c8f5cd3a" providerId="ADAL" clId="{78138B16-7BCD-AB47-9B5F-6CC7C46E94E4}" dt="2021-04-11T13:23:33.040" v="3899" actId="20577"/>
          <ac:spMkLst>
            <pc:docMk/>
            <pc:sldMk cId="386012761" sldId="609"/>
            <ac:spMk id="4" creationId="{10D5D7E5-4B64-334E-8A49-2122814382EF}"/>
          </ac:spMkLst>
        </pc:spChg>
        <pc:spChg chg="del">
          <ac:chgData name="Daly Donnacha HSLU I" userId="0f22e960-400a-43ff-baeb-4828c8f5cd3a" providerId="ADAL" clId="{78138B16-7BCD-AB47-9B5F-6CC7C46E94E4}" dt="2021-04-11T12:47:15.164" v="3469" actId="478"/>
          <ac:spMkLst>
            <pc:docMk/>
            <pc:sldMk cId="386012761" sldId="609"/>
            <ac:spMk id="9" creationId="{BCC99F9D-D62B-D14B-AB2F-5195ED3F5542}"/>
          </ac:spMkLst>
        </pc:spChg>
        <pc:spChg chg="mod">
          <ac:chgData name="Daly Donnacha HSLU I" userId="0f22e960-400a-43ff-baeb-4828c8f5cd3a" providerId="ADAL" clId="{78138B16-7BCD-AB47-9B5F-6CC7C46E94E4}" dt="2021-04-11T12:48:00.772" v="3484" actId="1035"/>
          <ac:spMkLst>
            <pc:docMk/>
            <pc:sldMk cId="386012761" sldId="609"/>
            <ac:spMk id="11" creationId="{58D6D82A-3932-E94B-8489-0117F97FC64A}"/>
          </ac:spMkLst>
        </pc:spChg>
        <pc:spChg chg="del">
          <ac:chgData name="Daly Donnacha HSLU I" userId="0f22e960-400a-43ff-baeb-4828c8f5cd3a" providerId="ADAL" clId="{78138B16-7BCD-AB47-9B5F-6CC7C46E94E4}" dt="2021-04-11T12:47:21.847" v="3470" actId="478"/>
          <ac:spMkLst>
            <pc:docMk/>
            <pc:sldMk cId="386012761" sldId="609"/>
            <ac:spMk id="12" creationId="{A0C20A9F-967C-BB44-83C8-10925AE5B5E7}"/>
          </ac:spMkLst>
        </pc:spChg>
        <pc:spChg chg="del">
          <ac:chgData name="Daly Donnacha HSLU I" userId="0f22e960-400a-43ff-baeb-4828c8f5cd3a" providerId="ADAL" clId="{78138B16-7BCD-AB47-9B5F-6CC7C46E94E4}" dt="2021-04-11T12:47:21.847" v="3470" actId="478"/>
          <ac:spMkLst>
            <pc:docMk/>
            <pc:sldMk cId="386012761" sldId="609"/>
            <ac:spMk id="14" creationId="{BF0934B5-6A0E-D742-B3CC-3ECB517A92E1}"/>
          </ac:spMkLst>
        </pc:spChg>
        <pc:spChg chg="del">
          <ac:chgData name="Daly Donnacha HSLU I" userId="0f22e960-400a-43ff-baeb-4828c8f5cd3a" providerId="ADAL" clId="{78138B16-7BCD-AB47-9B5F-6CC7C46E94E4}" dt="2021-04-11T12:47:21.847" v="3470" actId="478"/>
          <ac:spMkLst>
            <pc:docMk/>
            <pc:sldMk cId="386012761" sldId="609"/>
            <ac:spMk id="15" creationId="{33DA8322-8182-F84A-B27F-2E53034214DD}"/>
          </ac:spMkLst>
        </pc:spChg>
        <pc:spChg chg="del">
          <ac:chgData name="Daly Donnacha HSLU I" userId="0f22e960-400a-43ff-baeb-4828c8f5cd3a" providerId="ADAL" clId="{78138B16-7BCD-AB47-9B5F-6CC7C46E94E4}" dt="2021-04-11T12:47:21.847" v="3470" actId="478"/>
          <ac:spMkLst>
            <pc:docMk/>
            <pc:sldMk cId="386012761" sldId="609"/>
            <ac:spMk id="16" creationId="{F82E5003-1CAB-844D-89F4-C606CACF44F1}"/>
          </ac:spMkLst>
        </pc:spChg>
        <pc:spChg chg="del">
          <ac:chgData name="Daly Donnacha HSLU I" userId="0f22e960-400a-43ff-baeb-4828c8f5cd3a" providerId="ADAL" clId="{78138B16-7BCD-AB47-9B5F-6CC7C46E94E4}" dt="2021-04-11T12:47:21.847" v="3470" actId="478"/>
          <ac:spMkLst>
            <pc:docMk/>
            <pc:sldMk cId="386012761" sldId="609"/>
            <ac:spMk id="17" creationId="{83F6AF7A-8F93-9B41-AAFF-20C313B40B09}"/>
          </ac:spMkLst>
        </pc:spChg>
        <pc:spChg chg="del">
          <ac:chgData name="Daly Donnacha HSLU I" userId="0f22e960-400a-43ff-baeb-4828c8f5cd3a" providerId="ADAL" clId="{78138B16-7BCD-AB47-9B5F-6CC7C46E94E4}" dt="2021-04-11T12:47:21.847" v="3470" actId="478"/>
          <ac:spMkLst>
            <pc:docMk/>
            <pc:sldMk cId="386012761" sldId="609"/>
            <ac:spMk id="18" creationId="{FA46CC92-EA9B-5748-BF27-B4C166042551}"/>
          </ac:spMkLst>
        </pc:spChg>
        <pc:spChg chg="del">
          <ac:chgData name="Daly Donnacha HSLU I" userId="0f22e960-400a-43ff-baeb-4828c8f5cd3a" providerId="ADAL" clId="{78138B16-7BCD-AB47-9B5F-6CC7C46E94E4}" dt="2021-04-11T12:47:21.847" v="3470" actId="478"/>
          <ac:spMkLst>
            <pc:docMk/>
            <pc:sldMk cId="386012761" sldId="609"/>
            <ac:spMk id="19" creationId="{202FC008-8569-0048-AD7A-057E833C7A37}"/>
          </ac:spMkLst>
        </pc:spChg>
        <pc:spChg chg="del">
          <ac:chgData name="Daly Donnacha HSLU I" userId="0f22e960-400a-43ff-baeb-4828c8f5cd3a" providerId="ADAL" clId="{78138B16-7BCD-AB47-9B5F-6CC7C46E94E4}" dt="2021-04-11T12:47:21.847" v="3470" actId="478"/>
          <ac:spMkLst>
            <pc:docMk/>
            <pc:sldMk cId="386012761" sldId="609"/>
            <ac:spMk id="20" creationId="{05986C5C-570A-1B4B-8102-710F05584ACF}"/>
          </ac:spMkLst>
        </pc:spChg>
        <pc:spChg chg="del">
          <ac:chgData name="Daly Donnacha HSLU I" userId="0f22e960-400a-43ff-baeb-4828c8f5cd3a" providerId="ADAL" clId="{78138B16-7BCD-AB47-9B5F-6CC7C46E94E4}" dt="2021-04-11T12:47:21.847" v="3470" actId="478"/>
          <ac:spMkLst>
            <pc:docMk/>
            <pc:sldMk cId="386012761" sldId="609"/>
            <ac:spMk id="25" creationId="{3F2AA63D-2194-C045-93E4-A93E03EBC5B3}"/>
          </ac:spMkLst>
        </pc:spChg>
        <pc:spChg chg="del">
          <ac:chgData name="Daly Donnacha HSLU I" userId="0f22e960-400a-43ff-baeb-4828c8f5cd3a" providerId="ADAL" clId="{78138B16-7BCD-AB47-9B5F-6CC7C46E94E4}" dt="2021-04-11T12:47:21.847" v="3470" actId="478"/>
          <ac:spMkLst>
            <pc:docMk/>
            <pc:sldMk cId="386012761" sldId="609"/>
            <ac:spMk id="31" creationId="{8D81CC82-1571-6E4E-B68F-3A31520CF805}"/>
          </ac:spMkLst>
        </pc:spChg>
        <pc:spChg chg="del">
          <ac:chgData name="Daly Donnacha HSLU I" userId="0f22e960-400a-43ff-baeb-4828c8f5cd3a" providerId="ADAL" clId="{78138B16-7BCD-AB47-9B5F-6CC7C46E94E4}" dt="2021-04-11T12:47:21.847" v="3470" actId="478"/>
          <ac:spMkLst>
            <pc:docMk/>
            <pc:sldMk cId="386012761" sldId="609"/>
            <ac:spMk id="32" creationId="{42C25B95-9ED5-B744-A524-FDFDCA00EFF6}"/>
          </ac:spMkLst>
        </pc:spChg>
        <pc:spChg chg="del">
          <ac:chgData name="Daly Donnacha HSLU I" userId="0f22e960-400a-43ff-baeb-4828c8f5cd3a" providerId="ADAL" clId="{78138B16-7BCD-AB47-9B5F-6CC7C46E94E4}" dt="2021-04-11T12:47:21.847" v="3470" actId="478"/>
          <ac:spMkLst>
            <pc:docMk/>
            <pc:sldMk cId="386012761" sldId="609"/>
            <ac:spMk id="33" creationId="{FCED4CBB-6A63-7E43-94D8-94156496E7D2}"/>
          </ac:spMkLst>
        </pc:spChg>
        <pc:spChg chg="del">
          <ac:chgData name="Daly Donnacha HSLU I" userId="0f22e960-400a-43ff-baeb-4828c8f5cd3a" providerId="ADAL" clId="{78138B16-7BCD-AB47-9B5F-6CC7C46E94E4}" dt="2021-04-11T12:47:21.847" v="3470" actId="478"/>
          <ac:spMkLst>
            <pc:docMk/>
            <pc:sldMk cId="386012761" sldId="609"/>
            <ac:spMk id="34" creationId="{DC34B51B-3C86-F541-9808-6C7793B04613}"/>
          </ac:spMkLst>
        </pc:spChg>
        <pc:spChg chg="del">
          <ac:chgData name="Daly Donnacha HSLU I" userId="0f22e960-400a-43ff-baeb-4828c8f5cd3a" providerId="ADAL" clId="{78138B16-7BCD-AB47-9B5F-6CC7C46E94E4}" dt="2021-04-11T12:47:21.847" v="3470" actId="478"/>
          <ac:spMkLst>
            <pc:docMk/>
            <pc:sldMk cId="386012761" sldId="609"/>
            <ac:spMk id="35" creationId="{A5C55D1C-D345-024D-A205-AD89EB19A03A}"/>
          </ac:spMkLst>
        </pc:spChg>
        <pc:spChg chg="del">
          <ac:chgData name="Daly Donnacha HSLU I" userId="0f22e960-400a-43ff-baeb-4828c8f5cd3a" providerId="ADAL" clId="{78138B16-7BCD-AB47-9B5F-6CC7C46E94E4}" dt="2021-04-11T12:47:21.847" v="3470" actId="478"/>
          <ac:spMkLst>
            <pc:docMk/>
            <pc:sldMk cId="386012761" sldId="609"/>
            <ac:spMk id="36" creationId="{26B7E0A4-A4ED-9049-AE40-821446DEC3CD}"/>
          </ac:spMkLst>
        </pc:spChg>
        <pc:spChg chg="del">
          <ac:chgData name="Daly Donnacha HSLU I" userId="0f22e960-400a-43ff-baeb-4828c8f5cd3a" providerId="ADAL" clId="{78138B16-7BCD-AB47-9B5F-6CC7C46E94E4}" dt="2021-04-11T12:47:21.847" v="3470" actId="478"/>
          <ac:spMkLst>
            <pc:docMk/>
            <pc:sldMk cId="386012761" sldId="609"/>
            <ac:spMk id="40" creationId="{CFDC57A8-C880-434C-9F5D-A94226117012}"/>
          </ac:spMkLst>
        </pc:spChg>
        <pc:spChg chg="del">
          <ac:chgData name="Daly Donnacha HSLU I" userId="0f22e960-400a-43ff-baeb-4828c8f5cd3a" providerId="ADAL" clId="{78138B16-7BCD-AB47-9B5F-6CC7C46E94E4}" dt="2021-04-11T12:47:21.847" v="3470" actId="478"/>
          <ac:spMkLst>
            <pc:docMk/>
            <pc:sldMk cId="386012761" sldId="609"/>
            <ac:spMk id="42" creationId="{41E250EC-75A3-7545-A4CF-AA6317C96B44}"/>
          </ac:spMkLst>
        </pc:spChg>
        <pc:spChg chg="del">
          <ac:chgData name="Daly Donnacha HSLU I" userId="0f22e960-400a-43ff-baeb-4828c8f5cd3a" providerId="ADAL" clId="{78138B16-7BCD-AB47-9B5F-6CC7C46E94E4}" dt="2021-04-11T12:47:21.847" v="3470" actId="478"/>
          <ac:spMkLst>
            <pc:docMk/>
            <pc:sldMk cId="386012761" sldId="609"/>
            <ac:spMk id="43" creationId="{55E8B40E-1056-E041-8BE9-3C58AE97D65C}"/>
          </ac:spMkLst>
        </pc:spChg>
        <pc:spChg chg="del">
          <ac:chgData name="Daly Donnacha HSLU I" userId="0f22e960-400a-43ff-baeb-4828c8f5cd3a" providerId="ADAL" clId="{78138B16-7BCD-AB47-9B5F-6CC7C46E94E4}" dt="2021-04-11T12:47:21.847" v="3470" actId="478"/>
          <ac:spMkLst>
            <pc:docMk/>
            <pc:sldMk cId="386012761" sldId="609"/>
            <ac:spMk id="44" creationId="{43501A39-A27B-004C-B3D2-2D9A0FBDD695}"/>
          </ac:spMkLst>
        </pc:spChg>
        <pc:spChg chg="del">
          <ac:chgData name="Daly Donnacha HSLU I" userId="0f22e960-400a-43ff-baeb-4828c8f5cd3a" providerId="ADAL" clId="{78138B16-7BCD-AB47-9B5F-6CC7C46E94E4}" dt="2021-04-11T12:47:21.847" v="3470" actId="478"/>
          <ac:spMkLst>
            <pc:docMk/>
            <pc:sldMk cId="386012761" sldId="609"/>
            <ac:spMk id="45" creationId="{E88EFDA1-8AD7-D44C-8F03-CE3C722BC310}"/>
          </ac:spMkLst>
        </pc:spChg>
        <pc:spChg chg="del">
          <ac:chgData name="Daly Donnacha HSLU I" userId="0f22e960-400a-43ff-baeb-4828c8f5cd3a" providerId="ADAL" clId="{78138B16-7BCD-AB47-9B5F-6CC7C46E94E4}" dt="2021-04-11T12:47:21.847" v="3470" actId="478"/>
          <ac:spMkLst>
            <pc:docMk/>
            <pc:sldMk cId="386012761" sldId="609"/>
            <ac:spMk id="46" creationId="{25950819-EE53-1E4E-BAE6-97C0FBA8639B}"/>
          </ac:spMkLst>
        </pc:spChg>
        <pc:spChg chg="del">
          <ac:chgData name="Daly Donnacha HSLU I" userId="0f22e960-400a-43ff-baeb-4828c8f5cd3a" providerId="ADAL" clId="{78138B16-7BCD-AB47-9B5F-6CC7C46E94E4}" dt="2021-04-11T12:47:21.847" v="3470" actId="478"/>
          <ac:spMkLst>
            <pc:docMk/>
            <pc:sldMk cId="386012761" sldId="609"/>
            <ac:spMk id="47" creationId="{1EF00DDF-190B-8A44-AECB-316DB6AF7F84}"/>
          </ac:spMkLst>
        </pc:spChg>
        <pc:spChg chg="del">
          <ac:chgData name="Daly Donnacha HSLU I" userId="0f22e960-400a-43ff-baeb-4828c8f5cd3a" providerId="ADAL" clId="{78138B16-7BCD-AB47-9B5F-6CC7C46E94E4}" dt="2021-04-11T12:47:21.847" v="3470" actId="478"/>
          <ac:spMkLst>
            <pc:docMk/>
            <pc:sldMk cId="386012761" sldId="609"/>
            <ac:spMk id="48" creationId="{47E5AB14-31B5-4C43-B43F-2A164F28C63E}"/>
          </ac:spMkLst>
        </pc:spChg>
        <pc:spChg chg="del">
          <ac:chgData name="Daly Donnacha HSLU I" userId="0f22e960-400a-43ff-baeb-4828c8f5cd3a" providerId="ADAL" clId="{78138B16-7BCD-AB47-9B5F-6CC7C46E94E4}" dt="2021-04-11T12:47:21.847" v="3470" actId="478"/>
          <ac:spMkLst>
            <pc:docMk/>
            <pc:sldMk cId="386012761" sldId="609"/>
            <ac:spMk id="49" creationId="{092B1DDF-564B-C94F-9C91-4AB52F0A355D}"/>
          </ac:spMkLst>
        </pc:spChg>
        <pc:spChg chg="del">
          <ac:chgData name="Daly Donnacha HSLU I" userId="0f22e960-400a-43ff-baeb-4828c8f5cd3a" providerId="ADAL" clId="{78138B16-7BCD-AB47-9B5F-6CC7C46E94E4}" dt="2021-04-11T12:47:21.847" v="3470" actId="478"/>
          <ac:spMkLst>
            <pc:docMk/>
            <pc:sldMk cId="386012761" sldId="609"/>
            <ac:spMk id="50" creationId="{79F37A67-A42E-D944-A323-4F8512FB71C7}"/>
          </ac:spMkLst>
        </pc:spChg>
        <pc:spChg chg="del">
          <ac:chgData name="Daly Donnacha HSLU I" userId="0f22e960-400a-43ff-baeb-4828c8f5cd3a" providerId="ADAL" clId="{78138B16-7BCD-AB47-9B5F-6CC7C46E94E4}" dt="2021-04-11T12:47:21.847" v="3470" actId="478"/>
          <ac:spMkLst>
            <pc:docMk/>
            <pc:sldMk cId="386012761" sldId="609"/>
            <ac:spMk id="51" creationId="{39810EBD-BE97-294F-8E0D-2A126A72B07F}"/>
          </ac:spMkLst>
        </pc:spChg>
        <pc:spChg chg="del">
          <ac:chgData name="Daly Donnacha HSLU I" userId="0f22e960-400a-43ff-baeb-4828c8f5cd3a" providerId="ADAL" clId="{78138B16-7BCD-AB47-9B5F-6CC7C46E94E4}" dt="2021-04-11T12:47:21.847" v="3470" actId="478"/>
          <ac:spMkLst>
            <pc:docMk/>
            <pc:sldMk cId="386012761" sldId="609"/>
            <ac:spMk id="54" creationId="{4DA9BF28-F893-194E-8469-05951C115F02}"/>
          </ac:spMkLst>
        </pc:spChg>
        <pc:spChg chg="del">
          <ac:chgData name="Daly Donnacha HSLU I" userId="0f22e960-400a-43ff-baeb-4828c8f5cd3a" providerId="ADAL" clId="{78138B16-7BCD-AB47-9B5F-6CC7C46E94E4}" dt="2021-04-11T12:47:21.847" v="3470" actId="478"/>
          <ac:spMkLst>
            <pc:docMk/>
            <pc:sldMk cId="386012761" sldId="609"/>
            <ac:spMk id="55" creationId="{849E54F9-8BE1-0C49-B32C-CA3734894FFB}"/>
          </ac:spMkLst>
        </pc:spChg>
        <pc:spChg chg="del">
          <ac:chgData name="Daly Donnacha HSLU I" userId="0f22e960-400a-43ff-baeb-4828c8f5cd3a" providerId="ADAL" clId="{78138B16-7BCD-AB47-9B5F-6CC7C46E94E4}" dt="2021-04-11T12:47:21.847" v="3470" actId="478"/>
          <ac:spMkLst>
            <pc:docMk/>
            <pc:sldMk cId="386012761" sldId="609"/>
            <ac:spMk id="56" creationId="{D15EAA19-CCC2-BA4D-90E2-7F536288FD20}"/>
          </ac:spMkLst>
        </pc:spChg>
        <pc:spChg chg="del">
          <ac:chgData name="Daly Donnacha HSLU I" userId="0f22e960-400a-43ff-baeb-4828c8f5cd3a" providerId="ADAL" clId="{78138B16-7BCD-AB47-9B5F-6CC7C46E94E4}" dt="2021-04-11T12:47:21.847" v="3470" actId="478"/>
          <ac:spMkLst>
            <pc:docMk/>
            <pc:sldMk cId="386012761" sldId="609"/>
            <ac:spMk id="58" creationId="{8C2D798E-D68E-C949-99EC-B14D9DC489DE}"/>
          </ac:spMkLst>
        </pc:spChg>
        <pc:picChg chg="del">
          <ac:chgData name="Daly Donnacha HSLU I" userId="0f22e960-400a-43ff-baeb-4828c8f5cd3a" providerId="ADAL" clId="{78138B16-7BCD-AB47-9B5F-6CC7C46E94E4}" dt="2021-04-11T12:47:21.847" v="3470" actId="478"/>
          <ac:picMkLst>
            <pc:docMk/>
            <pc:sldMk cId="386012761" sldId="609"/>
            <ac:picMk id="13" creationId="{1C28F85B-E12E-1B47-B165-6FC10725F8CC}"/>
          </ac:picMkLst>
        </pc:picChg>
        <pc:picChg chg="add del mod">
          <ac:chgData name="Daly Donnacha HSLU I" userId="0f22e960-400a-43ff-baeb-4828c8f5cd3a" providerId="ADAL" clId="{78138B16-7BCD-AB47-9B5F-6CC7C46E94E4}" dt="2021-04-11T13:27:55.414" v="4046" actId="478"/>
          <ac:picMkLst>
            <pc:docMk/>
            <pc:sldMk cId="386012761" sldId="609"/>
            <ac:picMk id="57" creationId="{48981015-83D2-B54A-9B04-4F812577C2E3}"/>
          </ac:picMkLst>
        </pc:picChg>
        <pc:picChg chg="add del mod">
          <ac:chgData name="Daly Donnacha HSLU I" userId="0f22e960-400a-43ff-baeb-4828c8f5cd3a" providerId="ADAL" clId="{78138B16-7BCD-AB47-9B5F-6CC7C46E94E4}" dt="2021-04-11T13:27:57.383" v="4047" actId="21"/>
          <ac:picMkLst>
            <pc:docMk/>
            <pc:sldMk cId="386012761" sldId="609"/>
            <ac:picMk id="59" creationId="{B9F9C158-09FF-A348-89DA-BC0CCA99D5C5}"/>
          </ac:picMkLst>
        </pc:picChg>
        <pc:cxnChg chg="del mod">
          <ac:chgData name="Daly Donnacha HSLU I" userId="0f22e960-400a-43ff-baeb-4828c8f5cd3a" providerId="ADAL" clId="{78138B16-7BCD-AB47-9B5F-6CC7C46E94E4}" dt="2021-04-11T12:47:21.847" v="3470" actId="478"/>
          <ac:cxnSpMkLst>
            <pc:docMk/>
            <pc:sldMk cId="386012761" sldId="609"/>
            <ac:cxnSpMk id="21" creationId="{0D143D2E-4A66-A748-955C-63FCE773D85C}"/>
          </ac:cxnSpMkLst>
        </pc:cxnChg>
        <pc:cxnChg chg="del mod">
          <ac:chgData name="Daly Donnacha HSLU I" userId="0f22e960-400a-43ff-baeb-4828c8f5cd3a" providerId="ADAL" clId="{78138B16-7BCD-AB47-9B5F-6CC7C46E94E4}" dt="2021-04-11T12:47:21.847" v="3470" actId="478"/>
          <ac:cxnSpMkLst>
            <pc:docMk/>
            <pc:sldMk cId="386012761" sldId="609"/>
            <ac:cxnSpMk id="26" creationId="{ACC83948-7DD7-AB4C-8D4B-C3B1AEC0C900}"/>
          </ac:cxnSpMkLst>
        </pc:cxnChg>
        <pc:cxnChg chg="del mod">
          <ac:chgData name="Daly Donnacha HSLU I" userId="0f22e960-400a-43ff-baeb-4828c8f5cd3a" providerId="ADAL" clId="{78138B16-7BCD-AB47-9B5F-6CC7C46E94E4}" dt="2021-04-11T12:47:21.847" v="3470" actId="478"/>
          <ac:cxnSpMkLst>
            <pc:docMk/>
            <pc:sldMk cId="386012761" sldId="609"/>
            <ac:cxnSpMk id="37" creationId="{ABB14596-0F5A-D441-ACC0-F7DC832E6D5E}"/>
          </ac:cxnSpMkLst>
        </pc:cxnChg>
        <pc:cxnChg chg="del mod">
          <ac:chgData name="Daly Donnacha HSLU I" userId="0f22e960-400a-43ff-baeb-4828c8f5cd3a" providerId="ADAL" clId="{78138B16-7BCD-AB47-9B5F-6CC7C46E94E4}" dt="2021-04-11T12:47:21.847" v="3470" actId="478"/>
          <ac:cxnSpMkLst>
            <pc:docMk/>
            <pc:sldMk cId="386012761" sldId="609"/>
            <ac:cxnSpMk id="41" creationId="{8EB3FEDA-1D8A-2444-AB94-22F66D992F15}"/>
          </ac:cxnSpMkLst>
        </pc:cxnChg>
      </pc:sldChg>
      <pc:sldChg chg="addSp delSp modSp add mod">
        <pc:chgData name="Daly Donnacha HSLU I" userId="0f22e960-400a-43ff-baeb-4828c8f5cd3a" providerId="ADAL" clId="{78138B16-7BCD-AB47-9B5F-6CC7C46E94E4}" dt="2021-04-11T14:53:14.477" v="5903" actId="33524"/>
        <pc:sldMkLst>
          <pc:docMk/>
          <pc:sldMk cId="24135328" sldId="610"/>
        </pc:sldMkLst>
        <pc:spChg chg="mod">
          <ac:chgData name="Daly Donnacha HSLU I" userId="0f22e960-400a-43ff-baeb-4828c8f5cd3a" providerId="ADAL" clId="{78138B16-7BCD-AB47-9B5F-6CC7C46E94E4}" dt="2021-04-11T12:55:44.447" v="3701" actId="6549"/>
          <ac:spMkLst>
            <pc:docMk/>
            <pc:sldMk cId="24135328" sldId="610"/>
            <ac:spMk id="2" creationId="{8B3D10FA-6DC4-F845-9C65-B8D93F183A2C}"/>
          </ac:spMkLst>
        </pc:spChg>
        <pc:spChg chg="del">
          <ac:chgData name="Daly Donnacha HSLU I" userId="0f22e960-400a-43ff-baeb-4828c8f5cd3a" providerId="ADAL" clId="{78138B16-7BCD-AB47-9B5F-6CC7C46E94E4}" dt="2021-04-11T13:27:27.670" v="4037" actId="478"/>
          <ac:spMkLst>
            <pc:docMk/>
            <pc:sldMk cId="24135328" sldId="610"/>
            <ac:spMk id="9" creationId="{8B33EE33-83FA-BE4B-A877-37AFAEE25088}"/>
          </ac:spMkLst>
        </pc:spChg>
        <pc:spChg chg="mod">
          <ac:chgData name="Daly Donnacha HSLU I" userId="0f22e960-400a-43ff-baeb-4828c8f5cd3a" providerId="ADAL" clId="{78138B16-7BCD-AB47-9B5F-6CC7C46E94E4}" dt="2021-04-11T13:28:44.370" v="4057" actId="21"/>
          <ac:spMkLst>
            <pc:docMk/>
            <pc:sldMk cId="24135328" sldId="610"/>
            <ac:spMk id="10" creationId="{4DD14DBC-A61C-FB41-9869-2C53ABCA36B7}"/>
          </ac:spMkLst>
        </pc:spChg>
        <pc:spChg chg="del">
          <ac:chgData name="Daly Donnacha HSLU I" userId="0f22e960-400a-43ff-baeb-4828c8f5cd3a" providerId="ADAL" clId="{78138B16-7BCD-AB47-9B5F-6CC7C46E94E4}" dt="2021-04-11T12:56:35.326" v="3703" actId="478"/>
          <ac:spMkLst>
            <pc:docMk/>
            <pc:sldMk cId="24135328" sldId="610"/>
            <ac:spMk id="11" creationId="{161EFBC7-F438-FD48-9275-B39C8DCA9EEA}"/>
          </ac:spMkLst>
        </pc:spChg>
        <pc:spChg chg="del">
          <ac:chgData name="Daly Donnacha HSLU I" userId="0f22e960-400a-43ff-baeb-4828c8f5cd3a" providerId="ADAL" clId="{78138B16-7BCD-AB47-9B5F-6CC7C46E94E4}" dt="2021-04-11T12:56:35.326" v="3703" actId="478"/>
          <ac:spMkLst>
            <pc:docMk/>
            <pc:sldMk cId="24135328" sldId="610"/>
            <ac:spMk id="12" creationId="{299DC33E-0F35-0B4D-BE13-87A003A3123C}"/>
          </ac:spMkLst>
        </pc:spChg>
        <pc:spChg chg="add mod">
          <ac:chgData name="Daly Donnacha HSLU I" userId="0f22e960-400a-43ff-baeb-4828c8f5cd3a" providerId="ADAL" clId="{78138B16-7BCD-AB47-9B5F-6CC7C46E94E4}" dt="2021-04-11T14:53:14.477" v="5903" actId="33524"/>
          <ac:spMkLst>
            <pc:docMk/>
            <pc:sldMk cId="24135328" sldId="610"/>
            <ac:spMk id="15" creationId="{78AEEC68-F4CA-CD4D-9483-803E4A3DAC20}"/>
          </ac:spMkLst>
        </pc:spChg>
        <pc:spChg chg="mod">
          <ac:chgData name="Daly Donnacha HSLU I" userId="0f22e960-400a-43ff-baeb-4828c8f5cd3a" providerId="ADAL" clId="{78138B16-7BCD-AB47-9B5F-6CC7C46E94E4}" dt="2021-04-11T13:30:34.494" v="4227"/>
          <ac:spMkLst>
            <pc:docMk/>
            <pc:sldMk cId="24135328" sldId="610"/>
            <ac:spMk id="16" creationId="{6719E11E-DB68-284D-9BA1-19A75823434F}"/>
          </ac:spMkLst>
        </pc:spChg>
        <pc:picChg chg="del">
          <ac:chgData name="Daly Donnacha HSLU I" userId="0f22e960-400a-43ff-baeb-4828c8f5cd3a" providerId="ADAL" clId="{78138B16-7BCD-AB47-9B5F-6CC7C46E94E4}" dt="2021-04-11T12:56:35.326" v="3703" actId="478"/>
          <ac:picMkLst>
            <pc:docMk/>
            <pc:sldMk cId="24135328" sldId="610"/>
            <ac:picMk id="6" creationId="{DF51A0BC-0F78-E249-8691-4F4638DFE563}"/>
          </ac:picMkLst>
        </pc:picChg>
        <pc:picChg chg="del">
          <ac:chgData name="Daly Donnacha HSLU I" userId="0f22e960-400a-43ff-baeb-4828c8f5cd3a" providerId="ADAL" clId="{78138B16-7BCD-AB47-9B5F-6CC7C46E94E4}" dt="2021-04-11T13:27:30.398" v="4038" actId="21"/>
          <ac:picMkLst>
            <pc:docMk/>
            <pc:sldMk cId="24135328" sldId="610"/>
            <ac:picMk id="8" creationId="{34589173-1014-7040-A83C-6CC328A793E4}"/>
          </ac:picMkLst>
        </pc:picChg>
        <pc:picChg chg="add mod">
          <ac:chgData name="Daly Donnacha HSLU I" userId="0f22e960-400a-43ff-baeb-4828c8f5cd3a" providerId="ADAL" clId="{78138B16-7BCD-AB47-9B5F-6CC7C46E94E4}" dt="2021-04-11T13:28:01.139" v="4048"/>
          <ac:picMkLst>
            <pc:docMk/>
            <pc:sldMk cId="24135328" sldId="610"/>
            <ac:picMk id="14" creationId="{958436C7-5376-C54F-8E5B-79392868CC83}"/>
          </ac:picMkLst>
        </pc:picChg>
        <pc:cxnChg chg="del mod">
          <ac:chgData name="Daly Donnacha HSLU I" userId="0f22e960-400a-43ff-baeb-4828c8f5cd3a" providerId="ADAL" clId="{78138B16-7BCD-AB47-9B5F-6CC7C46E94E4}" dt="2021-04-11T12:56:35.326" v="3703" actId="478"/>
          <ac:cxnSpMkLst>
            <pc:docMk/>
            <pc:sldMk cId="24135328" sldId="610"/>
            <ac:cxnSpMk id="13" creationId="{FC7CF972-CB39-7249-A8CC-0F99A28B8D54}"/>
          </ac:cxnSpMkLst>
        </pc:cxnChg>
      </pc:sldChg>
      <pc:sldChg chg="addSp delSp modSp add mod">
        <pc:chgData name="Daly Donnacha HSLU I" userId="0f22e960-400a-43ff-baeb-4828c8f5cd3a" providerId="ADAL" clId="{78138B16-7BCD-AB47-9B5F-6CC7C46E94E4}" dt="2021-04-11T13:58:48.761" v="5073" actId="14100"/>
        <pc:sldMkLst>
          <pc:docMk/>
          <pc:sldMk cId="619789478" sldId="611"/>
        </pc:sldMkLst>
        <pc:spChg chg="mod">
          <ac:chgData name="Daly Donnacha HSLU I" userId="0f22e960-400a-43ff-baeb-4828c8f5cd3a" providerId="ADAL" clId="{78138B16-7BCD-AB47-9B5F-6CC7C46E94E4}" dt="2021-04-11T13:50:18.295" v="4814" actId="6549"/>
          <ac:spMkLst>
            <pc:docMk/>
            <pc:sldMk cId="619789478" sldId="611"/>
            <ac:spMk id="2" creationId="{3022F467-0172-614A-96E8-341DEC0FBD77}"/>
          </ac:spMkLst>
        </pc:spChg>
        <pc:spChg chg="del">
          <ac:chgData name="Daly Donnacha HSLU I" userId="0f22e960-400a-43ff-baeb-4828c8f5cd3a" providerId="ADAL" clId="{78138B16-7BCD-AB47-9B5F-6CC7C46E94E4}" dt="2021-04-11T12:59:11.569" v="3830" actId="478"/>
          <ac:spMkLst>
            <pc:docMk/>
            <pc:sldMk cId="619789478" sldId="611"/>
            <ac:spMk id="7" creationId="{DE71427D-44BE-AF4D-9E4C-8D48A06627B4}"/>
          </ac:spMkLst>
        </pc:spChg>
        <pc:spChg chg="del">
          <ac:chgData name="Daly Donnacha HSLU I" userId="0f22e960-400a-43ff-baeb-4828c8f5cd3a" providerId="ADAL" clId="{78138B16-7BCD-AB47-9B5F-6CC7C46E94E4}" dt="2021-04-11T12:59:11.569" v="3830" actId="478"/>
          <ac:spMkLst>
            <pc:docMk/>
            <pc:sldMk cId="619789478" sldId="611"/>
            <ac:spMk id="10" creationId="{8ADDEF43-4D72-2648-89BB-C4E58C14DB7C}"/>
          </ac:spMkLst>
        </pc:spChg>
        <pc:spChg chg="del">
          <ac:chgData name="Daly Donnacha HSLU I" userId="0f22e960-400a-43ff-baeb-4828c8f5cd3a" providerId="ADAL" clId="{78138B16-7BCD-AB47-9B5F-6CC7C46E94E4}" dt="2021-04-11T12:59:11.569" v="3830" actId="478"/>
          <ac:spMkLst>
            <pc:docMk/>
            <pc:sldMk cId="619789478" sldId="611"/>
            <ac:spMk id="14" creationId="{90B57314-7382-5A41-B74E-AB428FB683E1}"/>
          </ac:spMkLst>
        </pc:spChg>
        <pc:spChg chg="del">
          <ac:chgData name="Daly Donnacha HSLU I" userId="0f22e960-400a-43ff-baeb-4828c8f5cd3a" providerId="ADAL" clId="{78138B16-7BCD-AB47-9B5F-6CC7C46E94E4}" dt="2021-04-11T12:59:11.569" v="3830" actId="478"/>
          <ac:spMkLst>
            <pc:docMk/>
            <pc:sldMk cId="619789478" sldId="611"/>
            <ac:spMk id="15" creationId="{C0C813F8-9F64-D341-8EA2-FAB34604D0AA}"/>
          </ac:spMkLst>
        </pc:spChg>
        <pc:spChg chg="del">
          <ac:chgData name="Daly Donnacha HSLU I" userId="0f22e960-400a-43ff-baeb-4828c8f5cd3a" providerId="ADAL" clId="{78138B16-7BCD-AB47-9B5F-6CC7C46E94E4}" dt="2021-04-11T12:59:11.569" v="3830" actId="478"/>
          <ac:spMkLst>
            <pc:docMk/>
            <pc:sldMk cId="619789478" sldId="611"/>
            <ac:spMk id="16" creationId="{7D49C807-239C-4748-8A1F-B7A3288B6E48}"/>
          </ac:spMkLst>
        </pc:spChg>
        <pc:spChg chg="del">
          <ac:chgData name="Daly Donnacha HSLU I" userId="0f22e960-400a-43ff-baeb-4828c8f5cd3a" providerId="ADAL" clId="{78138B16-7BCD-AB47-9B5F-6CC7C46E94E4}" dt="2021-04-11T12:59:11.569" v="3830" actId="478"/>
          <ac:spMkLst>
            <pc:docMk/>
            <pc:sldMk cId="619789478" sldId="611"/>
            <ac:spMk id="17" creationId="{C5500805-BEEB-3B4B-8477-6F483FEEBBAD}"/>
          </ac:spMkLst>
        </pc:spChg>
        <pc:spChg chg="del">
          <ac:chgData name="Daly Donnacha HSLU I" userId="0f22e960-400a-43ff-baeb-4828c8f5cd3a" providerId="ADAL" clId="{78138B16-7BCD-AB47-9B5F-6CC7C46E94E4}" dt="2021-04-11T12:59:11.569" v="3830" actId="478"/>
          <ac:spMkLst>
            <pc:docMk/>
            <pc:sldMk cId="619789478" sldId="611"/>
            <ac:spMk id="24" creationId="{B71604F0-88B6-9644-BA1B-C02C8A0A770C}"/>
          </ac:spMkLst>
        </pc:spChg>
        <pc:spChg chg="del">
          <ac:chgData name="Daly Donnacha HSLU I" userId="0f22e960-400a-43ff-baeb-4828c8f5cd3a" providerId="ADAL" clId="{78138B16-7BCD-AB47-9B5F-6CC7C46E94E4}" dt="2021-04-11T12:59:11.569" v="3830" actId="478"/>
          <ac:spMkLst>
            <pc:docMk/>
            <pc:sldMk cId="619789478" sldId="611"/>
            <ac:spMk id="25" creationId="{0F963A76-7270-0446-BD3B-24F9A1E653F9}"/>
          </ac:spMkLst>
        </pc:spChg>
        <pc:spChg chg="del">
          <ac:chgData name="Daly Donnacha HSLU I" userId="0f22e960-400a-43ff-baeb-4828c8f5cd3a" providerId="ADAL" clId="{78138B16-7BCD-AB47-9B5F-6CC7C46E94E4}" dt="2021-04-11T12:59:11.569" v="3830" actId="478"/>
          <ac:spMkLst>
            <pc:docMk/>
            <pc:sldMk cId="619789478" sldId="611"/>
            <ac:spMk id="26" creationId="{FB1208FF-730F-A94E-945A-2E8C5B22BC2F}"/>
          </ac:spMkLst>
        </pc:spChg>
        <pc:spChg chg="del">
          <ac:chgData name="Daly Donnacha HSLU I" userId="0f22e960-400a-43ff-baeb-4828c8f5cd3a" providerId="ADAL" clId="{78138B16-7BCD-AB47-9B5F-6CC7C46E94E4}" dt="2021-04-11T12:59:11.569" v="3830" actId="478"/>
          <ac:spMkLst>
            <pc:docMk/>
            <pc:sldMk cId="619789478" sldId="611"/>
            <ac:spMk id="27" creationId="{1AEB6036-8946-4342-B214-27293C8777FD}"/>
          </ac:spMkLst>
        </pc:spChg>
        <pc:spChg chg="del">
          <ac:chgData name="Daly Donnacha HSLU I" userId="0f22e960-400a-43ff-baeb-4828c8f5cd3a" providerId="ADAL" clId="{78138B16-7BCD-AB47-9B5F-6CC7C46E94E4}" dt="2021-04-11T12:59:11.569" v="3830" actId="478"/>
          <ac:spMkLst>
            <pc:docMk/>
            <pc:sldMk cId="619789478" sldId="611"/>
            <ac:spMk id="28" creationId="{6E5DED4F-A0EC-A745-88BE-EEE1662EA870}"/>
          </ac:spMkLst>
        </pc:spChg>
        <pc:spChg chg="del">
          <ac:chgData name="Daly Donnacha HSLU I" userId="0f22e960-400a-43ff-baeb-4828c8f5cd3a" providerId="ADAL" clId="{78138B16-7BCD-AB47-9B5F-6CC7C46E94E4}" dt="2021-04-11T12:59:11.569" v="3830" actId="478"/>
          <ac:spMkLst>
            <pc:docMk/>
            <pc:sldMk cId="619789478" sldId="611"/>
            <ac:spMk id="29" creationId="{3C53E642-FC05-DD42-AE9E-FA74C4AD75FB}"/>
          </ac:spMkLst>
        </pc:spChg>
        <pc:spChg chg="del">
          <ac:chgData name="Daly Donnacha HSLU I" userId="0f22e960-400a-43ff-baeb-4828c8f5cd3a" providerId="ADAL" clId="{78138B16-7BCD-AB47-9B5F-6CC7C46E94E4}" dt="2021-04-11T12:59:11.569" v="3830" actId="478"/>
          <ac:spMkLst>
            <pc:docMk/>
            <pc:sldMk cId="619789478" sldId="611"/>
            <ac:spMk id="43" creationId="{E6BFCBB3-C32D-9A48-B01F-CD03F6CA5E31}"/>
          </ac:spMkLst>
        </pc:spChg>
        <pc:spChg chg="del">
          <ac:chgData name="Daly Donnacha HSLU I" userId="0f22e960-400a-43ff-baeb-4828c8f5cd3a" providerId="ADAL" clId="{78138B16-7BCD-AB47-9B5F-6CC7C46E94E4}" dt="2021-04-11T12:59:11.569" v="3830" actId="478"/>
          <ac:spMkLst>
            <pc:docMk/>
            <pc:sldMk cId="619789478" sldId="611"/>
            <ac:spMk id="44" creationId="{69F41FB8-2AC7-E140-A270-520AE86D0D63}"/>
          </ac:spMkLst>
        </pc:spChg>
        <pc:spChg chg="del">
          <ac:chgData name="Daly Donnacha HSLU I" userId="0f22e960-400a-43ff-baeb-4828c8f5cd3a" providerId="ADAL" clId="{78138B16-7BCD-AB47-9B5F-6CC7C46E94E4}" dt="2021-04-11T12:59:11.569" v="3830" actId="478"/>
          <ac:spMkLst>
            <pc:docMk/>
            <pc:sldMk cId="619789478" sldId="611"/>
            <ac:spMk id="45" creationId="{E4201C0B-3198-E34B-AE0E-E6E06D080FDC}"/>
          </ac:spMkLst>
        </pc:spChg>
        <pc:spChg chg="del">
          <ac:chgData name="Daly Donnacha HSLU I" userId="0f22e960-400a-43ff-baeb-4828c8f5cd3a" providerId="ADAL" clId="{78138B16-7BCD-AB47-9B5F-6CC7C46E94E4}" dt="2021-04-11T12:59:11.569" v="3830" actId="478"/>
          <ac:spMkLst>
            <pc:docMk/>
            <pc:sldMk cId="619789478" sldId="611"/>
            <ac:spMk id="46" creationId="{21863E99-B14B-3E4A-95DE-3FA623098595}"/>
          </ac:spMkLst>
        </pc:spChg>
        <pc:spChg chg="del">
          <ac:chgData name="Daly Donnacha HSLU I" userId="0f22e960-400a-43ff-baeb-4828c8f5cd3a" providerId="ADAL" clId="{78138B16-7BCD-AB47-9B5F-6CC7C46E94E4}" dt="2021-04-11T12:59:11.569" v="3830" actId="478"/>
          <ac:spMkLst>
            <pc:docMk/>
            <pc:sldMk cId="619789478" sldId="611"/>
            <ac:spMk id="47" creationId="{A0EF56A2-B450-734E-854B-29B7A277AEA1}"/>
          </ac:spMkLst>
        </pc:spChg>
        <pc:spChg chg="del">
          <ac:chgData name="Daly Donnacha HSLU I" userId="0f22e960-400a-43ff-baeb-4828c8f5cd3a" providerId="ADAL" clId="{78138B16-7BCD-AB47-9B5F-6CC7C46E94E4}" dt="2021-04-11T12:59:11.569" v="3830" actId="478"/>
          <ac:spMkLst>
            <pc:docMk/>
            <pc:sldMk cId="619789478" sldId="611"/>
            <ac:spMk id="48" creationId="{A965FBDD-E7FF-F846-855E-23CB7005421B}"/>
          </ac:spMkLst>
        </pc:spChg>
        <pc:spChg chg="del">
          <ac:chgData name="Daly Donnacha HSLU I" userId="0f22e960-400a-43ff-baeb-4828c8f5cd3a" providerId="ADAL" clId="{78138B16-7BCD-AB47-9B5F-6CC7C46E94E4}" dt="2021-04-11T12:59:11.569" v="3830" actId="478"/>
          <ac:spMkLst>
            <pc:docMk/>
            <pc:sldMk cId="619789478" sldId="611"/>
            <ac:spMk id="49" creationId="{C39E469F-8E38-594B-8CC8-07A08558B45A}"/>
          </ac:spMkLst>
        </pc:spChg>
        <pc:spChg chg="del">
          <ac:chgData name="Daly Donnacha HSLU I" userId="0f22e960-400a-43ff-baeb-4828c8f5cd3a" providerId="ADAL" clId="{78138B16-7BCD-AB47-9B5F-6CC7C46E94E4}" dt="2021-04-11T12:59:11.569" v="3830" actId="478"/>
          <ac:spMkLst>
            <pc:docMk/>
            <pc:sldMk cId="619789478" sldId="611"/>
            <ac:spMk id="50" creationId="{E8059A5E-1611-7340-8F64-282F4DAFEAA1}"/>
          </ac:spMkLst>
        </pc:spChg>
        <pc:spChg chg="del">
          <ac:chgData name="Daly Donnacha HSLU I" userId="0f22e960-400a-43ff-baeb-4828c8f5cd3a" providerId="ADAL" clId="{78138B16-7BCD-AB47-9B5F-6CC7C46E94E4}" dt="2021-04-11T12:59:11.569" v="3830" actId="478"/>
          <ac:spMkLst>
            <pc:docMk/>
            <pc:sldMk cId="619789478" sldId="611"/>
            <ac:spMk id="51" creationId="{AFC04979-32D2-3549-BDD5-6DADD6FDDDDE}"/>
          </ac:spMkLst>
        </pc:spChg>
        <pc:spChg chg="del">
          <ac:chgData name="Daly Donnacha HSLU I" userId="0f22e960-400a-43ff-baeb-4828c8f5cd3a" providerId="ADAL" clId="{78138B16-7BCD-AB47-9B5F-6CC7C46E94E4}" dt="2021-04-11T12:59:11.569" v="3830" actId="478"/>
          <ac:spMkLst>
            <pc:docMk/>
            <pc:sldMk cId="619789478" sldId="611"/>
            <ac:spMk id="52" creationId="{F6925326-D617-744F-9D1E-7F18C3655DB8}"/>
          </ac:spMkLst>
        </pc:spChg>
        <pc:spChg chg="add mod">
          <ac:chgData name="Daly Donnacha HSLU I" userId="0f22e960-400a-43ff-baeb-4828c8f5cd3a" providerId="ADAL" clId="{78138B16-7BCD-AB47-9B5F-6CC7C46E94E4}" dt="2021-04-11T13:58:44.783" v="5072" actId="20577"/>
          <ac:spMkLst>
            <pc:docMk/>
            <pc:sldMk cId="619789478" sldId="611"/>
            <ac:spMk id="53" creationId="{89B43075-1E82-B440-8064-2D0784FBC18D}"/>
          </ac:spMkLst>
        </pc:spChg>
        <pc:spChg chg="mod">
          <ac:chgData name="Daly Donnacha HSLU I" userId="0f22e960-400a-43ff-baeb-4828c8f5cd3a" providerId="ADAL" clId="{78138B16-7BCD-AB47-9B5F-6CC7C46E94E4}" dt="2021-04-11T13:58:10.991" v="5044" actId="20577"/>
          <ac:spMkLst>
            <pc:docMk/>
            <pc:sldMk cId="619789478" sldId="611"/>
            <ac:spMk id="58" creationId="{4C165521-37BA-064C-8EA0-E1AB65A5CBB0}"/>
          </ac:spMkLst>
        </pc:spChg>
        <pc:spChg chg="del">
          <ac:chgData name="Daly Donnacha HSLU I" userId="0f22e960-400a-43ff-baeb-4828c8f5cd3a" providerId="ADAL" clId="{78138B16-7BCD-AB47-9B5F-6CC7C46E94E4}" dt="2021-04-11T13:50:20.411" v="4815" actId="478"/>
          <ac:spMkLst>
            <pc:docMk/>
            <pc:sldMk cId="619789478" sldId="611"/>
            <ac:spMk id="59" creationId="{EF04DE1C-12D9-3A4A-B045-72B64DF813ED}"/>
          </ac:spMkLst>
        </pc:spChg>
        <pc:spChg chg="del">
          <ac:chgData name="Daly Donnacha HSLU I" userId="0f22e960-400a-43ff-baeb-4828c8f5cd3a" providerId="ADAL" clId="{78138B16-7BCD-AB47-9B5F-6CC7C46E94E4}" dt="2021-04-11T12:59:11.569" v="3830" actId="478"/>
          <ac:spMkLst>
            <pc:docMk/>
            <pc:sldMk cId="619789478" sldId="611"/>
            <ac:spMk id="63" creationId="{AF435A27-CE47-A140-9422-AE00DCD5044C}"/>
          </ac:spMkLst>
        </pc:spChg>
        <pc:grpChg chg="del">
          <ac:chgData name="Daly Donnacha HSLU I" userId="0f22e960-400a-43ff-baeb-4828c8f5cd3a" providerId="ADAL" clId="{78138B16-7BCD-AB47-9B5F-6CC7C46E94E4}" dt="2021-04-11T12:59:11.569" v="3830" actId="478"/>
          <ac:grpSpMkLst>
            <pc:docMk/>
            <pc:sldMk cId="619789478" sldId="611"/>
            <ac:grpSpMk id="56" creationId="{3ACF5C4B-E90E-FA47-BA1B-F344A63D4BD4}"/>
          </ac:grpSpMkLst>
        </pc:grpChg>
        <pc:graphicFrameChg chg="del">
          <ac:chgData name="Daly Donnacha HSLU I" userId="0f22e960-400a-43ff-baeb-4828c8f5cd3a" providerId="ADAL" clId="{78138B16-7BCD-AB47-9B5F-6CC7C46E94E4}" dt="2021-04-11T12:59:11.569" v="3830" actId="478"/>
          <ac:graphicFrameMkLst>
            <pc:docMk/>
            <pc:sldMk cId="619789478" sldId="611"/>
            <ac:graphicFrameMk id="54" creationId="{DCBAF129-A75D-2547-8696-15458987594C}"/>
          </ac:graphicFrameMkLst>
        </pc:graphicFrameChg>
        <pc:picChg chg="mod">
          <ac:chgData name="Daly Donnacha HSLU I" userId="0f22e960-400a-43ff-baeb-4828c8f5cd3a" providerId="ADAL" clId="{78138B16-7BCD-AB47-9B5F-6CC7C46E94E4}" dt="2021-04-11T13:58:48.761" v="5073" actId="14100"/>
          <ac:picMkLst>
            <pc:docMk/>
            <pc:sldMk cId="619789478" sldId="611"/>
            <ac:picMk id="3" creationId="{9E53DAF2-286E-894F-AB00-824E406248A8}"/>
          </ac:picMkLst>
        </pc:picChg>
        <pc:picChg chg="del">
          <ac:chgData name="Daly Donnacha HSLU I" userId="0f22e960-400a-43ff-baeb-4828c8f5cd3a" providerId="ADAL" clId="{78138B16-7BCD-AB47-9B5F-6CC7C46E94E4}" dt="2021-04-11T12:59:11.569" v="3830" actId="478"/>
          <ac:picMkLst>
            <pc:docMk/>
            <pc:sldMk cId="619789478" sldId="611"/>
            <ac:picMk id="61" creationId="{F40450C0-F155-8F49-9412-340393DF4E15}"/>
          </ac:picMkLst>
        </pc:picChg>
        <pc:cxnChg chg="del mod">
          <ac:chgData name="Daly Donnacha HSLU I" userId="0f22e960-400a-43ff-baeb-4828c8f5cd3a" providerId="ADAL" clId="{78138B16-7BCD-AB47-9B5F-6CC7C46E94E4}" dt="2021-04-11T12:59:11.569" v="3830" actId="478"/>
          <ac:cxnSpMkLst>
            <pc:docMk/>
            <pc:sldMk cId="619789478" sldId="611"/>
            <ac:cxnSpMk id="18" creationId="{68DB3BFF-103C-DD41-8004-4137DA20806E}"/>
          </ac:cxnSpMkLst>
        </pc:cxnChg>
        <pc:cxnChg chg="del mod">
          <ac:chgData name="Daly Donnacha HSLU I" userId="0f22e960-400a-43ff-baeb-4828c8f5cd3a" providerId="ADAL" clId="{78138B16-7BCD-AB47-9B5F-6CC7C46E94E4}" dt="2021-04-11T12:59:11.569" v="3830" actId="478"/>
          <ac:cxnSpMkLst>
            <pc:docMk/>
            <pc:sldMk cId="619789478" sldId="611"/>
            <ac:cxnSpMk id="19" creationId="{81E26431-766C-3645-BBF1-5CBAC89ADF1F}"/>
          </ac:cxnSpMkLst>
        </pc:cxnChg>
        <pc:cxnChg chg="del mod">
          <ac:chgData name="Daly Donnacha HSLU I" userId="0f22e960-400a-43ff-baeb-4828c8f5cd3a" providerId="ADAL" clId="{78138B16-7BCD-AB47-9B5F-6CC7C46E94E4}" dt="2021-04-11T12:59:11.569" v="3830" actId="478"/>
          <ac:cxnSpMkLst>
            <pc:docMk/>
            <pc:sldMk cId="619789478" sldId="611"/>
            <ac:cxnSpMk id="20" creationId="{BC726DD1-FED3-2343-85FC-7E02506725EC}"/>
          </ac:cxnSpMkLst>
        </pc:cxnChg>
        <pc:cxnChg chg="del">
          <ac:chgData name="Daly Donnacha HSLU I" userId="0f22e960-400a-43ff-baeb-4828c8f5cd3a" providerId="ADAL" clId="{78138B16-7BCD-AB47-9B5F-6CC7C46E94E4}" dt="2021-04-11T12:59:11.569" v="3830" actId="478"/>
          <ac:cxnSpMkLst>
            <pc:docMk/>
            <pc:sldMk cId="619789478" sldId="611"/>
            <ac:cxnSpMk id="30" creationId="{9A6BDAD3-2DC9-534D-B584-56BD2DBC4D64}"/>
          </ac:cxnSpMkLst>
        </pc:cxnChg>
        <pc:cxnChg chg="del">
          <ac:chgData name="Daly Donnacha HSLU I" userId="0f22e960-400a-43ff-baeb-4828c8f5cd3a" providerId="ADAL" clId="{78138B16-7BCD-AB47-9B5F-6CC7C46E94E4}" dt="2021-04-11T12:59:11.569" v="3830" actId="478"/>
          <ac:cxnSpMkLst>
            <pc:docMk/>
            <pc:sldMk cId="619789478" sldId="611"/>
            <ac:cxnSpMk id="31" creationId="{B9BA9E73-9EBE-6249-8D31-6E193FF1F9DE}"/>
          </ac:cxnSpMkLst>
        </pc:cxnChg>
        <pc:cxnChg chg="del">
          <ac:chgData name="Daly Donnacha HSLU I" userId="0f22e960-400a-43ff-baeb-4828c8f5cd3a" providerId="ADAL" clId="{78138B16-7BCD-AB47-9B5F-6CC7C46E94E4}" dt="2021-04-11T12:59:11.569" v="3830" actId="478"/>
          <ac:cxnSpMkLst>
            <pc:docMk/>
            <pc:sldMk cId="619789478" sldId="611"/>
            <ac:cxnSpMk id="32" creationId="{A2125E6B-0E60-B640-A159-995047145034}"/>
          </ac:cxnSpMkLst>
        </pc:cxnChg>
        <pc:cxnChg chg="del mod">
          <ac:chgData name="Daly Donnacha HSLU I" userId="0f22e960-400a-43ff-baeb-4828c8f5cd3a" providerId="ADAL" clId="{78138B16-7BCD-AB47-9B5F-6CC7C46E94E4}" dt="2021-04-11T12:59:11.569" v="3830" actId="478"/>
          <ac:cxnSpMkLst>
            <pc:docMk/>
            <pc:sldMk cId="619789478" sldId="611"/>
            <ac:cxnSpMk id="33" creationId="{C25D6B86-97D1-EE45-86FD-BCAA7C8D44E4}"/>
          </ac:cxnSpMkLst>
        </pc:cxnChg>
        <pc:cxnChg chg="del mod">
          <ac:chgData name="Daly Donnacha HSLU I" userId="0f22e960-400a-43ff-baeb-4828c8f5cd3a" providerId="ADAL" clId="{78138B16-7BCD-AB47-9B5F-6CC7C46E94E4}" dt="2021-04-11T12:59:11.569" v="3830" actId="478"/>
          <ac:cxnSpMkLst>
            <pc:docMk/>
            <pc:sldMk cId="619789478" sldId="611"/>
            <ac:cxnSpMk id="36" creationId="{51ACBF29-8EA6-BD40-8FEE-F7F1CE32D3C5}"/>
          </ac:cxnSpMkLst>
        </pc:cxnChg>
        <pc:cxnChg chg="del mod">
          <ac:chgData name="Daly Donnacha HSLU I" userId="0f22e960-400a-43ff-baeb-4828c8f5cd3a" providerId="ADAL" clId="{78138B16-7BCD-AB47-9B5F-6CC7C46E94E4}" dt="2021-04-11T12:59:11.569" v="3830" actId="478"/>
          <ac:cxnSpMkLst>
            <pc:docMk/>
            <pc:sldMk cId="619789478" sldId="611"/>
            <ac:cxnSpMk id="39" creationId="{6DC091F1-46B6-1447-B36E-1174223F0AF9}"/>
          </ac:cxnSpMkLst>
        </pc:cxnChg>
        <pc:cxnChg chg="del">
          <ac:chgData name="Daly Donnacha HSLU I" userId="0f22e960-400a-43ff-baeb-4828c8f5cd3a" providerId="ADAL" clId="{78138B16-7BCD-AB47-9B5F-6CC7C46E94E4}" dt="2021-04-11T12:59:11.569" v="3830" actId="478"/>
          <ac:cxnSpMkLst>
            <pc:docMk/>
            <pc:sldMk cId="619789478" sldId="611"/>
            <ac:cxnSpMk id="60" creationId="{FAC3AA9C-2F13-2841-95DD-D859FCFD7166}"/>
          </ac:cxnSpMkLst>
        </pc:cxnChg>
        <pc:cxnChg chg="del">
          <ac:chgData name="Daly Donnacha HSLU I" userId="0f22e960-400a-43ff-baeb-4828c8f5cd3a" providerId="ADAL" clId="{78138B16-7BCD-AB47-9B5F-6CC7C46E94E4}" dt="2021-04-11T12:59:11.569" v="3830" actId="478"/>
          <ac:cxnSpMkLst>
            <pc:docMk/>
            <pc:sldMk cId="619789478" sldId="611"/>
            <ac:cxnSpMk id="62" creationId="{C884C4AF-D5E2-2949-9582-1EA6CCD1D400}"/>
          </ac:cxnSpMkLst>
        </pc:cxnChg>
        <pc:cxnChg chg="del">
          <ac:chgData name="Daly Donnacha HSLU I" userId="0f22e960-400a-43ff-baeb-4828c8f5cd3a" providerId="ADAL" clId="{78138B16-7BCD-AB47-9B5F-6CC7C46E94E4}" dt="2021-04-11T12:59:11.569" v="3830" actId="478"/>
          <ac:cxnSpMkLst>
            <pc:docMk/>
            <pc:sldMk cId="619789478" sldId="611"/>
            <ac:cxnSpMk id="1027" creationId="{48F095E6-4167-E642-A061-FA3E165933FD}"/>
          </ac:cxnSpMkLst>
        </pc:cxnChg>
      </pc:sldChg>
      <pc:sldChg chg="modSp add mod ord">
        <pc:chgData name="Daly Donnacha HSLU I" userId="0f22e960-400a-43ff-baeb-4828c8f5cd3a" providerId="ADAL" clId="{78138B16-7BCD-AB47-9B5F-6CC7C46E94E4}" dt="2021-04-11T14:45:18.486" v="5850" actId="20577"/>
        <pc:sldMkLst>
          <pc:docMk/>
          <pc:sldMk cId="1241695363" sldId="612"/>
        </pc:sldMkLst>
        <pc:spChg chg="mod">
          <ac:chgData name="Daly Donnacha HSLU I" userId="0f22e960-400a-43ff-baeb-4828c8f5cd3a" providerId="ADAL" clId="{78138B16-7BCD-AB47-9B5F-6CC7C46E94E4}" dt="2021-04-11T14:18:26.289" v="5135" actId="6549"/>
          <ac:spMkLst>
            <pc:docMk/>
            <pc:sldMk cId="1241695363" sldId="612"/>
            <ac:spMk id="2" creationId="{C9C7838B-0FED-8445-A7C8-92E6B79D4EA4}"/>
          </ac:spMkLst>
        </pc:spChg>
        <pc:spChg chg="mod">
          <ac:chgData name="Daly Donnacha HSLU I" userId="0f22e960-400a-43ff-baeb-4828c8f5cd3a" providerId="ADAL" clId="{78138B16-7BCD-AB47-9B5F-6CC7C46E94E4}" dt="2021-04-11T14:31:11.035" v="5171" actId="20577"/>
          <ac:spMkLst>
            <pc:docMk/>
            <pc:sldMk cId="1241695363" sldId="612"/>
            <ac:spMk id="36" creationId="{594C60E3-33AB-8E47-8B29-E7941536755D}"/>
          </ac:spMkLst>
        </pc:spChg>
        <pc:spChg chg="mod">
          <ac:chgData name="Daly Donnacha HSLU I" userId="0f22e960-400a-43ff-baeb-4828c8f5cd3a" providerId="ADAL" clId="{78138B16-7BCD-AB47-9B5F-6CC7C46E94E4}" dt="2021-04-11T14:45:18.486" v="5850" actId="20577"/>
          <ac:spMkLst>
            <pc:docMk/>
            <pc:sldMk cId="1241695363" sldId="612"/>
            <ac:spMk id="37" creationId="{5E5FF0BC-242E-074B-8AC4-852579506F01}"/>
          </ac:spMkLst>
        </pc:spChg>
      </pc:sldChg>
      <pc:sldChg chg="modSp add mod">
        <pc:chgData name="Daly Donnacha HSLU I" userId="0f22e960-400a-43ff-baeb-4828c8f5cd3a" providerId="ADAL" clId="{78138B16-7BCD-AB47-9B5F-6CC7C46E94E4}" dt="2021-04-11T14:30:17.905" v="5162"/>
        <pc:sldMkLst>
          <pc:docMk/>
          <pc:sldMk cId="1286519018" sldId="615"/>
        </pc:sldMkLst>
        <pc:spChg chg="mod">
          <ac:chgData name="Daly Donnacha HSLU I" userId="0f22e960-400a-43ff-baeb-4828c8f5cd3a" providerId="ADAL" clId="{78138B16-7BCD-AB47-9B5F-6CC7C46E94E4}" dt="2021-04-11T14:18:37.889" v="5137" actId="6549"/>
          <ac:spMkLst>
            <pc:docMk/>
            <pc:sldMk cId="1286519018" sldId="615"/>
            <ac:spMk id="2" creationId="{49A51663-5D82-ED49-A2EC-CDC8E7757849}"/>
          </ac:spMkLst>
        </pc:spChg>
        <pc:spChg chg="mod">
          <ac:chgData name="Daly Donnacha HSLU I" userId="0f22e960-400a-43ff-baeb-4828c8f5cd3a" providerId="ADAL" clId="{78138B16-7BCD-AB47-9B5F-6CC7C46E94E4}" dt="2021-04-11T14:30:17.905" v="5162"/>
          <ac:spMkLst>
            <pc:docMk/>
            <pc:sldMk cId="1286519018" sldId="615"/>
            <ac:spMk id="102" creationId="{6AA19177-0D1A-7342-89B2-5F68312ACA19}"/>
          </ac:spMkLst>
        </pc:spChg>
      </pc:sldChg>
      <pc:sldChg chg="modSp add mod">
        <pc:chgData name="Daly Donnacha HSLU I" userId="0f22e960-400a-43ff-baeb-4828c8f5cd3a" providerId="ADAL" clId="{78138B16-7BCD-AB47-9B5F-6CC7C46E94E4}" dt="2021-04-11T14:18:47.591" v="5138" actId="6549"/>
        <pc:sldMkLst>
          <pc:docMk/>
          <pc:sldMk cId="1060005987" sldId="616"/>
        </pc:sldMkLst>
        <pc:spChg chg="mod">
          <ac:chgData name="Daly Donnacha HSLU I" userId="0f22e960-400a-43ff-baeb-4828c8f5cd3a" providerId="ADAL" clId="{78138B16-7BCD-AB47-9B5F-6CC7C46E94E4}" dt="2021-04-11T14:18:47.591" v="5138" actId="6549"/>
          <ac:spMkLst>
            <pc:docMk/>
            <pc:sldMk cId="1060005987" sldId="616"/>
            <ac:spMk id="2" creationId="{49A51663-5D82-ED49-A2EC-CDC8E7757849}"/>
          </ac:spMkLst>
        </pc:spChg>
      </pc:sldChg>
      <pc:sldChg chg="modSp add mod">
        <pc:chgData name="Daly Donnacha HSLU I" userId="0f22e960-400a-43ff-baeb-4828c8f5cd3a" providerId="ADAL" clId="{78138B16-7BCD-AB47-9B5F-6CC7C46E94E4}" dt="2021-04-11T14:18:55.592" v="5139" actId="6549"/>
        <pc:sldMkLst>
          <pc:docMk/>
          <pc:sldMk cId="1676599663" sldId="617"/>
        </pc:sldMkLst>
        <pc:spChg chg="mod">
          <ac:chgData name="Daly Donnacha HSLU I" userId="0f22e960-400a-43ff-baeb-4828c8f5cd3a" providerId="ADAL" clId="{78138B16-7BCD-AB47-9B5F-6CC7C46E94E4}" dt="2021-04-11T14:18:55.592" v="5139" actId="6549"/>
          <ac:spMkLst>
            <pc:docMk/>
            <pc:sldMk cId="1676599663" sldId="617"/>
            <ac:spMk id="2" creationId="{49A51663-5D82-ED49-A2EC-CDC8E7757849}"/>
          </ac:spMkLst>
        </pc:spChg>
      </pc:sldChg>
      <pc:sldChg chg="modSp add mod">
        <pc:chgData name="Daly Donnacha HSLU I" userId="0f22e960-400a-43ff-baeb-4828c8f5cd3a" providerId="ADAL" clId="{78138B16-7BCD-AB47-9B5F-6CC7C46E94E4}" dt="2021-04-11T14:51:13.999" v="5902" actId="1035"/>
        <pc:sldMkLst>
          <pc:docMk/>
          <pc:sldMk cId="3095860427" sldId="618"/>
        </pc:sldMkLst>
        <pc:spChg chg="mod">
          <ac:chgData name="Daly Donnacha HSLU I" userId="0f22e960-400a-43ff-baeb-4828c8f5cd3a" providerId="ADAL" clId="{78138B16-7BCD-AB47-9B5F-6CC7C46E94E4}" dt="2021-04-11T14:49:38.563" v="5857" actId="20577"/>
          <ac:spMkLst>
            <pc:docMk/>
            <pc:sldMk cId="3095860427" sldId="618"/>
            <ac:spMk id="2" creationId="{7EE0E134-CA5A-7A46-A53E-8CD202D2A40B}"/>
          </ac:spMkLst>
        </pc:spChg>
        <pc:spChg chg="mod">
          <ac:chgData name="Daly Donnacha HSLU I" userId="0f22e960-400a-43ff-baeb-4828c8f5cd3a" providerId="ADAL" clId="{78138B16-7BCD-AB47-9B5F-6CC7C46E94E4}" dt="2021-04-11T14:50:15.358" v="5863" actId="6549"/>
          <ac:spMkLst>
            <pc:docMk/>
            <pc:sldMk cId="3095860427" sldId="618"/>
            <ac:spMk id="28" creationId="{48593492-B7BB-864B-A821-08A018456F4B}"/>
          </ac:spMkLst>
        </pc:spChg>
        <pc:spChg chg="mod">
          <ac:chgData name="Daly Donnacha HSLU I" userId="0f22e960-400a-43ff-baeb-4828c8f5cd3a" providerId="ADAL" clId="{78138B16-7BCD-AB47-9B5F-6CC7C46E94E4}" dt="2021-04-11T14:51:13.999" v="5902" actId="1035"/>
          <ac:spMkLst>
            <pc:docMk/>
            <pc:sldMk cId="3095860427" sldId="618"/>
            <ac:spMk id="31" creationId="{5457D551-768A-8D40-AC64-E6D767D28620}"/>
          </ac:spMkLst>
        </pc:spChg>
      </pc:sldChg>
      <pc:sldChg chg="modSp add mod">
        <pc:chgData name="Daly Donnacha HSLU I" userId="0f22e960-400a-43ff-baeb-4828c8f5cd3a" providerId="ADAL" clId="{78138B16-7BCD-AB47-9B5F-6CC7C46E94E4}" dt="2021-04-11T14:18:31.356" v="5136" actId="6549"/>
        <pc:sldMkLst>
          <pc:docMk/>
          <pc:sldMk cId="2671292984" sldId="619"/>
        </pc:sldMkLst>
        <pc:spChg chg="mod">
          <ac:chgData name="Daly Donnacha HSLU I" userId="0f22e960-400a-43ff-baeb-4828c8f5cd3a" providerId="ADAL" clId="{78138B16-7BCD-AB47-9B5F-6CC7C46E94E4}" dt="2021-04-11T14:18:31.356" v="5136" actId="6549"/>
          <ac:spMkLst>
            <pc:docMk/>
            <pc:sldMk cId="2671292984" sldId="619"/>
            <ac:spMk id="2" creationId="{49A51663-5D82-ED49-A2EC-CDC8E7757849}"/>
          </ac:spMkLst>
        </pc:spChg>
      </pc:sldChg>
      <pc:sldChg chg="modSp add mod">
        <pc:chgData name="Daly Donnacha HSLU I" userId="0f22e960-400a-43ff-baeb-4828c8f5cd3a" providerId="ADAL" clId="{78138B16-7BCD-AB47-9B5F-6CC7C46E94E4}" dt="2021-04-11T14:20:11.204" v="5155" actId="403"/>
        <pc:sldMkLst>
          <pc:docMk/>
          <pc:sldMk cId="2242120439" sldId="620"/>
        </pc:sldMkLst>
        <pc:spChg chg="mod">
          <ac:chgData name="Daly Donnacha HSLU I" userId="0f22e960-400a-43ff-baeb-4828c8f5cd3a" providerId="ADAL" clId="{78138B16-7BCD-AB47-9B5F-6CC7C46E94E4}" dt="2021-04-11T14:20:03.223" v="5154" actId="6549"/>
          <ac:spMkLst>
            <pc:docMk/>
            <pc:sldMk cId="2242120439" sldId="620"/>
            <ac:spMk id="2" creationId="{7EE0E134-CA5A-7A46-A53E-8CD202D2A40B}"/>
          </ac:spMkLst>
        </pc:spChg>
        <pc:spChg chg="mod">
          <ac:chgData name="Daly Donnacha HSLU I" userId="0f22e960-400a-43ff-baeb-4828c8f5cd3a" providerId="ADAL" clId="{78138B16-7BCD-AB47-9B5F-6CC7C46E94E4}" dt="2021-04-11T14:20:11.204" v="5155" actId="403"/>
          <ac:spMkLst>
            <pc:docMk/>
            <pc:sldMk cId="2242120439" sldId="620"/>
            <ac:spMk id="23" creationId="{F18FA741-8335-8E4E-83FE-F4F1AEC38A17}"/>
          </ac:spMkLst>
        </pc:spChg>
      </pc:sldChg>
      <pc:sldChg chg="modSp add mod">
        <pc:chgData name="Daly Donnacha HSLU I" userId="0f22e960-400a-43ff-baeb-4828c8f5cd3a" providerId="ADAL" clId="{78138B16-7BCD-AB47-9B5F-6CC7C46E94E4}" dt="2021-04-11T14:49:26.556" v="5854" actId="6549"/>
        <pc:sldMkLst>
          <pc:docMk/>
          <pc:sldMk cId="1441532671" sldId="621"/>
        </pc:sldMkLst>
        <pc:spChg chg="mod">
          <ac:chgData name="Daly Donnacha HSLU I" userId="0f22e960-400a-43ff-baeb-4828c8f5cd3a" providerId="ADAL" clId="{78138B16-7BCD-AB47-9B5F-6CC7C46E94E4}" dt="2021-04-11T14:49:26.556" v="5854" actId="6549"/>
          <ac:spMkLst>
            <pc:docMk/>
            <pc:sldMk cId="1441532671" sldId="621"/>
            <ac:spMk id="2" creationId="{7EE0E134-CA5A-7A46-A53E-8CD202D2A40B}"/>
          </ac:spMkLst>
        </pc:spChg>
      </pc:sldChg>
      <pc:sldChg chg="addSp modSp add mod ord">
        <pc:chgData name="Daly Donnacha HSLU I" userId="0f22e960-400a-43ff-baeb-4828c8f5cd3a" providerId="ADAL" clId="{78138B16-7BCD-AB47-9B5F-6CC7C46E94E4}" dt="2021-04-11T14:17:31.957" v="5134" actId="20577"/>
        <pc:sldMkLst>
          <pc:docMk/>
          <pc:sldMk cId="135038309" sldId="622"/>
        </pc:sldMkLst>
        <pc:spChg chg="mod">
          <ac:chgData name="Daly Donnacha HSLU I" userId="0f22e960-400a-43ff-baeb-4828c8f5cd3a" providerId="ADAL" clId="{78138B16-7BCD-AB47-9B5F-6CC7C46E94E4}" dt="2021-04-11T14:17:31.957" v="5134" actId="20577"/>
          <ac:spMkLst>
            <pc:docMk/>
            <pc:sldMk cId="135038309" sldId="622"/>
            <ac:spMk id="2" creationId="{845832F1-8016-A44A-B81A-F76CCBAAAE5B}"/>
          </ac:spMkLst>
        </pc:spChg>
        <pc:spChg chg="mod">
          <ac:chgData name="Daly Donnacha HSLU I" userId="0f22e960-400a-43ff-baeb-4828c8f5cd3a" providerId="ADAL" clId="{78138B16-7BCD-AB47-9B5F-6CC7C46E94E4}" dt="2021-04-11T14:17:12.668" v="5121" actId="948"/>
          <ac:spMkLst>
            <pc:docMk/>
            <pc:sldMk cId="135038309" sldId="622"/>
            <ac:spMk id="5" creationId="{D63B93FF-88DD-4744-A7FB-5F02DDA25B59}"/>
          </ac:spMkLst>
        </pc:spChg>
        <pc:picChg chg="mod modCrop">
          <ac:chgData name="Daly Donnacha HSLU I" userId="0f22e960-400a-43ff-baeb-4828c8f5cd3a" providerId="ADAL" clId="{78138B16-7BCD-AB47-9B5F-6CC7C46E94E4}" dt="2021-04-11T14:16:18.181" v="5111" actId="1076"/>
          <ac:picMkLst>
            <pc:docMk/>
            <pc:sldMk cId="135038309" sldId="622"/>
            <ac:picMk id="3" creationId="{91E6107E-A6CB-9E48-9354-0AFC5296FE21}"/>
          </ac:picMkLst>
        </pc:picChg>
        <pc:picChg chg="add mod modCrop">
          <ac:chgData name="Daly Donnacha HSLU I" userId="0f22e960-400a-43ff-baeb-4828c8f5cd3a" providerId="ADAL" clId="{78138B16-7BCD-AB47-9B5F-6CC7C46E94E4}" dt="2021-04-11T14:16:24.602" v="5112" actId="1076"/>
          <ac:picMkLst>
            <pc:docMk/>
            <pc:sldMk cId="135038309" sldId="622"/>
            <ac:picMk id="7" creationId="{DC671A47-56EA-9B4E-9808-60C4BE45F1DA}"/>
          </ac:picMkLst>
        </pc:picChg>
      </pc:sldChg>
      <pc:sldChg chg="addSp delSp modSp add mod ord">
        <pc:chgData name="Daly Donnacha HSLU I" userId="0f22e960-400a-43ff-baeb-4828c8f5cd3a" providerId="ADAL" clId="{78138B16-7BCD-AB47-9B5F-6CC7C46E94E4}" dt="2021-04-11T18:20:06.301" v="9444" actId="20577"/>
        <pc:sldMkLst>
          <pc:docMk/>
          <pc:sldMk cId="344160761" sldId="623"/>
        </pc:sldMkLst>
        <pc:spChg chg="mod">
          <ac:chgData name="Daly Donnacha HSLU I" userId="0f22e960-400a-43ff-baeb-4828c8f5cd3a" providerId="ADAL" clId="{78138B16-7BCD-AB47-9B5F-6CC7C46E94E4}" dt="2021-04-11T18:20:06.301" v="9444" actId="20577"/>
          <ac:spMkLst>
            <pc:docMk/>
            <pc:sldMk cId="344160761" sldId="623"/>
            <ac:spMk id="2" creationId="{63F79D38-BAB9-3B47-8BA2-4CEF2E5AA76F}"/>
          </ac:spMkLst>
        </pc:spChg>
        <pc:spChg chg="add mod">
          <ac:chgData name="Daly Donnacha HSLU I" userId="0f22e960-400a-43ff-baeb-4828c8f5cd3a" providerId="ADAL" clId="{78138B16-7BCD-AB47-9B5F-6CC7C46E94E4}" dt="2021-04-11T18:11:06.359" v="9435" actId="1035"/>
          <ac:spMkLst>
            <pc:docMk/>
            <pc:sldMk cId="344160761" sldId="623"/>
            <ac:spMk id="6" creationId="{03B341B7-396C-E44D-AC44-29DB12DB3051}"/>
          </ac:spMkLst>
        </pc:spChg>
        <pc:spChg chg="del">
          <ac:chgData name="Daly Donnacha HSLU I" userId="0f22e960-400a-43ff-baeb-4828c8f5cd3a" providerId="ADAL" clId="{78138B16-7BCD-AB47-9B5F-6CC7C46E94E4}" dt="2021-04-11T15:07:43.720" v="6279" actId="478"/>
          <ac:spMkLst>
            <pc:docMk/>
            <pc:sldMk cId="344160761" sldId="623"/>
            <ac:spMk id="30" creationId="{D27FA678-E793-C04B-B612-D120A52C825F}"/>
          </ac:spMkLst>
        </pc:spChg>
        <pc:picChg chg="mod">
          <ac:chgData name="Daly Donnacha HSLU I" userId="0f22e960-400a-43ff-baeb-4828c8f5cd3a" providerId="ADAL" clId="{78138B16-7BCD-AB47-9B5F-6CC7C46E94E4}" dt="2021-04-11T18:11:13.073" v="9438" actId="1035"/>
          <ac:picMkLst>
            <pc:docMk/>
            <pc:sldMk cId="344160761" sldId="623"/>
            <ac:picMk id="1026" creationId="{6B11AD52-C787-3B47-8453-525907EE3F6C}"/>
          </ac:picMkLst>
        </pc:picChg>
      </pc:sldChg>
      <pc:sldChg chg="addSp modSp new mod">
        <pc:chgData name="Daly Donnacha HSLU I" userId="0f22e960-400a-43ff-baeb-4828c8f5cd3a" providerId="ADAL" clId="{78138B16-7BCD-AB47-9B5F-6CC7C46E94E4}" dt="2021-04-11T13:55:14.622" v="5014" actId="20577"/>
        <pc:sldMkLst>
          <pc:docMk/>
          <pc:sldMk cId="3515522778" sldId="624"/>
        </pc:sldMkLst>
        <pc:spChg chg="mod">
          <ac:chgData name="Daly Donnacha HSLU I" userId="0f22e960-400a-43ff-baeb-4828c8f5cd3a" providerId="ADAL" clId="{78138B16-7BCD-AB47-9B5F-6CC7C46E94E4}" dt="2021-04-11T13:55:14.622" v="5014" actId="20577"/>
          <ac:spMkLst>
            <pc:docMk/>
            <pc:sldMk cId="3515522778" sldId="624"/>
            <ac:spMk id="2" creationId="{F01EE751-CF55-244A-8B3E-3FCAF5DC4698}"/>
          </ac:spMkLst>
        </pc:spChg>
        <pc:spChg chg="add mod">
          <ac:chgData name="Daly Donnacha HSLU I" userId="0f22e960-400a-43ff-baeb-4828c8f5cd3a" providerId="ADAL" clId="{78138B16-7BCD-AB47-9B5F-6CC7C46E94E4}" dt="2021-04-11T10:58:49.749" v="971" actId="20577"/>
          <ac:spMkLst>
            <pc:docMk/>
            <pc:sldMk cId="3515522778" sldId="624"/>
            <ac:spMk id="3" creationId="{3D669737-092B-3844-AB7D-B411EC7D8E39}"/>
          </ac:spMkLst>
        </pc:spChg>
        <pc:spChg chg="add mod">
          <ac:chgData name="Daly Donnacha HSLU I" userId="0f22e960-400a-43ff-baeb-4828c8f5cd3a" providerId="ADAL" clId="{78138B16-7BCD-AB47-9B5F-6CC7C46E94E4}" dt="2021-04-11T10:42:50.849" v="744" actId="1076"/>
          <ac:spMkLst>
            <pc:docMk/>
            <pc:sldMk cId="3515522778" sldId="624"/>
            <ac:spMk id="4" creationId="{C926ED1A-6CDF-A444-B5D1-AD1B3DFBC211}"/>
          </ac:spMkLst>
        </pc:spChg>
        <pc:spChg chg="add mod">
          <ac:chgData name="Daly Donnacha HSLU I" userId="0f22e960-400a-43ff-baeb-4828c8f5cd3a" providerId="ADAL" clId="{78138B16-7BCD-AB47-9B5F-6CC7C46E94E4}" dt="2021-04-11T10:49:53.730" v="857" actId="207"/>
          <ac:spMkLst>
            <pc:docMk/>
            <pc:sldMk cId="3515522778" sldId="624"/>
            <ac:spMk id="5" creationId="{AE8F80AB-7CD0-6642-93DF-C3D1EC8AE63E}"/>
          </ac:spMkLst>
        </pc:spChg>
        <pc:spChg chg="add mod">
          <ac:chgData name="Daly Donnacha HSLU I" userId="0f22e960-400a-43ff-baeb-4828c8f5cd3a" providerId="ADAL" clId="{78138B16-7BCD-AB47-9B5F-6CC7C46E94E4}" dt="2021-04-11T10:48:45.909" v="842" actId="171"/>
          <ac:spMkLst>
            <pc:docMk/>
            <pc:sldMk cId="3515522778" sldId="624"/>
            <ac:spMk id="6" creationId="{677B0C65-F4E3-CA44-9FF1-C0C890F9D986}"/>
          </ac:spMkLst>
        </pc:spChg>
        <pc:spChg chg="add mod">
          <ac:chgData name="Daly Donnacha HSLU I" userId="0f22e960-400a-43ff-baeb-4828c8f5cd3a" providerId="ADAL" clId="{78138B16-7BCD-AB47-9B5F-6CC7C46E94E4}" dt="2021-04-11T10:49:02.466" v="844" actId="113"/>
          <ac:spMkLst>
            <pc:docMk/>
            <pc:sldMk cId="3515522778" sldId="624"/>
            <ac:spMk id="7" creationId="{B14000BF-692B-7648-A917-922C1DB3C2B9}"/>
          </ac:spMkLst>
        </pc:spChg>
        <pc:picChg chg="add mod">
          <ac:chgData name="Daly Donnacha HSLU I" userId="0f22e960-400a-43ff-baeb-4828c8f5cd3a" providerId="ADAL" clId="{78138B16-7BCD-AB47-9B5F-6CC7C46E94E4}" dt="2021-04-11T10:47:18.596" v="820" actId="1036"/>
          <ac:picMkLst>
            <pc:docMk/>
            <pc:sldMk cId="3515522778" sldId="624"/>
            <ac:picMk id="1026" creationId="{A1D4AC28-6304-A34F-8DDE-9A6D569ABC43}"/>
          </ac:picMkLst>
        </pc:picChg>
      </pc:sldChg>
      <pc:sldChg chg="delSp modSp add mod ord">
        <pc:chgData name="Daly Donnacha HSLU I" userId="0f22e960-400a-43ff-baeb-4828c8f5cd3a" providerId="ADAL" clId="{78138B16-7BCD-AB47-9B5F-6CC7C46E94E4}" dt="2021-04-11T13:54:57.753" v="5008" actId="20577"/>
        <pc:sldMkLst>
          <pc:docMk/>
          <pc:sldMk cId="1533219916" sldId="625"/>
        </pc:sldMkLst>
        <pc:spChg chg="mod">
          <ac:chgData name="Daly Donnacha HSLU I" userId="0f22e960-400a-43ff-baeb-4828c8f5cd3a" providerId="ADAL" clId="{78138B16-7BCD-AB47-9B5F-6CC7C46E94E4}" dt="2021-04-11T13:54:57.753" v="5008" actId="20577"/>
          <ac:spMkLst>
            <pc:docMk/>
            <pc:sldMk cId="1533219916" sldId="625"/>
            <ac:spMk id="2" creationId="{F8BB4216-0D9F-C843-BB49-4B963ECC94DB}"/>
          </ac:spMkLst>
        </pc:spChg>
        <pc:spChg chg="del">
          <ac:chgData name="Daly Donnacha HSLU I" userId="0f22e960-400a-43ff-baeb-4828c8f5cd3a" providerId="ADAL" clId="{78138B16-7BCD-AB47-9B5F-6CC7C46E94E4}" dt="2021-04-11T10:53:33.118" v="926" actId="478"/>
          <ac:spMkLst>
            <pc:docMk/>
            <pc:sldMk cId="1533219916" sldId="625"/>
            <ac:spMk id="6" creationId="{2E306B56-A452-E241-8A48-955D8E52C380}"/>
          </ac:spMkLst>
        </pc:spChg>
        <pc:spChg chg="mod">
          <ac:chgData name="Daly Donnacha HSLU I" userId="0f22e960-400a-43ff-baeb-4828c8f5cd3a" providerId="ADAL" clId="{78138B16-7BCD-AB47-9B5F-6CC7C46E94E4}" dt="2021-04-11T10:56:00.620" v="964" actId="20577"/>
          <ac:spMkLst>
            <pc:docMk/>
            <pc:sldMk cId="1533219916" sldId="625"/>
            <ac:spMk id="9" creationId="{98C35971-CB5A-8040-93E2-9E09FC775369}"/>
          </ac:spMkLst>
        </pc:spChg>
        <pc:spChg chg="del">
          <ac:chgData name="Daly Donnacha HSLU I" userId="0f22e960-400a-43ff-baeb-4828c8f5cd3a" providerId="ADAL" clId="{78138B16-7BCD-AB47-9B5F-6CC7C46E94E4}" dt="2021-04-11T10:53:33.118" v="926" actId="478"/>
          <ac:spMkLst>
            <pc:docMk/>
            <pc:sldMk cId="1533219916" sldId="625"/>
            <ac:spMk id="10" creationId="{AE54C3D9-5A6C-7F48-BDBB-B1DF4FD2B12A}"/>
          </ac:spMkLst>
        </pc:spChg>
        <pc:spChg chg="del">
          <ac:chgData name="Daly Donnacha HSLU I" userId="0f22e960-400a-43ff-baeb-4828c8f5cd3a" providerId="ADAL" clId="{78138B16-7BCD-AB47-9B5F-6CC7C46E94E4}" dt="2021-04-11T10:53:33.118" v="926" actId="478"/>
          <ac:spMkLst>
            <pc:docMk/>
            <pc:sldMk cId="1533219916" sldId="625"/>
            <ac:spMk id="11" creationId="{23381329-87DA-F943-869A-8BE8BB55BF13}"/>
          </ac:spMkLst>
        </pc:spChg>
        <pc:picChg chg="del">
          <ac:chgData name="Daly Donnacha HSLU I" userId="0f22e960-400a-43ff-baeb-4828c8f5cd3a" providerId="ADAL" clId="{78138B16-7BCD-AB47-9B5F-6CC7C46E94E4}" dt="2021-04-11T10:53:33.118" v="926" actId="478"/>
          <ac:picMkLst>
            <pc:docMk/>
            <pc:sldMk cId="1533219916" sldId="625"/>
            <ac:picMk id="4" creationId="{A303ADEE-CB24-6B46-91C3-E08D3A28F2FC}"/>
          </ac:picMkLst>
        </pc:picChg>
      </pc:sldChg>
      <pc:sldChg chg="addSp modSp new mod">
        <pc:chgData name="Daly Donnacha HSLU I" userId="0f22e960-400a-43ff-baeb-4828c8f5cd3a" providerId="ADAL" clId="{78138B16-7BCD-AB47-9B5F-6CC7C46E94E4}" dt="2021-04-11T11:00:06.180" v="1016" actId="5793"/>
        <pc:sldMkLst>
          <pc:docMk/>
          <pc:sldMk cId="1796232076" sldId="626"/>
        </pc:sldMkLst>
        <pc:spChg chg="mod">
          <ac:chgData name="Daly Donnacha HSLU I" userId="0f22e960-400a-43ff-baeb-4828c8f5cd3a" providerId="ADAL" clId="{78138B16-7BCD-AB47-9B5F-6CC7C46E94E4}" dt="2021-04-11T11:00:06.180" v="1016" actId="5793"/>
          <ac:spMkLst>
            <pc:docMk/>
            <pc:sldMk cId="1796232076" sldId="626"/>
            <ac:spMk id="2" creationId="{74319C1B-0627-5248-A2D9-C83509C75C76}"/>
          </ac:spMkLst>
        </pc:spChg>
        <pc:spChg chg="add mod">
          <ac:chgData name="Daly Donnacha HSLU I" userId="0f22e960-400a-43ff-baeb-4828c8f5cd3a" providerId="ADAL" clId="{78138B16-7BCD-AB47-9B5F-6CC7C46E94E4}" dt="2021-04-11T10:56:51" v="966"/>
          <ac:spMkLst>
            <pc:docMk/>
            <pc:sldMk cId="1796232076" sldId="626"/>
            <ac:spMk id="4" creationId="{77AF52A1-70C1-EA42-AEAC-B7FE811FEE86}"/>
          </ac:spMkLst>
        </pc:spChg>
        <pc:spChg chg="add mod">
          <ac:chgData name="Daly Donnacha HSLU I" userId="0f22e960-400a-43ff-baeb-4828c8f5cd3a" providerId="ADAL" clId="{78138B16-7BCD-AB47-9B5F-6CC7C46E94E4}" dt="2021-04-11T10:56:51" v="966"/>
          <ac:spMkLst>
            <pc:docMk/>
            <pc:sldMk cId="1796232076" sldId="626"/>
            <ac:spMk id="5" creationId="{08B2AC69-9EA0-7A42-B5FF-9B1F8B1FC92A}"/>
          </ac:spMkLst>
        </pc:spChg>
        <pc:spChg chg="add mod">
          <ac:chgData name="Daly Donnacha HSLU I" userId="0f22e960-400a-43ff-baeb-4828c8f5cd3a" providerId="ADAL" clId="{78138B16-7BCD-AB47-9B5F-6CC7C46E94E4}" dt="2021-04-11T10:56:51" v="966"/>
          <ac:spMkLst>
            <pc:docMk/>
            <pc:sldMk cId="1796232076" sldId="626"/>
            <ac:spMk id="6" creationId="{5F961177-9A1E-9B46-9870-CE7B92A5FFBD}"/>
          </ac:spMkLst>
        </pc:spChg>
        <pc:picChg chg="add mod">
          <ac:chgData name="Daly Donnacha HSLU I" userId="0f22e960-400a-43ff-baeb-4828c8f5cd3a" providerId="ADAL" clId="{78138B16-7BCD-AB47-9B5F-6CC7C46E94E4}" dt="2021-04-11T10:56:51" v="966"/>
          <ac:picMkLst>
            <pc:docMk/>
            <pc:sldMk cId="1796232076" sldId="626"/>
            <ac:picMk id="3" creationId="{B22F5F6B-4B65-AA48-AD1D-B4BDF45430FC}"/>
          </ac:picMkLst>
        </pc:picChg>
      </pc:sldChg>
      <pc:sldChg chg="addSp delSp modSp add mod">
        <pc:chgData name="Daly Donnacha HSLU I" userId="0f22e960-400a-43ff-baeb-4828c8f5cd3a" providerId="ADAL" clId="{78138B16-7BCD-AB47-9B5F-6CC7C46E94E4}" dt="2021-04-11T11:37:24.073" v="1735" actId="1036"/>
        <pc:sldMkLst>
          <pc:docMk/>
          <pc:sldMk cId="602460340" sldId="627"/>
        </pc:sldMkLst>
        <pc:spChg chg="mod">
          <ac:chgData name="Daly Donnacha HSLU I" userId="0f22e960-400a-43ff-baeb-4828c8f5cd3a" providerId="ADAL" clId="{78138B16-7BCD-AB47-9B5F-6CC7C46E94E4}" dt="2021-04-11T11:21:38.658" v="1250" actId="20577"/>
          <ac:spMkLst>
            <pc:docMk/>
            <pc:sldMk cId="602460340" sldId="627"/>
            <ac:spMk id="2" creationId="{63F79D38-BAB9-3B47-8BA2-4CEF2E5AA76F}"/>
          </ac:spMkLst>
        </pc:spChg>
        <pc:spChg chg="mod">
          <ac:chgData name="Daly Donnacha HSLU I" userId="0f22e960-400a-43ff-baeb-4828c8f5cd3a" providerId="ADAL" clId="{78138B16-7BCD-AB47-9B5F-6CC7C46E94E4}" dt="2021-04-11T11:15:16.279" v="1158" actId="164"/>
          <ac:spMkLst>
            <pc:docMk/>
            <pc:sldMk cId="602460340" sldId="627"/>
            <ac:spMk id="4" creationId="{0CE6305D-4932-B741-89AE-F2915035F50D}"/>
          </ac:spMkLst>
        </pc:spChg>
        <pc:spChg chg="del">
          <ac:chgData name="Daly Donnacha HSLU I" userId="0f22e960-400a-43ff-baeb-4828c8f5cd3a" providerId="ADAL" clId="{78138B16-7BCD-AB47-9B5F-6CC7C46E94E4}" dt="2021-04-11T11:03:55.664" v="1063" actId="478"/>
          <ac:spMkLst>
            <pc:docMk/>
            <pc:sldMk cId="602460340" sldId="627"/>
            <ac:spMk id="9" creationId="{58407856-2EF2-524F-8097-0D32C202071F}"/>
          </ac:spMkLst>
        </pc:spChg>
        <pc:spChg chg="mod">
          <ac:chgData name="Daly Donnacha HSLU I" userId="0f22e960-400a-43ff-baeb-4828c8f5cd3a" providerId="ADAL" clId="{78138B16-7BCD-AB47-9B5F-6CC7C46E94E4}" dt="2021-04-11T11:31:54.478" v="1628"/>
          <ac:spMkLst>
            <pc:docMk/>
            <pc:sldMk cId="602460340" sldId="627"/>
            <ac:spMk id="10" creationId="{0B794192-27BC-314E-8333-6B3CFA6B0C88}"/>
          </ac:spMkLst>
        </pc:spChg>
        <pc:spChg chg="del mod">
          <ac:chgData name="Daly Donnacha HSLU I" userId="0f22e960-400a-43ff-baeb-4828c8f5cd3a" providerId="ADAL" clId="{78138B16-7BCD-AB47-9B5F-6CC7C46E94E4}" dt="2021-04-11T11:25:18.662" v="1526" actId="478"/>
          <ac:spMkLst>
            <pc:docMk/>
            <pc:sldMk cId="602460340" sldId="627"/>
            <ac:spMk id="12" creationId="{B2CFB5CF-CCA0-8C48-BAD9-19845C7A8753}"/>
          </ac:spMkLst>
        </pc:spChg>
        <pc:spChg chg="mod">
          <ac:chgData name="Daly Donnacha HSLU I" userId="0f22e960-400a-43ff-baeb-4828c8f5cd3a" providerId="ADAL" clId="{78138B16-7BCD-AB47-9B5F-6CC7C46E94E4}" dt="2021-04-11T11:15:16.279" v="1158" actId="164"/>
          <ac:spMkLst>
            <pc:docMk/>
            <pc:sldMk cId="602460340" sldId="627"/>
            <ac:spMk id="14" creationId="{29EF7D50-0F34-6047-9690-4D81043C8D18}"/>
          </ac:spMkLst>
        </pc:spChg>
        <pc:spChg chg="del">
          <ac:chgData name="Daly Donnacha HSLU I" userId="0f22e960-400a-43ff-baeb-4828c8f5cd3a" providerId="ADAL" clId="{78138B16-7BCD-AB47-9B5F-6CC7C46E94E4}" dt="2021-04-11T11:14:03.149" v="1155" actId="478"/>
          <ac:spMkLst>
            <pc:docMk/>
            <pc:sldMk cId="602460340" sldId="627"/>
            <ac:spMk id="15" creationId="{22CB347E-E22F-8749-BDD9-C9202C9D5AF6}"/>
          </ac:spMkLst>
        </pc:spChg>
        <pc:spChg chg="add mod">
          <ac:chgData name="Daly Donnacha HSLU I" userId="0f22e960-400a-43ff-baeb-4828c8f5cd3a" providerId="ADAL" clId="{78138B16-7BCD-AB47-9B5F-6CC7C46E94E4}" dt="2021-04-11T11:31:33.414" v="1619" actId="57"/>
          <ac:spMkLst>
            <pc:docMk/>
            <pc:sldMk cId="602460340" sldId="627"/>
            <ac:spMk id="15" creationId="{F547C9B9-47D5-0E4E-BB50-11561BAD2A5D}"/>
          </ac:spMkLst>
        </pc:spChg>
        <pc:spChg chg="mod">
          <ac:chgData name="Daly Donnacha HSLU I" userId="0f22e960-400a-43ff-baeb-4828c8f5cd3a" providerId="ADAL" clId="{78138B16-7BCD-AB47-9B5F-6CC7C46E94E4}" dt="2021-04-11T11:15:16.279" v="1158" actId="164"/>
          <ac:spMkLst>
            <pc:docMk/>
            <pc:sldMk cId="602460340" sldId="627"/>
            <ac:spMk id="16" creationId="{F8483B45-A4C4-984D-BB77-639509EC882A}"/>
          </ac:spMkLst>
        </pc:spChg>
        <pc:spChg chg="mod">
          <ac:chgData name="Daly Donnacha HSLU I" userId="0f22e960-400a-43ff-baeb-4828c8f5cd3a" providerId="ADAL" clId="{78138B16-7BCD-AB47-9B5F-6CC7C46E94E4}" dt="2021-04-11T11:15:16.279" v="1158" actId="164"/>
          <ac:spMkLst>
            <pc:docMk/>
            <pc:sldMk cId="602460340" sldId="627"/>
            <ac:spMk id="17" creationId="{D35CCB0B-415E-AD48-AD0C-022F5B8A2745}"/>
          </ac:spMkLst>
        </pc:spChg>
        <pc:spChg chg="mod">
          <ac:chgData name="Daly Donnacha HSLU I" userId="0f22e960-400a-43ff-baeb-4828c8f5cd3a" providerId="ADAL" clId="{78138B16-7BCD-AB47-9B5F-6CC7C46E94E4}" dt="2021-04-11T11:15:16.279" v="1158" actId="164"/>
          <ac:spMkLst>
            <pc:docMk/>
            <pc:sldMk cId="602460340" sldId="627"/>
            <ac:spMk id="18" creationId="{990E2629-7649-F64B-AF42-F0843CD2BD06}"/>
          </ac:spMkLst>
        </pc:spChg>
        <pc:spChg chg="add del mod">
          <ac:chgData name="Daly Donnacha HSLU I" userId="0f22e960-400a-43ff-baeb-4828c8f5cd3a" providerId="ADAL" clId="{78138B16-7BCD-AB47-9B5F-6CC7C46E94E4}" dt="2021-04-11T11:31:50.774" v="1624" actId="478"/>
          <ac:spMkLst>
            <pc:docMk/>
            <pc:sldMk cId="602460340" sldId="627"/>
            <ac:spMk id="19" creationId="{02F4D85C-51DE-D549-82F2-0CCAAEC9EC5B}"/>
          </ac:spMkLst>
        </pc:spChg>
        <pc:spChg chg="add mod">
          <ac:chgData name="Daly Donnacha HSLU I" userId="0f22e960-400a-43ff-baeb-4828c8f5cd3a" providerId="ADAL" clId="{78138B16-7BCD-AB47-9B5F-6CC7C46E94E4}" dt="2021-04-11T11:37:24.073" v="1735" actId="1036"/>
          <ac:spMkLst>
            <pc:docMk/>
            <pc:sldMk cId="602460340" sldId="627"/>
            <ac:spMk id="20" creationId="{A9704F4C-C517-7444-8921-053FB09892E1}"/>
          </ac:spMkLst>
        </pc:spChg>
        <pc:spChg chg="mod">
          <ac:chgData name="Daly Donnacha HSLU I" userId="0f22e960-400a-43ff-baeb-4828c8f5cd3a" providerId="ADAL" clId="{78138B16-7BCD-AB47-9B5F-6CC7C46E94E4}" dt="2021-04-11T11:25:38.427" v="1528"/>
          <ac:spMkLst>
            <pc:docMk/>
            <pc:sldMk cId="602460340" sldId="627"/>
            <ac:spMk id="23" creationId="{0C8260DB-1666-8A40-9731-602BF2213CF1}"/>
          </ac:spMkLst>
        </pc:spChg>
        <pc:spChg chg="mod">
          <ac:chgData name="Daly Donnacha HSLU I" userId="0f22e960-400a-43ff-baeb-4828c8f5cd3a" providerId="ADAL" clId="{78138B16-7BCD-AB47-9B5F-6CC7C46E94E4}" dt="2021-04-11T11:25:38.427" v="1528"/>
          <ac:spMkLst>
            <pc:docMk/>
            <pc:sldMk cId="602460340" sldId="627"/>
            <ac:spMk id="24" creationId="{892724C9-3804-3A40-B46F-4BDA80CBC120}"/>
          </ac:spMkLst>
        </pc:spChg>
        <pc:spChg chg="mod">
          <ac:chgData name="Daly Donnacha HSLU I" userId="0f22e960-400a-43ff-baeb-4828c8f5cd3a" providerId="ADAL" clId="{78138B16-7BCD-AB47-9B5F-6CC7C46E94E4}" dt="2021-04-11T11:25:38.427" v="1528"/>
          <ac:spMkLst>
            <pc:docMk/>
            <pc:sldMk cId="602460340" sldId="627"/>
            <ac:spMk id="25" creationId="{07EC8367-6849-0148-AEF0-E5B095459B94}"/>
          </ac:spMkLst>
        </pc:spChg>
        <pc:spChg chg="del mod">
          <ac:chgData name="Daly Donnacha HSLU I" userId="0f22e960-400a-43ff-baeb-4828c8f5cd3a" providerId="ADAL" clId="{78138B16-7BCD-AB47-9B5F-6CC7C46E94E4}" dt="2021-04-11T11:16:13.793" v="1180"/>
          <ac:spMkLst>
            <pc:docMk/>
            <pc:sldMk cId="602460340" sldId="627"/>
            <ac:spMk id="26" creationId="{258316DA-8494-0845-BC13-820C0F81A33A}"/>
          </ac:spMkLst>
        </pc:spChg>
        <pc:spChg chg="mod">
          <ac:chgData name="Daly Donnacha HSLU I" userId="0f22e960-400a-43ff-baeb-4828c8f5cd3a" providerId="ADAL" clId="{78138B16-7BCD-AB47-9B5F-6CC7C46E94E4}" dt="2021-04-11T11:25:38.427" v="1528"/>
          <ac:spMkLst>
            <pc:docMk/>
            <pc:sldMk cId="602460340" sldId="627"/>
            <ac:spMk id="26" creationId="{42E0DF6F-ED4F-EB46-8618-7A917CBFDF0E}"/>
          </ac:spMkLst>
        </pc:spChg>
        <pc:spChg chg="mod">
          <ac:chgData name="Daly Donnacha HSLU I" userId="0f22e960-400a-43ff-baeb-4828c8f5cd3a" providerId="ADAL" clId="{78138B16-7BCD-AB47-9B5F-6CC7C46E94E4}" dt="2021-04-11T11:15:16.279" v="1158" actId="164"/>
          <ac:spMkLst>
            <pc:docMk/>
            <pc:sldMk cId="602460340" sldId="627"/>
            <ac:spMk id="27" creationId="{AB9CE79D-2E8C-444A-AF2E-044A17754EF6}"/>
          </ac:spMkLst>
        </pc:spChg>
        <pc:spChg chg="mod">
          <ac:chgData name="Daly Donnacha HSLU I" userId="0f22e960-400a-43ff-baeb-4828c8f5cd3a" providerId="ADAL" clId="{78138B16-7BCD-AB47-9B5F-6CC7C46E94E4}" dt="2021-04-11T11:25:38.427" v="1528"/>
          <ac:spMkLst>
            <pc:docMk/>
            <pc:sldMk cId="602460340" sldId="627"/>
            <ac:spMk id="28" creationId="{1CDABE14-6139-3B49-B64B-E7349980B16E}"/>
          </ac:spMkLst>
        </pc:spChg>
        <pc:spChg chg="mod">
          <ac:chgData name="Daly Donnacha HSLU I" userId="0f22e960-400a-43ff-baeb-4828c8f5cd3a" providerId="ADAL" clId="{78138B16-7BCD-AB47-9B5F-6CC7C46E94E4}" dt="2021-04-11T11:26:12.850" v="1534" actId="167"/>
          <ac:spMkLst>
            <pc:docMk/>
            <pc:sldMk cId="602460340" sldId="627"/>
            <ac:spMk id="29" creationId="{661EA957-26D6-C846-9ED6-68AA387E4F72}"/>
          </ac:spMkLst>
        </pc:spChg>
        <pc:spChg chg="mod">
          <ac:chgData name="Daly Donnacha HSLU I" userId="0f22e960-400a-43ff-baeb-4828c8f5cd3a" providerId="ADAL" clId="{78138B16-7BCD-AB47-9B5F-6CC7C46E94E4}" dt="2021-04-11T11:15:16.279" v="1158" actId="164"/>
          <ac:spMkLst>
            <pc:docMk/>
            <pc:sldMk cId="602460340" sldId="627"/>
            <ac:spMk id="30" creationId="{90EFA808-37FB-2347-898C-EC1EB304D047}"/>
          </ac:spMkLst>
        </pc:spChg>
        <pc:spChg chg="mod">
          <ac:chgData name="Daly Donnacha HSLU I" userId="0f22e960-400a-43ff-baeb-4828c8f5cd3a" providerId="ADAL" clId="{78138B16-7BCD-AB47-9B5F-6CC7C46E94E4}" dt="2021-04-11T11:25:38.427" v="1528"/>
          <ac:spMkLst>
            <pc:docMk/>
            <pc:sldMk cId="602460340" sldId="627"/>
            <ac:spMk id="31" creationId="{2EB09630-17FA-F34F-84AB-0E37B055E95D}"/>
          </ac:spMkLst>
        </pc:spChg>
        <pc:spChg chg="add mod">
          <ac:chgData name="Daly Donnacha HSLU I" userId="0f22e960-400a-43ff-baeb-4828c8f5cd3a" providerId="ADAL" clId="{78138B16-7BCD-AB47-9B5F-6CC7C46E94E4}" dt="2021-04-11T11:30:32.506" v="1610" actId="207"/>
          <ac:spMkLst>
            <pc:docMk/>
            <pc:sldMk cId="602460340" sldId="627"/>
            <ac:spMk id="32" creationId="{83B47ECC-31CB-0341-A791-31275ED97027}"/>
          </ac:spMkLst>
        </pc:spChg>
        <pc:spChg chg="mod">
          <ac:chgData name="Daly Donnacha HSLU I" userId="0f22e960-400a-43ff-baeb-4828c8f5cd3a" providerId="ADAL" clId="{78138B16-7BCD-AB47-9B5F-6CC7C46E94E4}" dt="2021-04-11T11:27:33.960" v="1552"/>
          <ac:spMkLst>
            <pc:docMk/>
            <pc:sldMk cId="602460340" sldId="627"/>
            <ac:spMk id="35" creationId="{3CD8EF4D-8AE0-A846-A5D9-C1567B627D7A}"/>
          </ac:spMkLst>
        </pc:spChg>
        <pc:spChg chg="mod">
          <ac:chgData name="Daly Donnacha HSLU I" userId="0f22e960-400a-43ff-baeb-4828c8f5cd3a" providerId="ADAL" clId="{78138B16-7BCD-AB47-9B5F-6CC7C46E94E4}" dt="2021-04-11T11:27:33.960" v="1552"/>
          <ac:spMkLst>
            <pc:docMk/>
            <pc:sldMk cId="602460340" sldId="627"/>
            <ac:spMk id="36" creationId="{A641F731-9DF1-AF42-9163-1FEEE00C60A0}"/>
          </ac:spMkLst>
        </pc:spChg>
        <pc:spChg chg="mod">
          <ac:chgData name="Daly Donnacha HSLU I" userId="0f22e960-400a-43ff-baeb-4828c8f5cd3a" providerId="ADAL" clId="{78138B16-7BCD-AB47-9B5F-6CC7C46E94E4}" dt="2021-04-11T11:27:33.960" v="1552"/>
          <ac:spMkLst>
            <pc:docMk/>
            <pc:sldMk cId="602460340" sldId="627"/>
            <ac:spMk id="37" creationId="{2EA2DD16-7C53-9345-9635-48FD8B49EA4F}"/>
          </ac:spMkLst>
        </pc:spChg>
        <pc:spChg chg="mod">
          <ac:chgData name="Daly Donnacha HSLU I" userId="0f22e960-400a-43ff-baeb-4828c8f5cd3a" providerId="ADAL" clId="{78138B16-7BCD-AB47-9B5F-6CC7C46E94E4}" dt="2021-04-11T11:27:33.960" v="1552"/>
          <ac:spMkLst>
            <pc:docMk/>
            <pc:sldMk cId="602460340" sldId="627"/>
            <ac:spMk id="38" creationId="{4DCFB7F8-70D7-B644-A144-14193BA64774}"/>
          </ac:spMkLst>
        </pc:spChg>
        <pc:spChg chg="mod">
          <ac:chgData name="Daly Donnacha HSLU I" userId="0f22e960-400a-43ff-baeb-4828c8f5cd3a" providerId="ADAL" clId="{78138B16-7BCD-AB47-9B5F-6CC7C46E94E4}" dt="2021-04-11T11:27:33.960" v="1552"/>
          <ac:spMkLst>
            <pc:docMk/>
            <pc:sldMk cId="602460340" sldId="627"/>
            <ac:spMk id="39" creationId="{A08487F4-0239-7D46-B444-A078B8877756}"/>
          </ac:spMkLst>
        </pc:spChg>
        <pc:spChg chg="mod">
          <ac:chgData name="Daly Donnacha HSLU I" userId="0f22e960-400a-43ff-baeb-4828c8f5cd3a" providerId="ADAL" clId="{78138B16-7BCD-AB47-9B5F-6CC7C46E94E4}" dt="2021-04-11T11:27:33.960" v="1552"/>
          <ac:spMkLst>
            <pc:docMk/>
            <pc:sldMk cId="602460340" sldId="627"/>
            <ac:spMk id="40" creationId="{8784D120-AF15-944D-A2CF-0BBF10C908E3}"/>
          </ac:spMkLst>
        </pc:spChg>
        <pc:spChg chg="mod">
          <ac:chgData name="Daly Donnacha HSLU I" userId="0f22e960-400a-43ff-baeb-4828c8f5cd3a" providerId="ADAL" clId="{78138B16-7BCD-AB47-9B5F-6CC7C46E94E4}" dt="2021-04-11T11:27:33.960" v="1552"/>
          <ac:spMkLst>
            <pc:docMk/>
            <pc:sldMk cId="602460340" sldId="627"/>
            <ac:spMk id="41" creationId="{20CCEDF8-9C3B-7444-9250-AE640E033CBF}"/>
          </ac:spMkLst>
        </pc:spChg>
        <pc:grpChg chg="add del mod">
          <ac:chgData name="Daly Donnacha HSLU I" userId="0f22e960-400a-43ff-baeb-4828c8f5cd3a" providerId="ADAL" clId="{78138B16-7BCD-AB47-9B5F-6CC7C46E94E4}" dt="2021-04-11T11:25:18.662" v="1526" actId="478"/>
          <ac:grpSpMkLst>
            <pc:docMk/>
            <pc:sldMk cId="602460340" sldId="627"/>
            <ac:grpSpMk id="5" creationId="{6BEB6763-DA97-104E-9E65-5A5CABD9276A}"/>
          </ac:grpSpMkLst>
        </pc:grpChg>
        <pc:grpChg chg="add del mod">
          <ac:chgData name="Daly Donnacha HSLU I" userId="0f22e960-400a-43ff-baeb-4828c8f5cd3a" providerId="ADAL" clId="{78138B16-7BCD-AB47-9B5F-6CC7C46E94E4}" dt="2021-04-11T11:27:33.652" v="1551" actId="478"/>
          <ac:grpSpMkLst>
            <pc:docMk/>
            <pc:sldMk cId="602460340" sldId="627"/>
            <ac:grpSpMk id="21" creationId="{37906B0D-1DBC-604F-A763-789E546B22FB}"/>
          </ac:grpSpMkLst>
        </pc:grpChg>
        <pc:grpChg chg="add mod">
          <ac:chgData name="Daly Donnacha HSLU I" userId="0f22e960-400a-43ff-baeb-4828c8f5cd3a" providerId="ADAL" clId="{78138B16-7BCD-AB47-9B5F-6CC7C46E94E4}" dt="2021-04-11T11:32:32.076" v="1632" actId="14100"/>
          <ac:grpSpMkLst>
            <pc:docMk/>
            <pc:sldMk cId="602460340" sldId="627"/>
            <ac:grpSpMk id="33" creationId="{D22D6827-F53F-4D4B-9D5F-83B51A7D5E82}"/>
          </ac:grpSpMkLst>
        </pc:grpChg>
        <pc:picChg chg="mod">
          <ac:chgData name="Daly Donnacha HSLU I" userId="0f22e960-400a-43ff-baeb-4828c8f5cd3a" providerId="ADAL" clId="{78138B16-7BCD-AB47-9B5F-6CC7C46E94E4}" dt="2021-04-11T11:16:08.685" v="1177" actId="1076"/>
          <ac:picMkLst>
            <pc:docMk/>
            <pc:sldMk cId="602460340" sldId="627"/>
            <ac:picMk id="3" creationId="{30D0148C-084C-BB4D-A875-E30C881962C5}"/>
          </ac:picMkLst>
        </pc:picChg>
        <pc:picChg chg="mod">
          <ac:chgData name="Daly Donnacha HSLU I" userId="0f22e960-400a-43ff-baeb-4828c8f5cd3a" providerId="ADAL" clId="{78138B16-7BCD-AB47-9B5F-6CC7C46E94E4}" dt="2021-04-11T11:25:38.427" v="1528"/>
          <ac:picMkLst>
            <pc:docMk/>
            <pc:sldMk cId="602460340" sldId="627"/>
            <ac:picMk id="22" creationId="{0DC613EE-3D16-3445-AAAD-FF27E27DDA67}"/>
          </ac:picMkLst>
        </pc:picChg>
        <pc:picChg chg="mod">
          <ac:chgData name="Daly Donnacha HSLU I" userId="0f22e960-400a-43ff-baeb-4828c8f5cd3a" providerId="ADAL" clId="{78138B16-7BCD-AB47-9B5F-6CC7C46E94E4}" dt="2021-04-11T11:27:33.960" v="1552"/>
          <ac:picMkLst>
            <pc:docMk/>
            <pc:sldMk cId="602460340" sldId="627"/>
            <ac:picMk id="34" creationId="{AE110DF3-30D0-2941-9148-690B1FA27E23}"/>
          </ac:picMkLst>
        </pc:picChg>
        <pc:picChg chg="del">
          <ac:chgData name="Daly Donnacha HSLU I" userId="0f22e960-400a-43ff-baeb-4828c8f5cd3a" providerId="ADAL" clId="{78138B16-7BCD-AB47-9B5F-6CC7C46E94E4}" dt="2021-04-11T11:03:55.664" v="1063" actId="478"/>
          <ac:picMkLst>
            <pc:docMk/>
            <pc:sldMk cId="602460340" sldId="627"/>
            <ac:picMk id="1026" creationId="{76A589BA-EAEE-014F-B4B3-99C5647B3909}"/>
          </ac:picMkLst>
        </pc:picChg>
        <pc:cxnChg chg="del">
          <ac:chgData name="Daly Donnacha HSLU I" userId="0f22e960-400a-43ff-baeb-4828c8f5cd3a" providerId="ADAL" clId="{78138B16-7BCD-AB47-9B5F-6CC7C46E94E4}" dt="2021-04-11T11:15:21.751" v="1160" actId="478"/>
          <ac:cxnSpMkLst>
            <pc:docMk/>
            <pc:sldMk cId="602460340" sldId="627"/>
            <ac:cxnSpMk id="11" creationId="{2DE63397-A2E5-054B-AF0F-2AD4815AB9B0}"/>
          </ac:cxnSpMkLst>
        </pc:cxnChg>
        <pc:cxnChg chg="del">
          <ac:chgData name="Daly Donnacha HSLU I" userId="0f22e960-400a-43ff-baeb-4828c8f5cd3a" providerId="ADAL" clId="{78138B16-7BCD-AB47-9B5F-6CC7C46E94E4}" dt="2021-04-11T11:15:25.894" v="1162" actId="478"/>
          <ac:cxnSpMkLst>
            <pc:docMk/>
            <pc:sldMk cId="602460340" sldId="627"/>
            <ac:cxnSpMk id="20" creationId="{549CBB07-5E92-5940-AFDD-4166E891E860}"/>
          </ac:cxnSpMkLst>
        </pc:cxnChg>
        <pc:cxnChg chg="del">
          <ac:chgData name="Daly Donnacha HSLU I" userId="0f22e960-400a-43ff-baeb-4828c8f5cd3a" providerId="ADAL" clId="{78138B16-7BCD-AB47-9B5F-6CC7C46E94E4}" dt="2021-04-11T11:15:24.261" v="1161" actId="478"/>
          <ac:cxnSpMkLst>
            <pc:docMk/>
            <pc:sldMk cId="602460340" sldId="627"/>
            <ac:cxnSpMk id="23" creationId="{EC8BEF98-ABFE-9F40-B559-389726F0DC70}"/>
          </ac:cxnSpMkLst>
        </pc:cxnChg>
      </pc:sldChg>
      <pc:sldChg chg="addSp delSp modSp add mod ord">
        <pc:chgData name="Daly Donnacha HSLU I" userId="0f22e960-400a-43ff-baeb-4828c8f5cd3a" providerId="ADAL" clId="{78138B16-7BCD-AB47-9B5F-6CC7C46E94E4}" dt="2021-04-11T18:14:39.705" v="9443" actId="113"/>
        <pc:sldMkLst>
          <pc:docMk/>
          <pc:sldMk cId="1515609990" sldId="628"/>
        </pc:sldMkLst>
        <pc:spChg chg="mod">
          <ac:chgData name="Daly Donnacha HSLU I" userId="0f22e960-400a-43ff-baeb-4828c8f5cd3a" providerId="ADAL" clId="{78138B16-7BCD-AB47-9B5F-6CC7C46E94E4}" dt="2021-04-11T11:23:56.687" v="1474" actId="20577"/>
          <ac:spMkLst>
            <pc:docMk/>
            <pc:sldMk cId="1515609990" sldId="628"/>
            <ac:spMk id="2" creationId="{63F79D38-BAB9-3B47-8BA2-4CEF2E5AA76F}"/>
          </ac:spMkLst>
        </pc:spChg>
        <pc:spChg chg="mod">
          <ac:chgData name="Daly Donnacha HSLU I" userId="0f22e960-400a-43ff-baeb-4828c8f5cd3a" providerId="ADAL" clId="{78138B16-7BCD-AB47-9B5F-6CC7C46E94E4}" dt="2021-04-11T11:24:51.838" v="1476" actId="20577"/>
          <ac:spMkLst>
            <pc:docMk/>
            <pc:sldMk cId="1515609990" sldId="628"/>
            <ac:spMk id="10" creationId="{0B794192-27BC-314E-8333-6B3CFA6B0C88}"/>
          </ac:spMkLst>
        </pc:spChg>
        <pc:spChg chg="mod">
          <ac:chgData name="Daly Donnacha HSLU I" userId="0f22e960-400a-43ff-baeb-4828c8f5cd3a" providerId="ADAL" clId="{78138B16-7BCD-AB47-9B5F-6CC7C46E94E4}" dt="2021-04-11T11:32:52.808" v="1638" actId="1036"/>
          <ac:spMkLst>
            <pc:docMk/>
            <pc:sldMk cId="1515609990" sldId="628"/>
            <ac:spMk id="12" creationId="{B2CFB5CF-CCA0-8C48-BAD9-19845C7A8753}"/>
          </ac:spMkLst>
        </pc:spChg>
        <pc:spChg chg="mod">
          <ac:chgData name="Daly Donnacha HSLU I" userId="0f22e960-400a-43ff-baeb-4828c8f5cd3a" providerId="ADAL" clId="{78138B16-7BCD-AB47-9B5F-6CC7C46E94E4}" dt="2021-04-11T11:32:44.553" v="1634"/>
          <ac:spMkLst>
            <pc:docMk/>
            <pc:sldMk cId="1515609990" sldId="628"/>
            <ac:spMk id="20" creationId="{B4279565-FF2B-534F-BA9F-FB46EF35BE29}"/>
          </ac:spMkLst>
        </pc:spChg>
        <pc:spChg chg="mod">
          <ac:chgData name="Daly Donnacha HSLU I" userId="0f22e960-400a-43ff-baeb-4828c8f5cd3a" providerId="ADAL" clId="{78138B16-7BCD-AB47-9B5F-6CC7C46E94E4}" dt="2021-04-11T11:32:44.553" v="1634"/>
          <ac:spMkLst>
            <pc:docMk/>
            <pc:sldMk cId="1515609990" sldId="628"/>
            <ac:spMk id="21" creationId="{B63F2432-670E-F649-BB0B-0F22E14FA78F}"/>
          </ac:spMkLst>
        </pc:spChg>
        <pc:spChg chg="mod">
          <ac:chgData name="Daly Donnacha HSLU I" userId="0f22e960-400a-43ff-baeb-4828c8f5cd3a" providerId="ADAL" clId="{78138B16-7BCD-AB47-9B5F-6CC7C46E94E4}" dt="2021-04-11T11:32:44.553" v="1634"/>
          <ac:spMkLst>
            <pc:docMk/>
            <pc:sldMk cId="1515609990" sldId="628"/>
            <ac:spMk id="22" creationId="{599819B6-B972-E24E-9141-A4F68BDE3417}"/>
          </ac:spMkLst>
        </pc:spChg>
        <pc:spChg chg="mod">
          <ac:chgData name="Daly Donnacha HSLU I" userId="0f22e960-400a-43ff-baeb-4828c8f5cd3a" providerId="ADAL" clId="{78138B16-7BCD-AB47-9B5F-6CC7C46E94E4}" dt="2021-04-11T11:32:44.553" v="1634"/>
          <ac:spMkLst>
            <pc:docMk/>
            <pc:sldMk cId="1515609990" sldId="628"/>
            <ac:spMk id="23" creationId="{F7A4090D-1C58-F646-A05C-B91C1947552A}"/>
          </ac:spMkLst>
        </pc:spChg>
        <pc:spChg chg="mod">
          <ac:chgData name="Daly Donnacha HSLU I" userId="0f22e960-400a-43ff-baeb-4828c8f5cd3a" providerId="ADAL" clId="{78138B16-7BCD-AB47-9B5F-6CC7C46E94E4}" dt="2021-04-11T11:32:44.553" v="1634"/>
          <ac:spMkLst>
            <pc:docMk/>
            <pc:sldMk cId="1515609990" sldId="628"/>
            <ac:spMk id="24" creationId="{1BF6D086-3F55-9644-BAD7-C5290A41E994}"/>
          </ac:spMkLst>
        </pc:spChg>
        <pc:spChg chg="mod">
          <ac:chgData name="Daly Donnacha HSLU I" userId="0f22e960-400a-43ff-baeb-4828c8f5cd3a" providerId="ADAL" clId="{78138B16-7BCD-AB47-9B5F-6CC7C46E94E4}" dt="2021-04-11T11:32:44.553" v="1634"/>
          <ac:spMkLst>
            <pc:docMk/>
            <pc:sldMk cId="1515609990" sldId="628"/>
            <ac:spMk id="25" creationId="{6DE8639F-A09F-DF48-BAA7-D5F9AF575A91}"/>
          </ac:spMkLst>
        </pc:spChg>
        <pc:spChg chg="mod">
          <ac:chgData name="Daly Donnacha HSLU I" userId="0f22e960-400a-43ff-baeb-4828c8f5cd3a" providerId="ADAL" clId="{78138B16-7BCD-AB47-9B5F-6CC7C46E94E4}" dt="2021-04-11T11:32:44.553" v="1634"/>
          <ac:spMkLst>
            <pc:docMk/>
            <pc:sldMk cId="1515609990" sldId="628"/>
            <ac:spMk id="26" creationId="{34AF7F51-D0A9-6840-A54B-5A835FC85FB7}"/>
          </ac:spMkLst>
        </pc:spChg>
        <pc:spChg chg="add del mod">
          <ac:chgData name="Daly Donnacha HSLU I" userId="0f22e960-400a-43ff-baeb-4828c8f5cd3a" providerId="ADAL" clId="{78138B16-7BCD-AB47-9B5F-6CC7C46E94E4}" dt="2021-04-11T11:37:46.245" v="1737" actId="478"/>
          <ac:spMkLst>
            <pc:docMk/>
            <pc:sldMk cId="1515609990" sldId="628"/>
            <ac:spMk id="28" creationId="{384CE12E-084E-DB43-9910-8CEFDAFDF3F9}"/>
          </ac:spMkLst>
        </pc:spChg>
        <pc:spChg chg="add mod">
          <ac:chgData name="Daly Donnacha HSLU I" userId="0f22e960-400a-43ff-baeb-4828c8f5cd3a" providerId="ADAL" clId="{78138B16-7BCD-AB47-9B5F-6CC7C46E94E4}" dt="2021-04-11T18:14:39.705" v="9443" actId="113"/>
          <ac:spMkLst>
            <pc:docMk/>
            <pc:sldMk cId="1515609990" sldId="628"/>
            <ac:spMk id="29" creationId="{A431E172-CFF1-D944-961A-7917B7842622}"/>
          </ac:spMkLst>
        </pc:spChg>
        <pc:grpChg chg="del mod">
          <ac:chgData name="Daly Donnacha HSLU I" userId="0f22e960-400a-43ff-baeb-4828c8f5cd3a" providerId="ADAL" clId="{78138B16-7BCD-AB47-9B5F-6CC7C46E94E4}" dt="2021-04-11T11:32:44.151" v="1633" actId="478"/>
          <ac:grpSpMkLst>
            <pc:docMk/>
            <pc:sldMk cId="1515609990" sldId="628"/>
            <ac:grpSpMk id="5" creationId="{6BEB6763-DA97-104E-9E65-5A5CABD9276A}"/>
          </ac:grpSpMkLst>
        </pc:grpChg>
        <pc:grpChg chg="add mod">
          <ac:chgData name="Daly Donnacha HSLU I" userId="0f22e960-400a-43ff-baeb-4828c8f5cd3a" providerId="ADAL" clId="{78138B16-7BCD-AB47-9B5F-6CC7C46E94E4}" dt="2021-04-11T11:32:44.553" v="1634"/>
          <ac:grpSpMkLst>
            <pc:docMk/>
            <pc:sldMk cId="1515609990" sldId="628"/>
            <ac:grpSpMk id="15" creationId="{33C72209-5B01-DC4D-815C-12A77B3F413D}"/>
          </ac:grpSpMkLst>
        </pc:grpChg>
        <pc:picChg chg="mod">
          <ac:chgData name="Daly Donnacha HSLU I" userId="0f22e960-400a-43ff-baeb-4828c8f5cd3a" providerId="ADAL" clId="{78138B16-7BCD-AB47-9B5F-6CC7C46E94E4}" dt="2021-04-11T11:32:44.553" v="1634"/>
          <ac:picMkLst>
            <pc:docMk/>
            <pc:sldMk cId="1515609990" sldId="628"/>
            <ac:picMk id="19" creationId="{750C0E41-C895-B346-9FF1-75427B691546}"/>
          </ac:picMkLst>
        </pc:picChg>
      </pc:sldChg>
      <pc:sldChg chg="addSp delSp modSp add mod">
        <pc:chgData name="Daly Donnacha HSLU I" userId="0f22e960-400a-43ff-baeb-4828c8f5cd3a" providerId="ADAL" clId="{78138B16-7BCD-AB47-9B5F-6CC7C46E94E4}" dt="2021-04-11T12:13:19.422" v="2873" actId="20577"/>
        <pc:sldMkLst>
          <pc:docMk/>
          <pc:sldMk cId="2747342985" sldId="629"/>
        </pc:sldMkLst>
        <pc:spChg chg="mod">
          <ac:chgData name="Daly Donnacha HSLU I" userId="0f22e960-400a-43ff-baeb-4828c8f5cd3a" providerId="ADAL" clId="{78138B16-7BCD-AB47-9B5F-6CC7C46E94E4}" dt="2021-04-11T12:13:19.422" v="2873" actId="20577"/>
          <ac:spMkLst>
            <pc:docMk/>
            <pc:sldMk cId="2747342985" sldId="629"/>
            <ac:spMk id="2" creationId="{302325B9-2203-1E48-ACC0-25CDFD3CE70D}"/>
          </ac:spMkLst>
        </pc:spChg>
        <pc:spChg chg="mod">
          <ac:chgData name="Daly Donnacha HSLU I" userId="0f22e960-400a-43ff-baeb-4828c8f5cd3a" providerId="ADAL" clId="{78138B16-7BCD-AB47-9B5F-6CC7C46E94E4}" dt="2021-04-11T12:10:04.036" v="2742" actId="164"/>
          <ac:spMkLst>
            <pc:docMk/>
            <pc:sldMk cId="2747342985" sldId="629"/>
            <ac:spMk id="13" creationId="{655F046D-F4CD-7242-81B5-7C3CCCC2BFA4}"/>
          </ac:spMkLst>
        </pc:spChg>
        <pc:spChg chg="del">
          <ac:chgData name="Daly Donnacha HSLU I" userId="0f22e960-400a-43ff-baeb-4828c8f5cd3a" providerId="ADAL" clId="{78138B16-7BCD-AB47-9B5F-6CC7C46E94E4}" dt="2021-04-11T11:56:22.882" v="2478" actId="478"/>
          <ac:spMkLst>
            <pc:docMk/>
            <pc:sldMk cId="2747342985" sldId="629"/>
            <ac:spMk id="14" creationId="{88067559-3D44-534D-AE98-7460D6851C2C}"/>
          </ac:spMkLst>
        </pc:spChg>
        <pc:spChg chg="del">
          <ac:chgData name="Daly Donnacha HSLU I" userId="0f22e960-400a-43ff-baeb-4828c8f5cd3a" providerId="ADAL" clId="{78138B16-7BCD-AB47-9B5F-6CC7C46E94E4}" dt="2021-04-11T11:56:22.882" v="2478" actId="478"/>
          <ac:spMkLst>
            <pc:docMk/>
            <pc:sldMk cId="2747342985" sldId="629"/>
            <ac:spMk id="15" creationId="{7EC29C94-D0BC-7148-9090-3D9CB97B3507}"/>
          </ac:spMkLst>
        </pc:spChg>
        <pc:spChg chg="del">
          <ac:chgData name="Daly Donnacha HSLU I" userId="0f22e960-400a-43ff-baeb-4828c8f5cd3a" providerId="ADAL" clId="{78138B16-7BCD-AB47-9B5F-6CC7C46E94E4}" dt="2021-04-11T11:56:22.882" v="2478" actId="478"/>
          <ac:spMkLst>
            <pc:docMk/>
            <pc:sldMk cId="2747342985" sldId="629"/>
            <ac:spMk id="17" creationId="{00751C2A-E29A-4E4F-BA36-FFA1F8296E1F}"/>
          </ac:spMkLst>
        </pc:spChg>
        <pc:spChg chg="del">
          <ac:chgData name="Daly Donnacha HSLU I" userId="0f22e960-400a-43ff-baeb-4828c8f5cd3a" providerId="ADAL" clId="{78138B16-7BCD-AB47-9B5F-6CC7C46E94E4}" dt="2021-04-11T11:56:22.882" v="2478" actId="478"/>
          <ac:spMkLst>
            <pc:docMk/>
            <pc:sldMk cId="2747342985" sldId="629"/>
            <ac:spMk id="23" creationId="{46C83FBB-B62E-B042-A4EE-DC7E37F078A3}"/>
          </ac:spMkLst>
        </pc:spChg>
        <pc:spChg chg="del">
          <ac:chgData name="Daly Donnacha HSLU I" userId="0f22e960-400a-43ff-baeb-4828c8f5cd3a" providerId="ADAL" clId="{78138B16-7BCD-AB47-9B5F-6CC7C46E94E4}" dt="2021-04-11T11:56:22.882" v="2478" actId="478"/>
          <ac:spMkLst>
            <pc:docMk/>
            <pc:sldMk cId="2747342985" sldId="629"/>
            <ac:spMk id="42" creationId="{B3A02E37-B2F3-8E4B-A38D-E3FBCA58689B}"/>
          </ac:spMkLst>
        </pc:spChg>
        <pc:spChg chg="del">
          <ac:chgData name="Daly Donnacha HSLU I" userId="0f22e960-400a-43ff-baeb-4828c8f5cd3a" providerId="ADAL" clId="{78138B16-7BCD-AB47-9B5F-6CC7C46E94E4}" dt="2021-04-11T11:56:22.882" v="2478" actId="478"/>
          <ac:spMkLst>
            <pc:docMk/>
            <pc:sldMk cId="2747342985" sldId="629"/>
            <ac:spMk id="58" creationId="{19E08C31-59F5-FA49-9A56-A72720FBBA63}"/>
          </ac:spMkLst>
        </pc:spChg>
        <pc:spChg chg="del">
          <ac:chgData name="Daly Donnacha HSLU I" userId="0f22e960-400a-43ff-baeb-4828c8f5cd3a" providerId="ADAL" clId="{78138B16-7BCD-AB47-9B5F-6CC7C46E94E4}" dt="2021-04-11T11:56:22.882" v="2478" actId="478"/>
          <ac:spMkLst>
            <pc:docMk/>
            <pc:sldMk cId="2747342985" sldId="629"/>
            <ac:spMk id="75" creationId="{B7769138-8521-524A-9E24-A7C644CC8492}"/>
          </ac:spMkLst>
        </pc:spChg>
        <pc:spChg chg="del">
          <ac:chgData name="Daly Donnacha HSLU I" userId="0f22e960-400a-43ff-baeb-4828c8f5cd3a" providerId="ADAL" clId="{78138B16-7BCD-AB47-9B5F-6CC7C46E94E4}" dt="2021-04-11T11:56:22.882" v="2478" actId="478"/>
          <ac:spMkLst>
            <pc:docMk/>
            <pc:sldMk cId="2747342985" sldId="629"/>
            <ac:spMk id="77" creationId="{3106FAEC-A953-5D43-B62A-3D82F1877DE9}"/>
          </ac:spMkLst>
        </pc:spChg>
        <pc:spChg chg="del">
          <ac:chgData name="Daly Donnacha HSLU I" userId="0f22e960-400a-43ff-baeb-4828c8f5cd3a" providerId="ADAL" clId="{78138B16-7BCD-AB47-9B5F-6CC7C46E94E4}" dt="2021-04-11T11:56:22.882" v="2478" actId="478"/>
          <ac:spMkLst>
            <pc:docMk/>
            <pc:sldMk cId="2747342985" sldId="629"/>
            <ac:spMk id="79" creationId="{D35F6EE4-5D2F-444F-B628-842C7A0A6848}"/>
          </ac:spMkLst>
        </pc:spChg>
        <pc:spChg chg="del">
          <ac:chgData name="Daly Donnacha HSLU I" userId="0f22e960-400a-43ff-baeb-4828c8f5cd3a" providerId="ADAL" clId="{78138B16-7BCD-AB47-9B5F-6CC7C46E94E4}" dt="2021-04-11T11:56:22.882" v="2478" actId="478"/>
          <ac:spMkLst>
            <pc:docMk/>
            <pc:sldMk cId="2747342985" sldId="629"/>
            <ac:spMk id="80" creationId="{6AF07A21-454D-854D-BE4A-93DD147861B9}"/>
          </ac:spMkLst>
        </pc:spChg>
        <pc:spChg chg="del">
          <ac:chgData name="Daly Donnacha HSLU I" userId="0f22e960-400a-43ff-baeb-4828c8f5cd3a" providerId="ADAL" clId="{78138B16-7BCD-AB47-9B5F-6CC7C46E94E4}" dt="2021-04-11T11:56:22.882" v="2478" actId="478"/>
          <ac:spMkLst>
            <pc:docMk/>
            <pc:sldMk cId="2747342985" sldId="629"/>
            <ac:spMk id="81" creationId="{C8792C65-EDD3-CC4D-8DE5-9696141187B4}"/>
          </ac:spMkLst>
        </pc:spChg>
        <pc:spChg chg="del">
          <ac:chgData name="Daly Donnacha HSLU I" userId="0f22e960-400a-43ff-baeb-4828c8f5cd3a" providerId="ADAL" clId="{78138B16-7BCD-AB47-9B5F-6CC7C46E94E4}" dt="2021-04-11T11:56:22.882" v="2478" actId="478"/>
          <ac:spMkLst>
            <pc:docMk/>
            <pc:sldMk cId="2747342985" sldId="629"/>
            <ac:spMk id="82" creationId="{6950262D-61AA-F448-918D-4E891FD5445F}"/>
          </ac:spMkLst>
        </pc:spChg>
        <pc:spChg chg="del">
          <ac:chgData name="Daly Donnacha HSLU I" userId="0f22e960-400a-43ff-baeb-4828c8f5cd3a" providerId="ADAL" clId="{78138B16-7BCD-AB47-9B5F-6CC7C46E94E4}" dt="2021-04-11T11:56:22.882" v="2478" actId="478"/>
          <ac:spMkLst>
            <pc:docMk/>
            <pc:sldMk cId="2747342985" sldId="629"/>
            <ac:spMk id="84" creationId="{EBED3239-9919-F243-B2D3-3776F69A31DF}"/>
          </ac:spMkLst>
        </pc:spChg>
        <pc:spChg chg="mod">
          <ac:chgData name="Daly Donnacha HSLU I" userId="0f22e960-400a-43ff-baeb-4828c8f5cd3a" providerId="ADAL" clId="{78138B16-7BCD-AB47-9B5F-6CC7C46E94E4}" dt="2021-04-11T12:11:25.256" v="2833" actId="20577"/>
          <ac:spMkLst>
            <pc:docMk/>
            <pc:sldMk cId="2747342985" sldId="629"/>
            <ac:spMk id="85" creationId="{1084E611-86D3-D946-B3CA-DE0640944F98}"/>
          </ac:spMkLst>
        </pc:spChg>
        <pc:spChg chg="mod">
          <ac:chgData name="Daly Donnacha HSLU I" userId="0f22e960-400a-43ff-baeb-4828c8f5cd3a" providerId="ADAL" clId="{78138B16-7BCD-AB47-9B5F-6CC7C46E94E4}" dt="2021-04-11T12:10:04.036" v="2742" actId="164"/>
          <ac:spMkLst>
            <pc:docMk/>
            <pc:sldMk cId="2747342985" sldId="629"/>
            <ac:spMk id="91" creationId="{A55F5854-64C0-4D44-8AC8-BEB7176529AD}"/>
          </ac:spMkLst>
        </pc:spChg>
        <pc:spChg chg="mod">
          <ac:chgData name="Daly Donnacha HSLU I" userId="0f22e960-400a-43ff-baeb-4828c8f5cd3a" providerId="ADAL" clId="{78138B16-7BCD-AB47-9B5F-6CC7C46E94E4}" dt="2021-04-11T12:10:04.036" v="2742" actId="164"/>
          <ac:spMkLst>
            <pc:docMk/>
            <pc:sldMk cId="2747342985" sldId="629"/>
            <ac:spMk id="92" creationId="{CCD04D40-CB93-6F48-9676-08612F0EFD42}"/>
          </ac:spMkLst>
        </pc:spChg>
        <pc:spChg chg="mod">
          <ac:chgData name="Daly Donnacha HSLU I" userId="0f22e960-400a-43ff-baeb-4828c8f5cd3a" providerId="ADAL" clId="{78138B16-7BCD-AB47-9B5F-6CC7C46E94E4}" dt="2021-04-11T12:10:04.036" v="2742" actId="164"/>
          <ac:spMkLst>
            <pc:docMk/>
            <pc:sldMk cId="2747342985" sldId="629"/>
            <ac:spMk id="93" creationId="{51030080-64D1-B140-A209-59E84322EFE7}"/>
          </ac:spMkLst>
        </pc:spChg>
        <pc:spChg chg="mod">
          <ac:chgData name="Daly Donnacha HSLU I" userId="0f22e960-400a-43ff-baeb-4828c8f5cd3a" providerId="ADAL" clId="{78138B16-7BCD-AB47-9B5F-6CC7C46E94E4}" dt="2021-04-11T12:10:04.036" v="2742" actId="164"/>
          <ac:spMkLst>
            <pc:docMk/>
            <pc:sldMk cId="2747342985" sldId="629"/>
            <ac:spMk id="94" creationId="{62DE0ADF-A221-6347-8DB1-68D0B1E3DD05}"/>
          </ac:spMkLst>
        </pc:spChg>
        <pc:spChg chg="mod">
          <ac:chgData name="Daly Donnacha HSLU I" userId="0f22e960-400a-43ff-baeb-4828c8f5cd3a" providerId="ADAL" clId="{78138B16-7BCD-AB47-9B5F-6CC7C46E94E4}" dt="2021-04-11T12:10:04.036" v="2742" actId="164"/>
          <ac:spMkLst>
            <pc:docMk/>
            <pc:sldMk cId="2747342985" sldId="629"/>
            <ac:spMk id="95" creationId="{2F4D933B-9946-0541-B91F-B53BB14D06E3}"/>
          </ac:spMkLst>
        </pc:spChg>
        <pc:spChg chg="mod">
          <ac:chgData name="Daly Donnacha HSLU I" userId="0f22e960-400a-43ff-baeb-4828c8f5cd3a" providerId="ADAL" clId="{78138B16-7BCD-AB47-9B5F-6CC7C46E94E4}" dt="2021-04-11T12:10:04.036" v="2742" actId="164"/>
          <ac:spMkLst>
            <pc:docMk/>
            <pc:sldMk cId="2747342985" sldId="629"/>
            <ac:spMk id="96" creationId="{8E910852-7F7A-1A4D-B9BE-C15456041885}"/>
          </ac:spMkLst>
        </pc:spChg>
        <pc:grpChg chg="add mod">
          <ac:chgData name="Daly Donnacha HSLU I" userId="0f22e960-400a-43ff-baeb-4828c8f5cd3a" providerId="ADAL" clId="{78138B16-7BCD-AB47-9B5F-6CC7C46E94E4}" dt="2021-04-11T12:10:21.908" v="2747" actId="1076"/>
          <ac:grpSpMkLst>
            <pc:docMk/>
            <pc:sldMk cId="2747342985" sldId="629"/>
            <ac:grpSpMk id="4" creationId="{33ED36C7-AA2C-4842-A78C-44C93AB79467}"/>
          </ac:grpSpMkLst>
        </pc:grpChg>
        <pc:graphicFrameChg chg="del">
          <ac:chgData name="Daly Donnacha HSLU I" userId="0f22e960-400a-43ff-baeb-4828c8f5cd3a" providerId="ADAL" clId="{78138B16-7BCD-AB47-9B5F-6CC7C46E94E4}" dt="2021-04-11T11:56:22.882" v="2478" actId="478"/>
          <ac:graphicFrameMkLst>
            <pc:docMk/>
            <pc:sldMk cId="2747342985" sldId="629"/>
            <ac:graphicFrameMk id="83" creationId="{861FC57C-FF57-7B44-836A-6C7785C5F6EE}"/>
          </ac:graphicFrameMkLst>
        </pc:graphicFrameChg>
        <pc:picChg chg="mod">
          <ac:chgData name="Daly Donnacha HSLU I" userId="0f22e960-400a-43ff-baeb-4828c8f5cd3a" providerId="ADAL" clId="{78138B16-7BCD-AB47-9B5F-6CC7C46E94E4}" dt="2021-04-11T12:10:04.036" v="2742" actId="164"/>
          <ac:picMkLst>
            <pc:docMk/>
            <pc:sldMk cId="2747342985" sldId="629"/>
            <ac:picMk id="3" creationId="{3C709423-0A81-3045-A8F9-7ED9956B68B5}"/>
          </ac:picMkLst>
        </pc:picChg>
        <pc:picChg chg="del">
          <ac:chgData name="Daly Donnacha HSLU I" userId="0f22e960-400a-43ff-baeb-4828c8f5cd3a" providerId="ADAL" clId="{78138B16-7BCD-AB47-9B5F-6CC7C46E94E4}" dt="2021-04-11T11:56:22.882" v="2478" actId="478"/>
          <ac:picMkLst>
            <pc:docMk/>
            <pc:sldMk cId="2747342985" sldId="629"/>
            <ac:picMk id="76" creationId="{411696F9-47CF-EF44-937E-1241B28E74CF}"/>
          </ac:picMkLst>
        </pc:picChg>
        <pc:picChg chg="mod">
          <ac:chgData name="Daly Donnacha HSLU I" userId="0f22e960-400a-43ff-baeb-4828c8f5cd3a" providerId="ADAL" clId="{78138B16-7BCD-AB47-9B5F-6CC7C46E94E4}" dt="2021-04-11T12:10:04.036" v="2742" actId="164"/>
          <ac:picMkLst>
            <pc:docMk/>
            <pc:sldMk cId="2747342985" sldId="629"/>
            <ac:picMk id="87" creationId="{EC255399-C43A-E445-9E90-BE9EBDE4E686}"/>
          </ac:picMkLst>
        </pc:picChg>
        <pc:picChg chg="mod">
          <ac:chgData name="Daly Donnacha HSLU I" userId="0f22e960-400a-43ff-baeb-4828c8f5cd3a" providerId="ADAL" clId="{78138B16-7BCD-AB47-9B5F-6CC7C46E94E4}" dt="2021-04-11T12:10:04.036" v="2742" actId="164"/>
          <ac:picMkLst>
            <pc:docMk/>
            <pc:sldMk cId="2747342985" sldId="629"/>
            <ac:picMk id="88" creationId="{8C714C29-AD7C-F64B-BF2C-B55AD42ECFCB}"/>
          </ac:picMkLst>
        </pc:picChg>
        <pc:picChg chg="mod">
          <ac:chgData name="Daly Donnacha HSLU I" userId="0f22e960-400a-43ff-baeb-4828c8f5cd3a" providerId="ADAL" clId="{78138B16-7BCD-AB47-9B5F-6CC7C46E94E4}" dt="2021-04-11T12:10:04.036" v="2742" actId="164"/>
          <ac:picMkLst>
            <pc:docMk/>
            <pc:sldMk cId="2747342985" sldId="629"/>
            <ac:picMk id="90" creationId="{40991034-5FC9-624A-9D52-E5E17303C766}"/>
          </ac:picMkLst>
        </pc:picChg>
        <pc:cxnChg chg="mod">
          <ac:chgData name="Daly Donnacha HSLU I" userId="0f22e960-400a-43ff-baeb-4828c8f5cd3a" providerId="ADAL" clId="{78138B16-7BCD-AB47-9B5F-6CC7C46E94E4}" dt="2021-04-11T12:10:04.036" v="2742" actId="164"/>
          <ac:cxnSpMkLst>
            <pc:docMk/>
            <pc:sldMk cId="2747342985" sldId="629"/>
            <ac:cxnSpMk id="5" creationId="{4D6D3CB5-6AF7-D34D-B1BA-1A01B3D7192C}"/>
          </ac:cxnSpMkLst>
        </pc:cxnChg>
        <pc:cxnChg chg="mod">
          <ac:chgData name="Daly Donnacha HSLU I" userId="0f22e960-400a-43ff-baeb-4828c8f5cd3a" providerId="ADAL" clId="{78138B16-7BCD-AB47-9B5F-6CC7C46E94E4}" dt="2021-04-11T12:10:04.036" v="2742" actId="164"/>
          <ac:cxnSpMkLst>
            <pc:docMk/>
            <pc:sldMk cId="2747342985" sldId="629"/>
            <ac:cxnSpMk id="12" creationId="{C54CACBB-486E-D04A-A713-44F285111146}"/>
          </ac:cxnSpMkLst>
        </pc:cxnChg>
        <pc:cxnChg chg="del mod">
          <ac:chgData name="Daly Donnacha HSLU I" userId="0f22e960-400a-43ff-baeb-4828c8f5cd3a" providerId="ADAL" clId="{78138B16-7BCD-AB47-9B5F-6CC7C46E94E4}" dt="2021-04-11T11:56:22.882" v="2478" actId="478"/>
          <ac:cxnSpMkLst>
            <pc:docMk/>
            <pc:sldMk cId="2747342985" sldId="629"/>
            <ac:cxnSpMk id="24" creationId="{8E778231-0FA5-4549-8920-5B3F92648B2A}"/>
          </ac:cxnSpMkLst>
        </pc:cxnChg>
        <pc:cxnChg chg="del mod">
          <ac:chgData name="Daly Donnacha HSLU I" userId="0f22e960-400a-43ff-baeb-4828c8f5cd3a" providerId="ADAL" clId="{78138B16-7BCD-AB47-9B5F-6CC7C46E94E4}" dt="2021-04-11T11:56:22.882" v="2478" actId="478"/>
          <ac:cxnSpMkLst>
            <pc:docMk/>
            <pc:sldMk cId="2747342985" sldId="629"/>
            <ac:cxnSpMk id="25" creationId="{4686120A-EB82-2049-BB80-95B526FC160C}"/>
          </ac:cxnSpMkLst>
        </pc:cxnChg>
        <pc:cxnChg chg="del mod">
          <ac:chgData name="Daly Donnacha HSLU I" userId="0f22e960-400a-43ff-baeb-4828c8f5cd3a" providerId="ADAL" clId="{78138B16-7BCD-AB47-9B5F-6CC7C46E94E4}" dt="2021-04-11T11:56:22.882" v="2478" actId="478"/>
          <ac:cxnSpMkLst>
            <pc:docMk/>
            <pc:sldMk cId="2747342985" sldId="629"/>
            <ac:cxnSpMk id="26" creationId="{E1C26E10-706D-5B45-92C8-47DD5D284524}"/>
          </ac:cxnSpMkLst>
        </pc:cxnChg>
      </pc:sldChg>
      <pc:sldChg chg="addSp delSp modSp add mod">
        <pc:chgData name="Daly Donnacha HSLU I" userId="0f22e960-400a-43ff-baeb-4828c8f5cd3a" providerId="ADAL" clId="{78138B16-7BCD-AB47-9B5F-6CC7C46E94E4}" dt="2021-04-11T12:32:08.792" v="3183" actId="1076"/>
        <pc:sldMkLst>
          <pc:docMk/>
          <pc:sldMk cId="2384890512" sldId="630"/>
        </pc:sldMkLst>
        <pc:spChg chg="mod">
          <ac:chgData name="Daly Donnacha HSLU I" userId="0f22e960-400a-43ff-baeb-4828c8f5cd3a" providerId="ADAL" clId="{78138B16-7BCD-AB47-9B5F-6CC7C46E94E4}" dt="2021-04-11T12:22:12.098" v="2983" actId="6549"/>
          <ac:spMkLst>
            <pc:docMk/>
            <pc:sldMk cId="2384890512" sldId="630"/>
            <ac:spMk id="2" creationId="{28E04854-0B4A-504D-B73B-051D3DD0C61A}"/>
          </ac:spMkLst>
        </pc:spChg>
        <pc:spChg chg="del">
          <ac:chgData name="Daly Donnacha HSLU I" userId="0f22e960-400a-43ff-baeb-4828c8f5cd3a" providerId="ADAL" clId="{78138B16-7BCD-AB47-9B5F-6CC7C46E94E4}" dt="2021-04-11T12:22:56.246" v="2990" actId="478"/>
          <ac:spMkLst>
            <pc:docMk/>
            <pc:sldMk cId="2384890512" sldId="630"/>
            <ac:spMk id="4" creationId="{E656A6C4-F0EB-A146-B6F5-6E751C8742D1}"/>
          </ac:spMkLst>
        </pc:spChg>
        <pc:spChg chg="del">
          <ac:chgData name="Daly Donnacha HSLU I" userId="0f22e960-400a-43ff-baeb-4828c8f5cd3a" providerId="ADAL" clId="{78138B16-7BCD-AB47-9B5F-6CC7C46E94E4}" dt="2021-04-11T12:22:56.246" v="2990" actId="478"/>
          <ac:spMkLst>
            <pc:docMk/>
            <pc:sldMk cId="2384890512" sldId="630"/>
            <ac:spMk id="16" creationId="{998CEC81-B724-564E-BEBD-0B747310E790}"/>
          </ac:spMkLst>
        </pc:spChg>
        <pc:spChg chg="del">
          <ac:chgData name="Daly Donnacha HSLU I" userId="0f22e960-400a-43ff-baeb-4828c8f5cd3a" providerId="ADAL" clId="{78138B16-7BCD-AB47-9B5F-6CC7C46E94E4}" dt="2021-04-11T12:22:56.246" v="2990" actId="478"/>
          <ac:spMkLst>
            <pc:docMk/>
            <pc:sldMk cId="2384890512" sldId="630"/>
            <ac:spMk id="17" creationId="{05C08631-B6B7-9D4C-A8DC-C1077121116B}"/>
          </ac:spMkLst>
        </pc:spChg>
        <pc:spChg chg="del">
          <ac:chgData name="Daly Donnacha HSLU I" userId="0f22e960-400a-43ff-baeb-4828c8f5cd3a" providerId="ADAL" clId="{78138B16-7BCD-AB47-9B5F-6CC7C46E94E4}" dt="2021-04-11T12:22:56.246" v="2990" actId="478"/>
          <ac:spMkLst>
            <pc:docMk/>
            <pc:sldMk cId="2384890512" sldId="630"/>
            <ac:spMk id="18" creationId="{C4920572-AF28-5947-84FC-EE6B3AF2889C}"/>
          </ac:spMkLst>
        </pc:spChg>
        <pc:spChg chg="del">
          <ac:chgData name="Daly Donnacha HSLU I" userId="0f22e960-400a-43ff-baeb-4828c8f5cd3a" providerId="ADAL" clId="{78138B16-7BCD-AB47-9B5F-6CC7C46E94E4}" dt="2021-04-11T12:22:56.246" v="2990" actId="478"/>
          <ac:spMkLst>
            <pc:docMk/>
            <pc:sldMk cId="2384890512" sldId="630"/>
            <ac:spMk id="20" creationId="{E1176F82-151D-7C46-B934-B7E5C601754D}"/>
          </ac:spMkLst>
        </pc:spChg>
        <pc:spChg chg="del">
          <ac:chgData name="Daly Donnacha HSLU I" userId="0f22e960-400a-43ff-baeb-4828c8f5cd3a" providerId="ADAL" clId="{78138B16-7BCD-AB47-9B5F-6CC7C46E94E4}" dt="2021-04-11T12:22:23.568" v="2985" actId="478"/>
          <ac:spMkLst>
            <pc:docMk/>
            <pc:sldMk cId="2384890512" sldId="630"/>
            <ac:spMk id="32" creationId="{1C87B031-D470-5543-9DD3-62B79C4D375C}"/>
          </ac:spMkLst>
        </pc:spChg>
        <pc:spChg chg="del">
          <ac:chgData name="Daly Donnacha HSLU I" userId="0f22e960-400a-43ff-baeb-4828c8f5cd3a" providerId="ADAL" clId="{78138B16-7BCD-AB47-9B5F-6CC7C46E94E4}" dt="2021-04-11T12:22:23.568" v="2985" actId="478"/>
          <ac:spMkLst>
            <pc:docMk/>
            <pc:sldMk cId="2384890512" sldId="630"/>
            <ac:spMk id="39" creationId="{CB48A203-9B57-BA4F-85FA-DAB01E5CEE0B}"/>
          </ac:spMkLst>
        </pc:spChg>
        <pc:spChg chg="del">
          <ac:chgData name="Daly Donnacha HSLU I" userId="0f22e960-400a-43ff-baeb-4828c8f5cd3a" providerId="ADAL" clId="{78138B16-7BCD-AB47-9B5F-6CC7C46E94E4}" dt="2021-04-11T12:22:56.246" v="2990" actId="478"/>
          <ac:spMkLst>
            <pc:docMk/>
            <pc:sldMk cId="2384890512" sldId="630"/>
            <ac:spMk id="40" creationId="{015ED710-8D38-5C45-9A5C-D19347D59AF6}"/>
          </ac:spMkLst>
        </pc:spChg>
        <pc:spChg chg="del">
          <ac:chgData name="Daly Donnacha HSLU I" userId="0f22e960-400a-43ff-baeb-4828c8f5cd3a" providerId="ADAL" clId="{78138B16-7BCD-AB47-9B5F-6CC7C46E94E4}" dt="2021-04-11T12:22:56.246" v="2990" actId="478"/>
          <ac:spMkLst>
            <pc:docMk/>
            <pc:sldMk cId="2384890512" sldId="630"/>
            <ac:spMk id="55" creationId="{9ED79956-C51A-C84B-A7A7-608AE7610B82}"/>
          </ac:spMkLst>
        </pc:spChg>
        <pc:spChg chg="del">
          <ac:chgData name="Daly Donnacha HSLU I" userId="0f22e960-400a-43ff-baeb-4828c8f5cd3a" providerId="ADAL" clId="{78138B16-7BCD-AB47-9B5F-6CC7C46E94E4}" dt="2021-04-11T12:22:56.246" v="2990" actId="478"/>
          <ac:spMkLst>
            <pc:docMk/>
            <pc:sldMk cId="2384890512" sldId="630"/>
            <ac:spMk id="76" creationId="{F5899C3A-A2B4-144F-8366-52C98F3CC4EC}"/>
          </ac:spMkLst>
        </pc:spChg>
        <pc:spChg chg="del">
          <ac:chgData name="Daly Donnacha HSLU I" userId="0f22e960-400a-43ff-baeb-4828c8f5cd3a" providerId="ADAL" clId="{78138B16-7BCD-AB47-9B5F-6CC7C46E94E4}" dt="2021-04-11T12:22:56.246" v="2990" actId="478"/>
          <ac:spMkLst>
            <pc:docMk/>
            <pc:sldMk cId="2384890512" sldId="630"/>
            <ac:spMk id="77" creationId="{4A7AEC4E-5843-3E46-99B7-73E1A8D0CEBC}"/>
          </ac:spMkLst>
        </pc:spChg>
        <pc:spChg chg="del mod">
          <ac:chgData name="Daly Donnacha HSLU I" userId="0f22e960-400a-43ff-baeb-4828c8f5cd3a" providerId="ADAL" clId="{78138B16-7BCD-AB47-9B5F-6CC7C46E94E4}" dt="2021-04-11T12:22:53.404" v="2989" actId="21"/>
          <ac:spMkLst>
            <pc:docMk/>
            <pc:sldMk cId="2384890512" sldId="630"/>
            <ac:spMk id="80" creationId="{F723C952-7756-8140-B74E-BCF242352C59}"/>
          </ac:spMkLst>
        </pc:spChg>
        <pc:spChg chg="del mod">
          <ac:chgData name="Daly Donnacha HSLU I" userId="0f22e960-400a-43ff-baeb-4828c8f5cd3a" providerId="ADAL" clId="{78138B16-7BCD-AB47-9B5F-6CC7C46E94E4}" dt="2021-04-11T12:22:53.404" v="2989" actId="21"/>
          <ac:spMkLst>
            <pc:docMk/>
            <pc:sldMk cId="2384890512" sldId="630"/>
            <ac:spMk id="81" creationId="{2001BAF9-CAF8-F643-8F23-047C4BD0763C}"/>
          </ac:spMkLst>
        </pc:spChg>
        <pc:spChg chg="del mod">
          <ac:chgData name="Daly Donnacha HSLU I" userId="0f22e960-400a-43ff-baeb-4828c8f5cd3a" providerId="ADAL" clId="{78138B16-7BCD-AB47-9B5F-6CC7C46E94E4}" dt="2021-04-11T12:22:53.404" v="2989" actId="21"/>
          <ac:spMkLst>
            <pc:docMk/>
            <pc:sldMk cId="2384890512" sldId="630"/>
            <ac:spMk id="82" creationId="{733B72BD-4DE6-D841-A00B-5581F9FC17E0}"/>
          </ac:spMkLst>
        </pc:spChg>
        <pc:spChg chg="del mod">
          <ac:chgData name="Daly Donnacha HSLU I" userId="0f22e960-400a-43ff-baeb-4828c8f5cd3a" providerId="ADAL" clId="{78138B16-7BCD-AB47-9B5F-6CC7C46E94E4}" dt="2021-04-11T12:22:53.404" v="2989" actId="21"/>
          <ac:spMkLst>
            <pc:docMk/>
            <pc:sldMk cId="2384890512" sldId="630"/>
            <ac:spMk id="83" creationId="{C0D706DD-A989-9449-B97F-34CB8E77491F}"/>
          </ac:spMkLst>
        </pc:spChg>
        <pc:spChg chg="add mod">
          <ac:chgData name="Daly Donnacha HSLU I" userId="0f22e960-400a-43ff-baeb-4828c8f5cd3a" providerId="ADAL" clId="{78138B16-7BCD-AB47-9B5F-6CC7C46E94E4}" dt="2021-04-11T12:22:56.605" v="2991"/>
          <ac:spMkLst>
            <pc:docMk/>
            <pc:sldMk cId="2384890512" sldId="630"/>
            <ac:spMk id="84" creationId="{BD9113C5-00B9-D947-AECA-2AD16F7CC375}"/>
          </ac:spMkLst>
        </pc:spChg>
        <pc:spChg chg="del">
          <ac:chgData name="Daly Donnacha HSLU I" userId="0f22e960-400a-43ff-baeb-4828c8f5cd3a" providerId="ADAL" clId="{78138B16-7BCD-AB47-9B5F-6CC7C46E94E4}" dt="2021-04-11T12:22:27.613" v="2986" actId="478"/>
          <ac:spMkLst>
            <pc:docMk/>
            <pc:sldMk cId="2384890512" sldId="630"/>
            <ac:spMk id="85" creationId="{3D476AB8-CAAC-A844-B9F3-E41FB73F2218}"/>
          </ac:spMkLst>
        </pc:spChg>
        <pc:spChg chg="mod">
          <ac:chgData name="Daly Donnacha HSLU I" userId="0f22e960-400a-43ff-baeb-4828c8f5cd3a" providerId="ADAL" clId="{78138B16-7BCD-AB47-9B5F-6CC7C46E94E4}" dt="2021-04-11T12:23:22.778" v="2994" actId="1076"/>
          <ac:spMkLst>
            <pc:docMk/>
            <pc:sldMk cId="2384890512" sldId="630"/>
            <ac:spMk id="86" creationId="{DB72AA79-9F1E-0B4A-8A56-17C1F7A543AE}"/>
          </ac:spMkLst>
        </pc:spChg>
        <pc:spChg chg="del mod">
          <ac:chgData name="Daly Donnacha HSLU I" userId="0f22e960-400a-43ff-baeb-4828c8f5cd3a" providerId="ADAL" clId="{78138B16-7BCD-AB47-9B5F-6CC7C46E94E4}" dt="2021-04-11T12:22:53.404" v="2989" actId="21"/>
          <ac:spMkLst>
            <pc:docMk/>
            <pc:sldMk cId="2384890512" sldId="630"/>
            <ac:spMk id="87" creationId="{8853EFD7-298E-8A4D-9599-7A549E6B5275}"/>
          </ac:spMkLst>
        </pc:spChg>
        <pc:spChg chg="del mod">
          <ac:chgData name="Daly Donnacha HSLU I" userId="0f22e960-400a-43ff-baeb-4828c8f5cd3a" providerId="ADAL" clId="{78138B16-7BCD-AB47-9B5F-6CC7C46E94E4}" dt="2021-04-11T12:22:53.404" v="2989" actId="21"/>
          <ac:spMkLst>
            <pc:docMk/>
            <pc:sldMk cId="2384890512" sldId="630"/>
            <ac:spMk id="92" creationId="{E78EE785-70E1-BB44-90E0-E5F3C86C7DB6}"/>
          </ac:spMkLst>
        </pc:spChg>
        <pc:spChg chg="add mod">
          <ac:chgData name="Daly Donnacha HSLU I" userId="0f22e960-400a-43ff-baeb-4828c8f5cd3a" providerId="ADAL" clId="{78138B16-7BCD-AB47-9B5F-6CC7C46E94E4}" dt="2021-04-11T12:22:56.605" v="2991"/>
          <ac:spMkLst>
            <pc:docMk/>
            <pc:sldMk cId="2384890512" sldId="630"/>
            <ac:spMk id="93" creationId="{0F043B26-2887-994B-B24C-1824DC7AB798}"/>
          </ac:spMkLst>
        </pc:spChg>
        <pc:spChg chg="add mod">
          <ac:chgData name="Daly Donnacha HSLU I" userId="0f22e960-400a-43ff-baeb-4828c8f5cd3a" providerId="ADAL" clId="{78138B16-7BCD-AB47-9B5F-6CC7C46E94E4}" dt="2021-04-11T12:22:56.605" v="2991"/>
          <ac:spMkLst>
            <pc:docMk/>
            <pc:sldMk cId="2384890512" sldId="630"/>
            <ac:spMk id="94" creationId="{D926DC26-5BF9-4748-A2AD-D70D62B834E0}"/>
          </ac:spMkLst>
        </pc:spChg>
        <pc:spChg chg="del">
          <ac:chgData name="Daly Donnacha HSLU I" userId="0f22e960-400a-43ff-baeb-4828c8f5cd3a" providerId="ADAL" clId="{78138B16-7BCD-AB47-9B5F-6CC7C46E94E4}" dt="2021-04-11T12:22:23.568" v="2985" actId="478"/>
          <ac:spMkLst>
            <pc:docMk/>
            <pc:sldMk cId="2384890512" sldId="630"/>
            <ac:spMk id="95" creationId="{09E3020D-3A54-5A4A-8F05-7B0450F11864}"/>
          </ac:spMkLst>
        </pc:spChg>
        <pc:spChg chg="del">
          <ac:chgData name="Daly Donnacha HSLU I" userId="0f22e960-400a-43ff-baeb-4828c8f5cd3a" providerId="ADAL" clId="{78138B16-7BCD-AB47-9B5F-6CC7C46E94E4}" dt="2021-04-11T12:22:30.557" v="2987" actId="478"/>
          <ac:spMkLst>
            <pc:docMk/>
            <pc:sldMk cId="2384890512" sldId="630"/>
            <ac:spMk id="96" creationId="{F0BAC611-9FB3-EA4D-8EA6-730E3F3A66A0}"/>
          </ac:spMkLst>
        </pc:spChg>
        <pc:spChg chg="del">
          <ac:chgData name="Daly Donnacha HSLU I" userId="0f22e960-400a-43ff-baeb-4828c8f5cd3a" providerId="ADAL" clId="{78138B16-7BCD-AB47-9B5F-6CC7C46E94E4}" dt="2021-04-11T12:22:30.557" v="2987" actId="478"/>
          <ac:spMkLst>
            <pc:docMk/>
            <pc:sldMk cId="2384890512" sldId="630"/>
            <ac:spMk id="97" creationId="{C94FFA52-90EB-7844-B61D-F84D26E8A480}"/>
          </ac:spMkLst>
        </pc:spChg>
        <pc:spChg chg="del">
          <ac:chgData name="Daly Donnacha HSLU I" userId="0f22e960-400a-43ff-baeb-4828c8f5cd3a" providerId="ADAL" clId="{78138B16-7BCD-AB47-9B5F-6CC7C46E94E4}" dt="2021-04-11T12:22:19.542" v="2984" actId="478"/>
          <ac:spMkLst>
            <pc:docMk/>
            <pc:sldMk cId="2384890512" sldId="630"/>
            <ac:spMk id="98" creationId="{26BE2F0B-6674-1943-9CC3-8A9B2E97B0C0}"/>
          </ac:spMkLst>
        </pc:spChg>
        <pc:spChg chg="del">
          <ac:chgData name="Daly Donnacha HSLU I" userId="0f22e960-400a-43ff-baeb-4828c8f5cd3a" providerId="ADAL" clId="{78138B16-7BCD-AB47-9B5F-6CC7C46E94E4}" dt="2021-04-11T12:22:19.542" v="2984" actId="478"/>
          <ac:spMkLst>
            <pc:docMk/>
            <pc:sldMk cId="2384890512" sldId="630"/>
            <ac:spMk id="99" creationId="{96E427E6-EFCD-0B46-8EE1-89B2B4AD4854}"/>
          </ac:spMkLst>
        </pc:spChg>
        <pc:spChg chg="add mod">
          <ac:chgData name="Daly Donnacha HSLU I" userId="0f22e960-400a-43ff-baeb-4828c8f5cd3a" providerId="ADAL" clId="{78138B16-7BCD-AB47-9B5F-6CC7C46E94E4}" dt="2021-04-11T12:22:56.605" v="2991"/>
          <ac:spMkLst>
            <pc:docMk/>
            <pc:sldMk cId="2384890512" sldId="630"/>
            <ac:spMk id="100" creationId="{A3E2B103-4724-ED41-946B-045764141062}"/>
          </ac:spMkLst>
        </pc:spChg>
        <pc:spChg chg="del mod">
          <ac:chgData name="Daly Donnacha HSLU I" userId="0f22e960-400a-43ff-baeb-4828c8f5cd3a" providerId="ADAL" clId="{78138B16-7BCD-AB47-9B5F-6CC7C46E94E4}" dt="2021-04-11T12:22:53.404" v="2989" actId="21"/>
          <ac:spMkLst>
            <pc:docMk/>
            <pc:sldMk cId="2384890512" sldId="630"/>
            <ac:spMk id="103" creationId="{8F832DCD-AC6B-3743-8644-EB7C84CA16EF}"/>
          </ac:spMkLst>
        </pc:spChg>
        <pc:spChg chg="mod">
          <ac:chgData name="Daly Donnacha HSLU I" userId="0f22e960-400a-43ff-baeb-4828c8f5cd3a" providerId="ADAL" clId="{78138B16-7BCD-AB47-9B5F-6CC7C46E94E4}" dt="2021-04-11T12:23:26.742" v="2997" actId="1035"/>
          <ac:spMkLst>
            <pc:docMk/>
            <pc:sldMk cId="2384890512" sldId="630"/>
            <ac:spMk id="104" creationId="{9548BA4F-DC76-0B46-AF70-02E4B66D68FC}"/>
          </ac:spMkLst>
        </pc:spChg>
        <pc:spChg chg="del mod">
          <ac:chgData name="Daly Donnacha HSLU I" userId="0f22e960-400a-43ff-baeb-4828c8f5cd3a" providerId="ADAL" clId="{78138B16-7BCD-AB47-9B5F-6CC7C46E94E4}" dt="2021-04-11T12:22:53.404" v="2989" actId="21"/>
          <ac:spMkLst>
            <pc:docMk/>
            <pc:sldMk cId="2384890512" sldId="630"/>
            <ac:spMk id="105" creationId="{B3A4DE07-C3B9-8F42-993A-5FD05EDBDD67}"/>
          </ac:spMkLst>
        </pc:spChg>
        <pc:spChg chg="add mod">
          <ac:chgData name="Daly Donnacha HSLU I" userId="0f22e960-400a-43ff-baeb-4828c8f5cd3a" providerId="ADAL" clId="{78138B16-7BCD-AB47-9B5F-6CC7C46E94E4}" dt="2021-04-11T12:22:56.605" v="2991"/>
          <ac:spMkLst>
            <pc:docMk/>
            <pc:sldMk cId="2384890512" sldId="630"/>
            <ac:spMk id="112" creationId="{2CFB3322-5EB7-7C42-9E0F-FA8674EFD5C5}"/>
          </ac:spMkLst>
        </pc:spChg>
        <pc:spChg chg="add mod">
          <ac:chgData name="Daly Donnacha HSLU I" userId="0f22e960-400a-43ff-baeb-4828c8f5cd3a" providerId="ADAL" clId="{78138B16-7BCD-AB47-9B5F-6CC7C46E94E4}" dt="2021-04-11T12:22:56.605" v="2991"/>
          <ac:spMkLst>
            <pc:docMk/>
            <pc:sldMk cId="2384890512" sldId="630"/>
            <ac:spMk id="113" creationId="{434F9D66-8930-8F4D-878C-9FCEC0012E2A}"/>
          </ac:spMkLst>
        </pc:spChg>
        <pc:spChg chg="del mod">
          <ac:chgData name="Daly Donnacha HSLU I" userId="0f22e960-400a-43ff-baeb-4828c8f5cd3a" providerId="ADAL" clId="{78138B16-7BCD-AB47-9B5F-6CC7C46E94E4}" dt="2021-04-11T12:22:53.404" v="2989" actId="21"/>
          <ac:spMkLst>
            <pc:docMk/>
            <pc:sldMk cId="2384890512" sldId="630"/>
            <ac:spMk id="120" creationId="{50EFDAB7-B551-5E4C-95BC-49E6255C6E0B}"/>
          </ac:spMkLst>
        </pc:spChg>
        <pc:spChg chg="del mod">
          <ac:chgData name="Daly Donnacha HSLU I" userId="0f22e960-400a-43ff-baeb-4828c8f5cd3a" providerId="ADAL" clId="{78138B16-7BCD-AB47-9B5F-6CC7C46E94E4}" dt="2021-04-11T12:22:53.404" v="2989" actId="21"/>
          <ac:spMkLst>
            <pc:docMk/>
            <pc:sldMk cId="2384890512" sldId="630"/>
            <ac:spMk id="121" creationId="{29E6EA59-F063-AF46-8A33-5AA58B97327D}"/>
          </ac:spMkLst>
        </pc:spChg>
        <pc:spChg chg="del">
          <ac:chgData name="Daly Donnacha HSLU I" userId="0f22e960-400a-43ff-baeb-4828c8f5cd3a" providerId="ADAL" clId="{78138B16-7BCD-AB47-9B5F-6CC7C46E94E4}" dt="2021-04-11T12:23:32.458" v="2998" actId="21"/>
          <ac:spMkLst>
            <pc:docMk/>
            <pc:sldMk cId="2384890512" sldId="630"/>
            <ac:spMk id="122" creationId="{EF4E5E94-4737-EB4F-B0EC-C8A575091FBE}"/>
          </ac:spMkLst>
        </pc:spChg>
        <pc:spChg chg="del mod">
          <ac:chgData name="Daly Donnacha HSLU I" userId="0f22e960-400a-43ff-baeb-4828c8f5cd3a" providerId="ADAL" clId="{78138B16-7BCD-AB47-9B5F-6CC7C46E94E4}" dt="2021-04-11T12:22:53.404" v="2989" actId="21"/>
          <ac:spMkLst>
            <pc:docMk/>
            <pc:sldMk cId="2384890512" sldId="630"/>
            <ac:spMk id="123" creationId="{B17618F3-895E-244B-9E22-8CBEEA318DF4}"/>
          </ac:spMkLst>
        </pc:spChg>
        <pc:spChg chg="del">
          <ac:chgData name="Daly Donnacha HSLU I" userId="0f22e960-400a-43ff-baeb-4828c8f5cd3a" providerId="ADAL" clId="{78138B16-7BCD-AB47-9B5F-6CC7C46E94E4}" dt="2021-04-11T12:22:30.557" v="2987" actId="478"/>
          <ac:spMkLst>
            <pc:docMk/>
            <pc:sldMk cId="2384890512" sldId="630"/>
            <ac:spMk id="124" creationId="{953E44EB-C502-F449-9670-96E5C43907A0}"/>
          </ac:spMkLst>
        </pc:spChg>
        <pc:spChg chg="del">
          <ac:chgData name="Daly Donnacha HSLU I" userId="0f22e960-400a-43ff-baeb-4828c8f5cd3a" providerId="ADAL" clId="{78138B16-7BCD-AB47-9B5F-6CC7C46E94E4}" dt="2021-04-11T12:22:30.557" v="2987" actId="478"/>
          <ac:spMkLst>
            <pc:docMk/>
            <pc:sldMk cId="2384890512" sldId="630"/>
            <ac:spMk id="125" creationId="{E013C52C-05B4-FE46-A827-C16E3C4DE103}"/>
          </ac:spMkLst>
        </pc:spChg>
        <pc:spChg chg="del">
          <ac:chgData name="Daly Donnacha HSLU I" userId="0f22e960-400a-43ff-baeb-4828c8f5cd3a" providerId="ADAL" clId="{78138B16-7BCD-AB47-9B5F-6CC7C46E94E4}" dt="2021-04-11T12:22:30.557" v="2987" actId="478"/>
          <ac:spMkLst>
            <pc:docMk/>
            <pc:sldMk cId="2384890512" sldId="630"/>
            <ac:spMk id="126" creationId="{50007535-799D-1A4C-BCD6-7C3A9D55B046}"/>
          </ac:spMkLst>
        </pc:spChg>
        <pc:spChg chg="del">
          <ac:chgData name="Daly Donnacha HSLU I" userId="0f22e960-400a-43ff-baeb-4828c8f5cd3a" providerId="ADAL" clId="{78138B16-7BCD-AB47-9B5F-6CC7C46E94E4}" dt="2021-04-11T12:22:30.557" v="2987" actId="478"/>
          <ac:spMkLst>
            <pc:docMk/>
            <pc:sldMk cId="2384890512" sldId="630"/>
            <ac:spMk id="127" creationId="{1AFB715B-A039-A640-8AC5-33119445598D}"/>
          </ac:spMkLst>
        </pc:spChg>
        <pc:spChg chg="del">
          <ac:chgData name="Daly Donnacha HSLU I" userId="0f22e960-400a-43ff-baeb-4828c8f5cd3a" providerId="ADAL" clId="{78138B16-7BCD-AB47-9B5F-6CC7C46E94E4}" dt="2021-04-11T12:22:30.557" v="2987" actId="478"/>
          <ac:spMkLst>
            <pc:docMk/>
            <pc:sldMk cId="2384890512" sldId="630"/>
            <ac:spMk id="132" creationId="{1E83BE46-B2F7-6F4A-B862-CE26410F0125}"/>
          </ac:spMkLst>
        </pc:spChg>
        <pc:spChg chg="del">
          <ac:chgData name="Daly Donnacha HSLU I" userId="0f22e960-400a-43ff-baeb-4828c8f5cd3a" providerId="ADAL" clId="{78138B16-7BCD-AB47-9B5F-6CC7C46E94E4}" dt="2021-04-11T12:22:30.557" v="2987" actId="478"/>
          <ac:spMkLst>
            <pc:docMk/>
            <pc:sldMk cId="2384890512" sldId="630"/>
            <ac:spMk id="133" creationId="{67859109-C6DE-8045-95BF-19A2A27851A1}"/>
          </ac:spMkLst>
        </pc:spChg>
        <pc:spChg chg="del">
          <ac:chgData name="Daly Donnacha HSLU I" userId="0f22e960-400a-43ff-baeb-4828c8f5cd3a" providerId="ADAL" clId="{78138B16-7BCD-AB47-9B5F-6CC7C46E94E4}" dt="2021-04-11T12:22:30.557" v="2987" actId="478"/>
          <ac:spMkLst>
            <pc:docMk/>
            <pc:sldMk cId="2384890512" sldId="630"/>
            <ac:spMk id="138" creationId="{52AEE927-411F-354C-A496-E930735F4D49}"/>
          </ac:spMkLst>
        </pc:spChg>
        <pc:spChg chg="del">
          <ac:chgData name="Daly Donnacha HSLU I" userId="0f22e960-400a-43ff-baeb-4828c8f5cd3a" providerId="ADAL" clId="{78138B16-7BCD-AB47-9B5F-6CC7C46E94E4}" dt="2021-04-11T12:22:30.557" v="2987" actId="478"/>
          <ac:spMkLst>
            <pc:docMk/>
            <pc:sldMk cId="2384890512" sldId="630"/>
            <ac:spMk id="139" creationId="{55DE7A79-B279-9249-BBFA-1E69C28ECBC4}"/>
          </ac:spMkLst>
        </pc:spChg>
        <pc:spChg chg="del">
          <ac:chgData name="Daly Donnacha HSLU I" userId="0f22e960-400a-43ff-baeb-4828c8f5cd3a" providerId="ADAL" clId="{78138B16-7BCD-AB47-9B5F-6CC7C46E94E4}" dt="2021-04-11T12:22:30.557" v="2987" actId="478"/>
          <ac:spMkLst>
            <pc:docMk/>
            <pc:sldMk cId="2384890512" sldId="630"/>
            <ac:spMk id="140" creationId="{8764AA50-45ED-6241-8657-C5597775C6A3}"/>
          </ac:spMkLst>
        </pc:spChg>
        <pc:spChg chg="del">
          <ac:chgData name="Daly Donnacha HSLU I" userId="0f22e960-400a-43ff-baeb-4828c8f5cd3a" providerId="ADAL" clId="{78138B16-7BCD-AB47-9B5F-6CC7C46E94E4}" dt="2021-04-11T12:22:30.557" v="2987" actId="478"/>
          <ac:spMkLst>
            <pc:docMk/>
            <pc:sldMk cId="2384890512" sldId="630"/>
            <ac:spMk id="141" creationId="{B848E0A3-548A-234A-A935-5A2C3A28E6CC}"/>
          </ac:spMkLst>
        </pc:spChg>
        <pc:spChg chg="del">
          <ac:chgData name="Daly Donnacha HSLU I" userId="0f22e960-400a-43ff-baeb-4828c8f5cd3a" providerId="ADAL" clId="{78138B16-7BCD-AB47-9B5F-6CC7C46E94E4}" dt="2021-04-11T12:22:30.557" v="2987" actId="478"/>
          <ac:spMkLst>
            <pc:docMk/>
            <pc:sldMk cId="2384890512" sldId="630"/>
            <ac:spMk id="142" creationId="{AB2A58C3-FED8-0440-839E-47674B5D47E1}"/>
          </ac:spMkLst>
        </pc:spChg>
        <pc:spChg chg="del">
          <ac:chgData name="Daly Donnacha HSLU I" userId="0f22e960-400a-43ff-baeb-4828c8f5cd3a" providerId="ADAL" clId="{78138B16-7BCD-AB47-9B5F-6CC7C46E94E4}" dt="2021-04-11T12:22:30.557" v="2987" actId="478"/>
          <ac:spMkLst>
            <pc:docMk/>
            <pc:sldMk cId="2384890512" sldId="630"/>
            <ac:spMk id="143" creationId="{96BAAF09-21CA-654E-A54A-CE3EC4E3D6BA}"/>
          </ac:spMkLst>
        </pc:spChg>
        <pc:spChg chg="del">
          <ac:chgData name="Daly Donnacha HSLU I" userId="0f22e960-400a-43ff-baeb-4828c8f5cd3a" providerId="ADAL" clId="{78138B16-7BCD-AB47-9B5F-6CC7C46E94E4}" dt="2021-04-11T12:22:30.557" v="2987" actId="478"/>
          <ac:spMkLst>
            <pc:docMk/>
            <pc:sldMk cId="2384890512" sldId="630"/>
            <ac:spMk id="144" creationId="{D534D047-28DC-0448-9867-A9E580AFE744}"/>
          </ac:spMkLst>
        </pc:spChg>
        <pc:spChg chg="del">
          <ac:chgData name="Daly Donnacha HSLU I" userId="0f22e960-400a-43ff-baeb-4828c8f5cd3a" providerId="ADAL" clId="{78138B16-7BCD-AB47-9B5F-6CC7C46E94E4}" dt="2021-04-11T12:22:30.557" v="2987" actId="478"/>
          <ac:spMkLst>
            <pc:docMk/>
            <pc:sldMk cId="2384890512" sldId="630"/>
            <ac:spMk id="145" creationId="{D567240D-268E-8E43-881D-0EF79FFDA8F7}"/>
          </ac:spMkLst>
        </pc:spChg>
        <pc:spChg chg="add mod">
          <ac:chgData name="Daly Donnacha HSLU I" userId="0f22e960-400a-43ff-baeb-4828c8f5cd3a" providerId="ADAL" clId="{78138B16-7BCD-AB47-9B5F-6CC7C46E94E4}" dt="2021-04-11T12:22:56.605" v="2991"/>
          <ac:spMkLst>
            <pc:docMk/>
            <pc:sldMk cId="2384890512" sldId="630"/>
            <ac:spMk id="147" creationId="{9EA63F0F-EEB3-D148-9A7E-DD77DC1E5E3D}"/>
          </ac:spMkLst>
        </pc:spChg>
        <pc:spChg chg="add mod">
          <ac:chgData name="Daly Donnacha HSLU I" userId="0f22e960-400a-43ff-baeb-4828c8f5cd3a" providerId="ADAL" clId="{78138B16-7BCD-AB47-9B5F-6CC7C46E94E4}" dt="2021-04-11T12:22:56.605" v="2991"/>
          <ac:spMkLst>
            <pc:docMk/>
            <pc:sldMk cId="2384890512" sldId="630"/>
            <ac:spMk id="148" creationId="{C7D3A1A7-320C-8540-95DC-D97DD4B9B50F}"/>
          </ac:spMkLst>
        </pc:spChg>
        <pc:spChg chg="add mod">
          <ac:chgData name="Daly Donnacha HSLU I" userId="0f22e960-400a-43ff-baeb-4828c8f5cd3a" providerId="ADAL" clId="{78138B16-7BCD-AB47-9B5F-6CC7C46E94E4}" dt="2021-04-11T12:22:56.605" v="2991"/>
          <ac:spMkLst>
            <pc:docMk/>
            <pc:sldMk cId="2384890512" sldId="630"/>
            <ac:spMk id="150" creationId="{6CF3023E-6A55-A242-8A9D-229F938D4536}"/>
          </ac:spMkLst>
        </pc:spChg>
        <pc:spChg chg="add mod">
          <ac:chgData name="Daly Donnacha HSLU I" userId="0f22e960-400a-43ff-baeb-4828c8f5cd3a" providerId="ADAL" clId="{78138B16-7BCD-AB47-9B5F-6CC7C46E94E4}" dt="2021-04-11T12:22:56.605" v="2991"/>
          <ac:spMkLst>
            <pc:docMk/>
            <pc:sldMk cId="2384890512" sldId="630"/>
            <ac:spMk id="151" creationId="{10897078-A4FC-FA48-AFBA-342BB699EF86}"/>
          </ac:spMkLst>
        </pc:spChg>
        <pc:spChg chg="add del mod">
          <ac:chgData name="Daly Donnacha HSLU I" userId="0f22e960-400a-43ff-baeb-4828c8f5cd3a" providerId="ADAL" clId="{78138B16-7BCD-AB47-9B5F-6CC7C46E94E4}" dt="2021-04-11T12:23:13.493" v="2993" actId="478"/>
          <ac:spMkLst>
            <pc:docMk/>
            <pc:sldMk cId="2384890512" sldId="630"/>
            <ac:spMk id="153" creationId="{7F112C0A-3828-9342-BC48-0E349CF0CB42}"/>
          </ac:spMkLst>
        </pc:spChg>
        <pc:spChg chg="add mod">
          <ac:chgData name="Daly Donnacha HSLU I" userId="0f22e960-400a-43ff-baeb-4828c8f5cd3a" providerId="ADAL" clId="{78138B16-7BCD-AB47-9B5F-6CC7C46E94E4}" dt="2021-04-11T12:27:13.998" v="3071" actId="1035"/>
          <ac:spMkLst>
            <pc:docMk/>
            <pc:sldMk cId="2384890512" sldId="630"/>
            <ac:spMk id="154" creationId="{412A2CB6-4EC1-F947-B691-1E4A608D9858}"/>
          </ac:spMkLst>
        </pc:spChg>
        <pc:spChg chg="add del mod">
          <ac:chgData name="Daly Donnacha HSLU I" userId="0f22e960-400a-43ff-baeb-4828c8f5cd3a" providerId="ADAL" clId="{78138B16-7BCD-AB47-9B5F-6CC7C46E94E4}" dt="2021-04-11T12:24:15.532" v="3009" actId="21"/>
          <ac:spMkLst>
            <pc:docMk/>
            <pc:sldMk cId="2384890512" sldId="630"/>
            <ac:spMk id="156" creationId="{B1B8F88D-EF45-884D-AF62-B43C71DA10D1}"/>
          </ac:spMkLst>
        </pc:spChg>
        <pc:spChg chg="add del mod">
          <ac:chgData name="Daly Donnacha HSLU I" userId="0f22e960-400a-43ff-baeb-4828c8f5cd3a" providerId="ADAL" clId="{78138B16-7BCD-AB47-9B5F-6CC7C46E94E4}" dt="2021-04-11T12:24:15.532" v="3009" actId="21"/>
          <ac:spMkLst>
            <pc:docMk/>
            <pc:sldMk cId="2384890512" sldId="630"/>
            <ac:spMk id="157" creationId="{B02947CA-22D2-7241-B3B2-51DC28A010A9}"/>
          </ac:spMkLst>
        </pc:spChg>
        <pc:spChg chg="del">
          <ac:chgData name="Daly Donnacha HSLU I" userId="0f22e960-400a-43ff-baeb-4828c8f5cd3a" providerId="ADAL" clId="{78138B16-7BCD-AB47-9B5F-6CC7C46E94E4}" dt="2021-04-11T12:22:30.557" v="2987" actId="478"/>
          <ac:spMkLst>
            <pc:docMk/>
            <pc:sldMk cId="2384890512" sldId="630"/>
            <ac:spMk id="158" creationId="{129C6479-7A49-0E4A-AD07-DAECFE97EB90}"/>
          </ac:spMkLst>
        </pc:spChg>
        <pc:spChg chg="add mod">
          <ac:chgData name="Daly Donnacha HSLU I" userId="0f22e960-400a-43ff-baeb-4828c8f5cd3a" providerId="ADAL" clId="{78138B16-7BCD-AB47-9B5F-6CC7C46E94E4}" dt="2021-04-11T12:32:08.792" v="3183" actId="1076"/>
          <ac:spMkLst>
            <pc:docMk/>
            <pc:sldMk cId="2384890512" sldId="630"/>
            <ac:spMk id="159" creationId="{B7D84AD0-0288-1A43-A6E3-2785E26ECAA2}"/>
          </ac:spMkLst>
        </pc:spChg>
        <pc:spChg chg="del">
          <ac:chgData name="Daly Donnacha HSLU I" userId="0f22e960-400a-43ff-baeb-4828c8f5cd3a" providerId="ADAL" clId="{78138B16-7BCD-AB47-9B5F-6CC7C46E94E4}" dt="2021-04-11T12:22:30.557" v="2987" actId="478"/>
          <ac:spMkLst>
            <pc:docMk/>
            <pc:sldMk cId="2384890512" sldId="630"/>
            <ac:spMk id="160" creationId="{07F9D2CA-78DA-D14A-9CF0-F5C551515799}"/>
          </ac:spMkLst>
        </pc:spChg>
        <pc:spChg chg="del">
          <ac:chgData name="Daly Donnacha HSLU I" userId="0f22e960-400a-43ff-baeb-4828c8f5cd3a" providerId="ADAL" clId="{78138B16-7BCD-AB47-9B5F-6CC7C46E94E4}" dt="2021-04-11T12:22:30.557" v="2987" actId="478"/>
          <ac:spMkLst>
            <pc:docMk/>
            <pc:sldMk cId="2384890512" sldId="630"/>
            <ac:spMk id="161" creationId="{652C254C-234F-D94F-A79B-0AAE3E66ACDC}"/>
          </ac:spMkLst>
        </pc:spChg>
        <pc:spChg chg="del">
          <ac:chgData name="Daly Donnacha HSLU I" userId="0f22e960-400a-43ff-baeb-4828c8f5cd3a" providerId="ADAL" clId="{78138B16-7BCD-AB47-9B5F-6CC7C46E94E4}" dt="2021-04-11T12:22:30.557" v="2987" actId="478"/>
          <ac:spMkLst>
            <pc:docMk/>
            <pc:sldMk cId="2384890512" sldId="630"/>
            <ac:spMk id="162" creationId="{6CE6F3C8-8A89-3648-A52B-C0229124BBD3}"/>
          </ac:spMkLst>
        </pc:spChg>
        <pc:spChg chg="del">
          <ac:chgData name="Daly Donnacha HSLU I" userId="0f22e960-400a-43ff-baeb-4828c8f5cd3a" providerId="ADAL" clId="{78138B16-7BCD-AB47-9B5F-6CC7C46E94E4}" dt="2021-04-11T12:22:30.557" v="2987" actId="478"/>
          <ac:spMkLst>
            <pc:docMk/>
            <pc:sldMk cId="2384890512" sldId="630"/>
            <ac:spMk id="168" creationId="{4A832E85-63A3-2242-95A8-224006393692}"/>
          </ac:spMkLst>
        </pc:spChg>
        <pc:spChg chg="del">
          <ac:chgData name="Daly Donnacha HSLU I" userId="0f22e960-400a-43ff-baeb-4828c8f5cd3a" providerId="ADAL" clId="{78138B16-7BCD-AB47-9B5F-6CC7C46E94E4}" dt="2021-04-11T12:22:30.557" v="2987" actId="478"/>
          <ac:spMkLst>
            <pc:docMk/>
            <pc:sldMk cId="2384890512" sldId="630"/>
            <ac:spMk id="173" creationId="{598EF36C-AAA9-9143-8626-38496E10DD9C}"/>
          </ac:spMkLst>
        </pc:spChg>
        <pc:cxnChg chg="del mod">
          <ac:chgData name="Daly Donnacha HSLU I" userId="0f22e960-400a-43ff-baeb-4828c8f5cd3a" providerId="ADAL" clId="{78138B16-7BCD-AB47-9B5F-6CC7C46E94E4}" dt="2021-04-11T12:22:56.246" v="2990" actId="478"/>
          <ac:cxnSpMkLst>
            <pc:docMk/>
            <pc:sldMk cId="2384890512" sldId="630"/>
            <ac:cxnSpMk id="63" creationId="{D721ED27-2DDA-D846-BA11-3FE5337728E4}"/>
          </ac:cxnSpMkLst>
        </pc:cxnChg>
        <pc:cxnChg chg="del mod">
          <ac:chgData name="Daly Donnacha HSLU I" userId="0f22e960-400a-43ff-baeb-4828c8f5cd3a" providerId="ADAL" clId="{78138B16-7BCD-AB47-9B5F-6CC7C46E94E4}" dt="2021-04-11T12:22:56.246" v="2990" actId="478"/>
          <ac:cxnSpMkLst>
            <pc:docMk/>
            <pc:sldMk cId="2384890512" sldId="630"/>
            <ac:cxnSpMk id="66" creationId="{CD769A59-5C65-F04B-A4B8-39FD34B2F9BE}"/>
          </ac:cxnSpMkLst>
        </pc:cxnChg>
        <pc:cxnChg chg="del mod">
          <ac:chgData name="Daly Donnacha HSLU I" userId="0f22e960-400a-43ff-baeb-4828c8f5cd3a" providerId="ADAL" clId="{78138B16-7BCD-AB47-9B5F-6CC7C46E94E4}" dt="2021-04-11T12:22:56.246" v="2990" actId="478"/>
          <ac:cxnSpMkLst>
            <pc:docMk/>
            <pc:sldMk cId="2384890512" sldId="630"/>
            <ac:cxnSpMk id="69" creationId="{614CAFC1-7B2A-4E4F-950C-F93784FB0559}"/>
          </ac:cxnSpMkLst>
        </pc:cxnChg>
        <pc:cxnChg chg="del mod">
          <ac:chgData name="Daly Donnacha HSLU I" userId="0f22e960-400a-43ff-baeb-4828c8f5cd3a" providerId="ADAL" clId="{78138B16-7BCD-AB47-9B5F-6CC7C46E94E4}" dt="2021-04-11T12:22:56.246" v="2990" actId="478"/>
          <ac:cxnSpMkLst>
            <pc:docMk/>
            <pc:sldMk cId="2384890512" sldId="630"/>
            <ac:cxnSpMk id="72" creationId="{2DFD76C6-971C-8841-90B3-80EF7BC67133}"/>
          </ac:cxnSpMkLst>
        </pc:cxnChg>
        <pc:cxnChg chg="del mod">
          <ac:chgData name="Daly Donnacha HSLU I" userId="0f22e960-400a-43ff-baeb-4828c8f5cd3a" providerId="ADAL" clId="{78138B16-7BCD-AB47-9B5F-6CC7C46E94E4}" dt="2021-04-11T12:22:53.404" v="2989" actId="21"/>
          <ac:cxnSpMkLst>
            <pc:docMk/>
            <pc:sldMk cId="2384890512" sldId="630"/>
            <ac:cxnSpMk id="88" creationId="{FC7BDE5E-174F-3C40-B107-3EAFC813DF82}"/>
          </ac:cxnSpMkLst>
        </pc:cxnChg>
        <pc:cxnChg chg="del mod">
          <ac:chgData name="Daly Donnacha HSLU I" userId="0f22e960-400a-43ff-baeb-4828c8f5cd3a" providerId="ADAL" clId="{78138B16-7BCD-AB47-9B5F-6CC7C46E94E4}" dt="2021-04-11T12:22:53.404" v="2989" actId="21"/>
          <ac:cxnSpMkLst>
            <pc:docMk/>
            <pc:sldMk cId="2384890512" sldId="630"/>
            <ac:cxnSpMk id="89" creationId="{F61DF7A6-2C7F-0E43-904F-840CFF0CDB8D}"/>
          </ac:cxnSpMkLst>
        </pc:cxnChg>
        <pc:cxnChg chg="del mod">
          <ac:chgData name="Daly Donnacha HSLU I" userId="0f22e960-400a-43ff-baeb-4828c8f5cd3a" providerId="ADAL" clId="{78138B16-7BCD-AB47-9B5F-6CC7C46E94E4}" dt="2021-04-11T12:22:53.404" v="2989" actId="21"/>
          <ac:cxnSpMkLst>
            <pc:docMk/>
            <pc:sldMk cId="2384890512" sldId="630"/>
            <ac:cxnSpMk id="90" creationId="{6287091E-0708-A947-94C5-F054D1377095}"/>
          </ac:cxnSpMkLst>
        </pc:cxnChg>
        <pc:cxnChg chg="del mod">
          <ac:chgData name="Daly Donnacha HSLU I" userId="0f22e960-400a-43ff-baeb-4828c8f5cd3a" providerId="ADAL" clId="{78138B16-7BCD-AB47-9B5F-6CC7C46E94E4}" dt="2021-04-11T12:22:53.404" v="2989" actId="21"/>
          <ac:cxnSpMkLst>
            <pc:docMk/>
            <pc:sldMk cId="2384890512" sldId="630"/>
            <ac:cxnSpMk id="91" creationId="{B774556A-C6A0-9944-A49F-CAF3787C3EF5}"/>
          </ac:cxnSpMkLst>
        </pc:cxnChg>
        <pc:cxnChg chg="del">
          <ac:chgData name="Daly Donnacha HSLU I" userId="0f22e960-400a-43ff-baeb-4828c8f5cd3a" providerId="ADAL" clId="{78138B16-7BCD-AB47-9B5F-6CC7C46E94E4}" dt="2021-04-11T12:23:05.121" v="2992" actId="478"/>
          <ac:cxnSpMkLst>
            <pc:docMk/>
            <pc:sldMk cId="2384890512" sldId="630"/>
            <ac:cxnSpMk id="101" creationId="{914A5C17-3569-964D-A9DD-A1980069FA79}"/>
          </ac:cxnSpMkLst>
        </pc:cxnChg>
        <pc:cxnChg chg="del">
          <ac:chgData name="Daly Donnacha HSLU I" userId="0f22e960-400a-43ff-baeb-4828c8f5cd3a" providerId="ADAL" clId="{78138B16-7BCD-AB47-9B5F-6CC7C46E94E4}" dt="2021-04-11T12:22:30.557" v="2987" actId="478"/>
          <ac:cxnSpMkLst>
            <pc:docMk/>
            <pc:sldMk cId="2384890512" sldId="630"/>
            <ac:cxnSpMk id="102" creationId="{259BC98B-1D12-A548-89A7-D7AF73376BAC}"/>
          </ac:cxnSpMkLst>
        </pc:cxnChg>
        <pc:cxnChg chg="del mod">
          <ac:chgData name="Daly Donnacha HSLU I" userId="0f22e960-400a-43ff-baeb-4828c8f5cd3a" providerId="ADAL" clId="{78138B16-7BCD-AB47-9B5F-6CC7C46E94E4}" dt="2021-04-11T12:22:53.404" v="2989" actId="21"/>
          <ac:cxnSpMkLst>
            <pc:docMk/>
            <pc:sldMk cId="2384890512" sldId="630"/>
            <ac:cxnSpMk id="106" creationId="{CD78E2AE-B99F-6345-9D39-C4B4EFC96CE1}"/>
          </ac:cxnSpMkLst>
        </pc:cxnChg>
        <pc:cxnChg chg="add mod">
          <ac:chgData name="Daly Donnacha HSLU I" userId="0f22e960-400a-43ff-baeb-4828c8f5cd3a" providerId="ADAL" clId="{78138B16-7BCD-AB47-9B5F-6CC7C46E94E4}" dt="2021-04-11T12:22:56.605" v="2991"/>
          <ac:cxnSpMkLst>
            <pc:docMk/>
            <pc:sldMk cId="2384890512" sldId="630"/>
            <ac:cxnSpMk id="107" creationId="{61DCC206-D3FA-0044-820E-399CAA9EAA41}"/>
          </ac:cxnSpMkLst>
        </pc:cxnChg>
        <pc:cxnChg chg="add mod">
          <ac:chgData name="Daly Donnacha HSLU I" userId="0f22e960-400a-43ff-baeb-4828c8f5cd3a" providerId="ADAL" clId="{78138B16-7BCD-AB47-9B5F-6CC7C46E94E4}" dt="2021-04-11T12:22:56.605" v="2991"/>
          <ac:cxnSpMkLst>
            <pc:docMk/>
            <pc:sldMk cId="2384890512" sldId="630"/>
            <ac:cxnSpMk id="108" creationId="{8644BFD3-9A42-3747-82E1-BBBFA1EE8C47}"/>
          </ac:cxnSpMkLst>
        </pc:cxnChg>
        <pc:cxnChg chg="add mod">
          <ac:chgData name="Daly Donnacha HSLU I" userId="0f22e960-400a-43ff-baeb-4828c8f5cd3a" providerId="ADAL" clId="{78138B16-7BCD-AB47-9B5F-6CC7C46E94E4}" dt="2021-04-11T12:22:56.605" v="2991"/>
          <ac:cxnSpMkLst>
            <pc:docMk/>
            <pc:sldMk cId="2384890512" sldId="630"/>
            <ac:cxnSpMk id="109" creationId="{A23CA783-8E72-414E-8FC1-1B4908D7CFCC}"/>
          </ac:cxnSpMkLst>
        </pc:cxnChg>
        <pc:cxnChg chg="add mod">
          <ac:chgData name="Daly Donnacha HSLU I" userId="0f22e960-400a-43ff-baeb-4828c8f5cd3a" providerId="ADAL" clId="{78138B16-7BCD-AB47-9B5F-6CC7C46E94E4}" dt="2021-04-11T12:22:56.605" v="2991"/>
          <ac:cxnSpMkLst>
            <pc:docMk/>
            <pc:sldMk cId="2384890512" sldId="630"/>
            <ac:cxnSpMk id="110" creationId="{7DE01646-0D60-8348-9A95-D12ACC61DE31}"/>
          </ac:cxnSpMkLst>
        </pc:cxnChg>
        <pc:cxnChg chg="del mod">
          <ac:chgData name="Daly Donnacha HSLU I" userId="0f22e960-400a-43ff-baeb-4828c8f5cd3a" providerId="ADAL" clId="{78138B16-7BCD-AB47-9B5F-6CC7C46E94E4}" dt="2021-04-11T12:22:53.404" v="2989" actId="21"/>
          <ac:cxnSpMkLst>
            <pc:docMk/>
            <pc:sldMk cId="2384890512" sldId="630"/>
            <ac:cxnSpMk id="111" creationId="{B3AB45DC-379C-2C41-8003-F46DB1851A6F}"/>
          </ac:cxnSpMkLst>
        </pc:cxnChg>
        <pc:cxnChg chg="del mod">
          <ac:chgData name="Daly Donnacha HSLU I" userId="0f22e960-400a-43ff-baeb-4828c8f5cd3a" providerId="ADAL" clId="{78138B16-7BCD-AB47-9B5F-6CC7C46E94E4}" dt="2021-04-11T12:22:53.404" v="2989" actId="21"/>
          <ac:cxnSpMkLst>
            <pc:docMk/>
            <pc:sldMk cId="2384890512" sldId="630"/>
            <ac:cxnSpMk id="114" creationId="{4F433FD9-F1BF-DD40-9866-9281B5B03CC5}"/>
          </ac:cxnSpMkLst>
        </pc:cxnChg>
        <pc:cxnChg chg="add mod">
          <ac:chgData name="Daly Donnacha HSLU I" userId="0f22e960-400a-43ff-baeb-4828c8f5cd3a" providerId="ADAL" clId="{78138B16-7BCD-AB47-9B5F-6CC7C46E94E4}" dt="2021-04-11T12:22:56.605" v="2991"/>
          <ac:cxnSpMkLst>
            <pc:docMk/>
            <pc:sldMk cId="2384890512" sldId="630"/>
            <ac:cxnSpMk id="115" creationId="{B1AF5777-173D-C545-BDFE-2EBE41949F06}"/>
          </ac:cxnSpMkLst>
        </pc:cxnChg>
        <pc:cxnChg chg="add mod">
          <ac:chgData name="Daly Donnacha HSLU I" userId="0f22e960-400a-43ff-baeb-4828c8f5cd3a" providerId="ADAL" clId="{78138B16-7BCD-AB47-9B5F-6CC7C46E94E4}" dt="2021-04-11T12:22:56.605" v="2991"/>
          <ac:cxnSpMkLst>
            <pc:docMk/>
            <pc:sldMk cId="2384890512" sldId="630"/>
            <ac:cxnSpMk id="116" creationId="{EB53DB46-99B4-384B-A6E6-48DE95E33A87}"/>
          </ac:cxnSpMkLst>
        </pc:cxnChg>
        <pc:cxnChg chg="del mod">
          <ac:chgData name="Daly Donnacha HSLU I" userId="0f22e960-400a-43ff-baeb-4828c8f5cd3a" providerId="ADAL" clId="{78138B16-7BCD-AB47-9B5F-6CC7C46E94E4}" dt="2021-04-11T12:22:53.404" v="2989" actId="21"/>
          <ac:cxnSpMkLst>
            <pc:docMk/>
            <pc:sldMk cId="2384890512" sldId="630"/>
            <ac:cxnSpMk id="117" creationId="{2B6E1C68-3A4A-8245-BABE-A50F6D392B70}"/>
          </ac:cxnSpMkLst>
        </pc:cxnChg>
        <pc:cxnChg chg="add mod">
          <ac:chgData name="Daly Donnacha HSLU I" userId="0f22e960-400a-43ff-baeb-4828c8f5cd3a" providerId="ADAL" clId="{78138B16-7BCD-AB47-9B5F-6CC7C46E94E4}" dt="2021-04-11T12:22:56.605" v="2991"/>
          <ac:cxnSpMkLst>
            <pc:docMk/>
            <pc:sldMk cId="2384890512" sldId="630"/>
            <ac:cxnSpMk id="118" creationId="{C70F1447-EECB-DA4E-B83A-0B70F98A8A57}"/>
          </ac:cxnSpMkLst>
        </pc:cxnChg>
        <pc:cxnChg chg="add mod">
          <ac:chgData name="Daly Donnacha HSLU I" userId="0f22e960-400a-43ff-baeb-4828c8f5cd3a" providerId="ADAL" clId="{78138B16-7BCD-AB47-9B5F-6CC7C46E94E4}" dt="2021-04-11T12:22:56.605" v="2991"/>
          <ac:cxnSpMkLst>
            <pc:docMk/>
            <pc:sldMk cId="2384890512" sldId="630"/>
            <ac:cxnSpMk id="119" creationId="{12E5BC43-68A6-2D4A-B9F1-D3B706E1D086}"/>
          </ac:cxnSpMkLst>
        </pc:cxnChg>
        <pc:cxnChg chg="del mod">
          <ac:chgData name="Daly Donnacha HSLU I" userId="0f22e960-400a-43ff-baeb-4828c8f5cd3a" providerId="ADAL" clId="{78138B16-7BCD-AB47-9B5F-6CC7C46E94E4}" dt="2021-04-11T12:22:30.557" v="2987" actId="478"/>
          <ac:cxnSpMkLst>
            <pc:docMk/>
            <pc:sldMk cId="2384890512" sldId="630"/>
            <ac:cxnSpMk id="128" creationId="{9635C95F-A518-A547-9CAA-CA410CFCCA62}"/>
          </ac:cxnSpMkLst>
        </pc:cxnChg>
        <pc:cxnChg chg="del mod">
          <ac:chgData name="Daly Donnacha HSLU I" userId="0f22e960-400a-43ff-baeb-4828c8f5cd3a" providerId="ADAL" clId="{78138B16-7BCD-AB47-9B5F-6CC7C46E94E4}" dt="2021-04-11T12:22:30.557" v="2987" actId="478"/>
          <ac:cxnSpMkLst>
            <pc:docMk/>
            <pc:sldMk cId="2384890512" sldId="630"/>
            <ac:cxnSpMk id="129" creationId="{84A43D52-46E6-694C-9699-F61F77AAFCBA}"/>
          </ac:cxnSpMkLst>
        </pc:cxnChg>
        <pc:cxnChg chg="del mod">
          <ac:chgData name="Daly Donnacha HSLU I" userId="0f22e960-400a-43ff-baeb-4828c8f5cd3a" providerId="ADAL" clId="{78138B16-7BCD-AB47-9B5F-6CC7C46E94E4}" dt="2021-04-11T12:22:30.557" v="2987" actId="478"/>
          <ac:cxnSpMkLst>
            <pc:docMk/>
            <pc:sldMk cId="2384890512" sldId="630"/>
            <ac:cxnSpMk id="130" creationId="{3051CFE4-BB5D-5545-AFF9-BCAFA3737F81}"/>
          </ac:cxnSpMkLst>
        </pc:cxnChg>
        <pc:cxnChg chg="del mod">
          <ac:chgData name="Daly Donnacha HSLU I" userId="0f22e960-400a-43ff-baeb-4828c8f5cd3a" providerId="ADAL" clId="{78138B16-7BCD-AB47-9B5F-6CC7C46E94E4}" dt="2021-04-11T12:22:30.557" v="2987" actId="478"/>
          <ac:cxnSpMkLst>
            <pc:docMk/>
            <pc:sldMk cId="2384890512" sldId="630"/>
            <ac:cxnSpMk id="131" creationId="{1AA4CC02-431C-6B4E-AD6A-6954A42745BD}"/>
          </ac:cxnSpMkLst>
        </pc:cxnChg>
        <pc:cxnChg chg="del mod">
          <ac:chgData name="Daly Donnacha HSLU I" userId="0f22e960-400a-43ff-baeb-4828c8f5cd3a" providerId="ADAL" clId="{78138B16-7BCD-AB47-9B5F-6CC7C46E94E4}" dt="2021-04-11T12:22:30.557" v="2987" actId="478"/>
          <ac:cxnSpMkLst>
            <pc:docMk/>
            <pc:sldMk cId="2384890512" sldId="630"/>
            <ac:cxnSpMk id="134" creationId="{6DA05FDC-0013-434D-939C-491C8A7F9CDD}"/>
          </ac:cxnSpMkLst>
        </pc:cxnChg>
        <pc:cxnChg chg="del mod">
          <ac:chgData name="Daly Donnacha HSLU I" userId="0f22e960-400a-43ff-baeb-4828c8f5cd3a" providerId="ADAL" clId="{78138B16-7BCD-AB47-9B5F-6CC7C46E94E4}" dt="2021-04-11T12:22:30.557" v="2987" actId="478"/>
          <ac:cxnSpMkLst>
            <pc:docMk/>
            <pc:sldMk cId="2384890512" sldId="630"/>
            <ac:cxnSpMk id="135" creationId="{C9895C1C-B0E2-F44E-954B-ECC978C6632E}"/>
          </ac:cxnSpMkLst>
        </pc:cxnChg>
        <pc:cxnChg chg="del mod">
          <ac:chgData name="Daly Donnacha HSLU I" userId="0f22e960-400a-43ff-baeb-4828c8f5cd3a" providerId="ADAL" clId="{78138B16-7BCD-AB47-9B5F-6CC7C46E94E4}" dt="2021-04-11T12:22:30.557" v="2987" actId="478"/>
          <ac:cxnSpMkLst>
            <pc:docMk/>
            <pc:sldMk cId="2384890512" sldId="630"/>
            <ac:cxnSpMk id="136" creationId="{A9DCFA5D-BE0B-264F-81D4-2A31BB2F8CF5}"/>
          </ac:cxnSpMkLst>
        </pc:cxnChg>
        <pc:cxnChg chg="del mod">
          <ac:chgData name="Daly Donnacha HSLU I" userId="0f22e960-400a-43ff-baeb-4828c8f5cd3a" providerId="ADAL" clId="{78138B16-7BCD-AB47-9B5F-6CC7C46E94E4}" dt="2021-04-11T12:22:30.557" v="2987" actId="478"/>
          <ac:cxnSpMkLst>
            <pc:docMk/>
            <pc:sldMk cId="2384890512" sldId="630"/>
            <ac:cxnSpMk id="137" creationId="{A4EA7E17-B508-AA4A-AFCF-A65D7A5EF5E5}"/>
          </ac:cxnSpMkLst>
        </pc:cxnChg>
        <pc:cxnChg chg="del mod">
          <ac:chgData name="Daly Donnacha HSLU I" userId="0f22e960-400a-43ff-baeb-4828c8f5cd3a" providerId="ADAL" clId="{78138B16-7BCD-AB47-9B5F-6CC7C46E94E4}" dt="2021-04-11T12:22:30.557" v="2987" actId="478"/>
          <ac:cxnSpMkLst>
            <pc:docMk/>
            <pc:sldMk cId="2384890512" sldId="630"/>
            <ac:cxnSpMk id="146" creationId="{76257A0A-4C59-F640-9CBB-8E7BBBD4056C}"/>
          </ac:cxnSpMkLst>
        </pc:cxnChg>
        <pc:cxnChg chg="del mod">
          <ac:chgData name="Daly Donnacha HSLU I" userId="0f22e960-400a-43ff-baeb-4828c8f5cd3a" providerId="ADAL" clId="{78138B16-7BCD-AB47-9B5F-6CC7C46E94E4}" dt="2021-04-11T12:22:30.557" v="2987" actId="478"/>
          <ac:cxnSpMkLst>
            <pc:docMk/>
            <pc:sldMk cId="2384890512" sldId="630"/>
            <ac:cxnSpMk id="149" creationId="{8AC93DC0-6776-7A46-8A4A-B550C4A6FC63}"/>
          </ac:cxnSpMkLst>
        </pc:cxnChg>
        <pc:cxnChg chg="del mod">
          <ac:chgData name="Daly Donnacha HSLU I" userId="0f22e960-400a-43ff-baeb-4828c8f5cd3a" providerId="ADAL" clId="{78138B16-7BCD-AB47-9B5F-6CC7C46E94E4}" dt="2021-04-11T12:22:30.557" v="2987" actId="478"/>
          <ac:cxnSpMkLst>
            <pc:docMk/>
            <pc:sldMk cId="2384890512" sldId="630"/>
            <ac:cxnSpMk id="152" creationId="{054AD547-59CF-DE46-9634-9D3AB8419958}"/>
          </ac:cxnSpMkLst>
        </pc:cxnChg>
        <pc:cxnChg chg="del mod">
          <ac:chgData name="Daly Donnacha HSLU I" userId="0f22e960-400a-43ff-baeb-4828c8f5cd3a" providerId="ADAL" clId="{78138B16-7BCD-AB47-9B5F-6CC7C46E94E4}" dt="2021-04-11T12:22:30.557" v="2987" actId="478"/>
          <ac:cxnSpMkLst>
            <pc:docMk/>
            <pc:sldMk cId="2384890512" sldId="630"/>
            <ac:cxnSpMk id="155" creationId="{469FF2B8-E97E-004C-BE6C-D3A036B279C1}"/>
          </ac:cxnSpMkLst>
        </pc:cxnChg>
        <pc:cxnChg chg="del mod">
          <ac:chgData name="Daly Donnacha HSLU I" userId="0f22e960-400a-43ff-baeb-4828c8f5cd3a" providerId="ADAL" clId="{78138B16-7BCD-AB47-9B5F-6CC7C46E94E4}" dt="2021-04-11T12:22:30.557" v="2987" actId="478"/>
          <ac:cxnSpMkLst>
            <pc:docMk/>
            <pc:sldMk cId="2384890512" sldId="630"/>
            <ac:cxnSpMk id="163" creationId="{0F6465EB-6CFA-874F-A558-C6461FDDE80F}"/>
          </ac:cxnSpMkLst>
        </pc:cxnChg>
        <pc:cxnChg chg="del mod">
          <ac:chgData name="Daly Donnacha HSLU I" userId="0f22e960-400a-43ff-baeb-4828c8f5cd3a" providerId="ADAL" clId="{78138B16-7BCD-AB47-9B5F-6CC7C46E94E4}" dt="2021-04-11T12:22:30.557" v="2987" actId="478"/>
          <ac:cxnSpMkLst>
            <pc:docMk/>
            <pc:sldMk cId="2384890512" sldId="630"/>
            <ac:cxnSpMk id="170" creationId="{E05AB84F-CBBA-004C-A2BC-B544FDF774CE}"/>
          </ac:cxnSpMkLst>
        </pc:cxnChg>
      </pc:sldChg>
      <pc:sldChg chg="addSp delSp modSp add mod">
        <pc:chgData name="Daly Donnacha HSLU I" userId="0f22e960-400a-43ff-baeb-4828c8f5cd3a" providerId="ADAL" clId="{78138B16-7BCD-AB47-9B5F-6CC7C46E94E4}" dt="2021-04-11T12:36:56.526" v="3347" actId="478"/>
        <pc:sldMkLst>
          <pc:docMk/>
          <pc:sldMk cId="4223653003" sldId="631"/>
        </pc:sldMkLst>
        <pc:spChg chg="mod">
          <ac:chgData name="Daly Donnacha HSLU I" userId="0f22e960-400a-43ff-baeb-4828c8f5cd3a" providerId="ADAL" clId="{78138B16-7BCD-AB47-9B5F-6CC7C46E94E4}" dt="2021-04-11T12:27:55.028" v="3096" actId="6549"/>
          <ac:spMkLst>
            <pc:docMk/>
            <pc:sldMk cId="4223653003" sldId="631"/>
            <ac:spMk id="2" creationId="{28E04854-0B4A-504D-B73B-051D3DD0C61A}"/>
          </ac:spMkLst>
        </pc:spChg>
        <pc:spChg chg="add mod">
          <ac:chgData name="Daly Donnacha HSLU I" userId="0f22e960-400a-43ff-baeb-4828c8f5cd3a" providerId="ADAL" clId="{78138B16-7BCD-AB47-9B5F-6CC7C46E94E4}" dt="2021-04-11T12:31:56.909" v="3182" actId="2085"/>
          <ac:spMkLst>
            <pc:docMk/>
            <pc:sldMk cId="4223653003" sldId="631"/>
            <ac:spMk id="3" creationId="{15139CBB-D73D-4846-907E-089AF746FD2A}"/>
          </ac:spMkLst>
        </pc:spChg>
        <pc:spChg chg="del">
          <ac:chgData name="Daly Donnacha HSLU I" userId="0f22e960-400a-43ff-baeb-4828c8f5cd3a" providerId="ADAL" clId="{78138B16-7BCD-AB47-9B5F-6CC7C46E94E4}" dt="2021-04-11T12:28:35.738" v="3103" actId="478"/>
          <ac:spMkLst>
            <pc:docMk/>
            <pc:sldMk cId="4223653003" sldId="631"/>
            <ac:spMk id="4" creationId="{E656A6C4-F0EB-A146-B6F5-6E751C8742D1}"/>
          </ac:spMkLst>
        </pc:spChg>
        <pc:spChg chg="del">
          <ac:chgData name="Daly Donnacha HSLU I" userId="0f22e960-400a-43ff-baeb-4828c8f5cd3a" providerId="ADAL" clId="{78138B16-7BCD-AB47-9B5F-6CC7C46E94E4}" dt="2021-04-11T12:28:35.738" v="3103" actId="478"/>
          <ac:spMkLst>
            <pc:docMk/>
            <pc:sldMk cId="4223653003" sldId="631"/>
            <ac:spMk id="16" creationId="{998CEC81-B724-564E-BEBD-0B747310E790}"/>
          </ac:spMkLst>
        </pc:spChg>
        <pc:spChg chg="del">
          <ac:chgData name="Daly Donnacha HSLU I" userId="0f22e960-400a-43ff-baeb-4828c8f5cd3a" providerId="ADAL" clId="{78138B16-7BCD-AB47-9B5F-6CC7C46E94E4}" dt="2021-04-11T12:28:35.738" v="3103" actId="478"/>
          <ac:spMkLst>
            <pc:docMk/>
            <pc:sldMk cId="4223653003" sldId="631"/>
            <ac:spMk id="17" creationId="{05C08631-B6B7-9D4C-A8DC-C1077121116B}"/>
          </ac:spMkLst>
        </pc:spChg>
        <pc:spChg chg="del">
          <ac:chgData name="Daly Donnacha HSLU I" userId="0f22e960-400a-43ff-baeb-4828c8f5cd3a" providerId="ADAL" clId="{78138B16-7BCD-AB47-9B5F-6CC7C46E94E4}" dt="2021-04-11T12:28:35.738" v="3103" actId="478"/>
          <ac:spMkLst>
            <pc:docMk/>
            <pc:sldMk cId="4223653003" sldId="631"/>
            <ac:spMk id="18" creationId="{C4920572-AF28-5947-84FC-EE6B3AF2889C}"/>
          </ac:spMkLst>
        </pc:spChg>
        <pc:spChg chg="del">
          <ac:chgData name="Daly Donnacha HSLU I" userId="0f22e960-400a-43ff-baeb-4828c8f5cd3a" providerId="ADAL" clId="{78138B16-7BCD-AB47-9B5F-6CC7C46E94E4}" dt="2021-04-11T12:28:35.738" v="3103" actId="478"/>
          <ac:spMkLst>
            <pc:docMk/>
            <pc:sldMk cId="4223653003" sldId="631"/>
            <ac:spMk id="20" creationId="{E1176F82-151D-7C46-B934-B7E5C601754D}"/>
          </ac:spMkLst>
        </pc:spChg>
        <pc:spChg chg="del">
          <ac:chgData name="Daly Donnacha HSLU I" userId="0f22e960-400a-43ff-baeb-4828c8f5cd3a" providerId="ADAL" clId="{78138B16-7BCD-AB47-9B5F-6CC7C46E94E4}" dt="2021-04-11T12:27:59.852" v="3097" actId="478"/>
          <ac:spMkLst>
            <pc:docMk/>
            <pc:sldMk cId="4223653003" sldId="631"/>
            <ac:spMk id="32" creationId="{1C87B031-D470-5543-9DD3-62B79C4D375C}"/>
          </ac:spMkLst>
        </pc:spChg>
        <pc:spChg chg="del">
          <ac:chgData name="Daly Donnacha HSLU I" userId="0f22e960-400a-43ff-baeb-4828c8f5cd3a" providerId="ADAL" clId="{78138B16-7BCD-AB47-9B5F-6CC7C46E94E4}" dt="2021-04-11T12:28:04.981" v="3098" actId="478"/>
          <ac:spMkLst>
            <pc:docMk/>
            <pc:sldMk cId="4223653003" sldId="631"/>
            <ac:spMk id="39" creationId="{CB48A203-9B57-BA4F-85FA-DAB01E5CEE0B}"/>
          </ac:spMkLst>
        </pc:spChg>
        <pc:spChg chg="del">
          <ac:chgData name="Daly Donnacha HSLU I" userId="0f22e960-400a-43ff-baeb-4828c8f5cd3a" providerId="ADAL" clId="{78138B16-7BCD-AB47-9B5F-6CC7C46E94E4}" dt="2021-04-11T12:28:35.738" v="3103" actId="478"/>
          <ac:spMkLst>
            <pc:docMk/>
            <pc:sldMk cId="4223653003" sldId="631"/>
            <ac:spMk id="40" creationId="{015ED710-8D38-5C45-9A5C-D19347D59AF6}"/>
          </ac:spMkLst>
        </pc:spChg>
        <pc:spChg chg="del">
          <ac:chgData name="Daly Donnacha HSLU I" userId="0f22e960-400a-43ff-baeb-4828c8f5cd3a" providerId="ADAL" clId="{78138B16-7BCD-AB47-9B5F-6CC7C46E94E4}" dt="2021-04-11T12:28:35.738" v="3103" actId="478"/>
          <ac:spMkLst>
            <pc:docMk/>
            <pc:sldMk cId="4223653003" sldId="631"/>
            <ac:spMk id="55" creationId="{9ED79956-C51A-C84B-A7A7-608AE7610B82}"/>
          </ac:spMkLst>
        </pc:spChg>
        <pc:spChg chg="del">
          <ac:chgData name="Daly Donnacha HSLU I" userId="0f22e960-400a-43ff-baeb-4828c8f5cd3a" providerId="ADAL" clId="{78138B16-7BCD-AB47-9B5F-6CC7C46E94E4}" dt="2021-04-11T12:28:35.738" v="3103" actId="478"/>
          <ac:spMkLst>
            <pc:docMk/>
            <pc:sldMk cId="4223653003" sldId="631"/>
            <ac:spMk id="76" creationId="{F5899C3A-A2B4-144F-8366-52C98F3CC4EC}"/>
          </ac:spMkLst>
        </pc:spChg>
        <pc:spChg chg="del">
          <ac:chgData name="Daly Donnacha HSLU I" userId="0f22e960-400a-43ff-baeb-4828c8f5cd3a" providerId="ADAL" clId="{78138B16-7BCD-AB47-9B5F-6CC7C46E94E4}" dt="2021-04-11T12:28:35.738" v="3103" actId="478"/>
          <ac:spMkLst>
            <pc:docMk/>
            <pc:sldMk cId="4223653003" sldId="631"/>
            <ac:spMk id="77" creationId="{4A7AEC4E-5843-3E46-99B7-73E1A8D0CEBC}"/>
          </ac:spMkLst>
        </pc:spChg>
        <pc:spChg chg="del">
          <ac:chgData name="Daly Donnacha HSLU I" userId="0f22e960-400a-43ff-baeb-4828c8f5cd3a" providerId="ADAL" clId="{78138B16-7BCD-AB47-9B5F-6CC7C46E94E4}" dt="2021-04-11T12:28:12.758" v="3100" actId="478"/>
          <ac:spMkLst>
            <pc:docMk/>
            <pc:sldMk cId="4223653003" sldId="631"/>
            <ac:spMk id="80" creationId="{F723C952-7756-8140-B74E-BCF242352C59}"/>
          </ac:spMkLst>
        </pc:spChg>
        <pc:spChg chg="del">
          <ac:chgData name="Daly Donnacha HSLU I" userId="0f22e960-400a-43ff-baeb-4828c8f5cd3a" providerId="ADAL" clId="{78138B16-7BCD-AB47-9B5F-6CC7C46E94E4}" dt="2021-04-11T12:28:12.758" v="3100" actId="478"/>
          <ac:spMkLst>
            <pc:docMk/>
            <pc:sldMk cId="4223653003" sldId="631"/>
            <ac:spMk id="81" creationId="{2001BAF9-CAF8-F643-8F23-047C4BD0763C}"/>
          </ac:spMkLst>
        </pc:spChg>
        <pc:spChg chg="del">
          <ac:chgData name="Daly Donnacha HSLU I" userId="0f22e960-400a-43ff-baeb-4828c8f5cd3a" providerId="ADAL" clId="{78138B16-7BCD-AB47-9B5F-6CC7C46E94E4}" dt="2021-04-11T12:28:12.758" v="3100" actId="478"/>
          <ac:spMkLst>
            <pc:docMk/>
            <pc:sldMk cId="4223653003" sldId="631"/>
            <ac:spMk id="82" creationId="{733B72BD-4DE6-D841-A00B-5581F9FC17E0}"/>
          </ac:spMkLst>
        </pc:spChg>
        <pc:spChg chg="del">
          <ac:chgData name="Daly Donnacha HSLU I" userId="0f22e960-400a-43ff-baeb-4828c8f5cd3a" providerId="ADAL" clId="{78138B16-7BCD-AB47-9B5F-6CC7C46E94E4}" dt="2021-04-11T12:28:12.758" v="3100" actId="478"/>
          <ac:spMkLst>
            <pc:docMk/>
            <pc:sldMk cId="4223653003" sldId="631"/>
            <ac:spMk id="83" creationId="{C0D706DD-A989-9449-B97F-34CB8E77491F}"/>
          </ac:spMkLst>
        </pc:spChg>
        <pc:spChg chg="add mod">
          <ac:chgData name="Daly Donnacha HSLU I" userId="0f22e960-400a-43ff-baeb-4828c8f5cd3a" providerId="ADAL" clId="{78138B16-7BCD-AB47-9B5F-6CC7C46E94E4}" dt="2021-04-11T12:28:36.046" v="3104"/>
          <ac:spMkLst>
            <pc:docMk/>
            <pc:sldMk cId="4223653003" sldId="631"/>
            <ac:spMk id="84" creationId="{EAC423DB-52E3-F246-A75C-DB7899F99E4D}"/>
          </ac:spMkLst>
        </pc:spChg>
        <pc:spChg chg="del">
          <ac:chgData name="Daly Donnacha HSLU I" userId="0f22e960-400a-43ff-baeb-4828c8f5cd3a" providerId="ADAL" clId="{78138B16-7BCD-AB47-9B5F-6CC7C46E94E4}" dt="2021-04-11T12:27:59.852" v="3097" actId="478"/>
          <ac:spMkLst>
            <pc:docMk/>
            <pc:sldMk cId="4223653003" sldId="631"/>
            <ac:spMk id="85" creationId="{3D476AB8-CAAC-A844-B9F3-E41FB73F2218}"/>
          </ac:spMkLst>
        </pc:spChg>
        <pc:spChg chg="del">
          <ac:chgData name="Daly Donnacha HSLU I" userId="0f22e960-400a-43ff-baeb-4828c8f5cd3a" providerId="ADAL" clId="{78138B16-7BCD-AB47-9B5F-6CC7C46E94E4}" dt="2021-04-11T12:28:04.981" v="3098" actId="478"/>
          <ac:spMkLst>
            <pc:docMk/>
            <pc:sldMk cId="4223653003" sldId="631"/>
            <ac:spMk id="86" creationId="{DB72AA79-9F1E-0B4A-8A56-17C1F7A543AE}"/>
          </ac:spMkLst>
        </pc:spChg>
        <pc:spChg chg="del">
          <ac:chgData name="Daly Donnacha HSLU I" userId="0f22e960-400a-43ff-baeb-4828c8f5cd3a" providerId="ADAL" clId="{78138B16-7BCD-AB47-9B5F-6CC7C46E94E4}" dt="2021-04-11T12:28:12.758" v="3100" actId="478"/>
          <ac:spMkLst>
            <pc:docMk/>
            <pc:sldMk cId="4223653003" sldId="631"/>
            <ac:spMk id="87" creationId="{8853EFD7-298E-8A4D-9599-7A549E6B5275}"/>
          </ac:spMkLst>
        </pc:spChg>
        <pc:spChg chg="del">
          <ac:chgData name="Daly Donnacha HSLU I" userId="0f22e960-400a-43ff-baeb-4828c8f5cd3a" providerId="ADAL" clId="{78138B16-7BCD-AB47-9B5F-6CC7C46E94E4}" dt="2021-04-11T12:28:12.758" v="3100" actId="478"/>
          <ac:spMkLst>
            <pc:docMk/>
            <pc:sldMk cId="4223653003" sldId="631"/>
            <ac:spMk id="92" creationId="{E78EE785-70E1-BB44-90E0-E5F3C86C7DB6}"/>
          </ac:spMkLst>
        </pc:spChg>
        <pc:spChg chg="add mod">
          <ac:chgData name="Daly Donnacha HSLU I" userId="0f22e960-400a-43ff-baeb-4828c8f5cd3a" providerId="ADAL" clId="{78138B16-7BCD-AB47-9B5F-6CC7C46E94E4}" dt="2021-04-11T12:28:36.046" v="3104"/>
          <ac:spMkLst>
            <pc:docMk/>
            <pc:sldMk cId="4223653003" sldId="631"/>
            <ac:spMk id="93" creationId="{10EFB6D0-14F4-A94F-83F6-A10DE43CC607}"/>
          </ac:spMkLst>
        </pc:spChg>
        <pc:spChg chg="add mod">
          <ac:chgData name="Daly Donnacha HSLU I" userId="0f22e960-400a-43ff-baeb-4828c8f5cd3a" providerId="ADAL" clId="{78138B16-7BCD-AB47-9B5F-6CC7C46E94E4}" dt="2021-04-11T12:28:36.046" v="3104"/>
          <ac:spMkLst>
            <pc:docMk/>
            <pc:sldMk cId="4223653003" sldId="631"/>
            <ac:spMk id="94" creationId="{B07213E3-6848-EF41-A8D7-FFD7F04CE818}"/>
          </ac:spMkLst>
        </pc:spChg>
        <pc:spChg chg="del">
          <ac:chgData name="Daly Donnacha HSLU I" userId="0f22e960-400a-43ff-baeb-4828c8f5cd3a" providerId="ADAL" clId="{78138B16-7BCD-AB47-9B5F-6CC7C46E94E4}" dt="2021-04-11T12:27:59.852" v="3097" actId="478"/>
          <ac:spMkLst>
            <pc:docMk/>
            <pc:sldMk cId="4223653003" sldId="631"/>
            <ac:spMk id="95" creationId="{09E3020D-3A54-5A4A-8F05-7B0450F11864}"/>
          </ac:spMkLst>
        </pc:spChg>
        <pc:spChg chg="del">
          <ac:chgData name="Daly Donnacha HSLU I" userId="0f22e960-400a-43ff-baeb-4828c8f5cd3a" providerId="ADAL" clId="{78138B16-7BCD-AB47-9B5F-6CC7C46E94E4}" dt="2021-04-11T12:27:59.852" v="3097" actId="478"/>
          <ac:spMkLst>
            <pc:docMk/>
            <pc:sldMk cId="4223653003" sldId="631"/>
            <ac:spMk id="96" creationId="{F0BAC611-9FB3-EA4D-8EA6-730E3F3A66A0}"/>
          </ac:spMkLst>
        </pc:spChg>
        <pc:spChg chg="del">
          <ac:chgData name="Daly Donnacha HSLU I" userId="0f22e960-400a-43ff-baeb-4828c8f5cd3a" providerId="ADAL" clId="{78138B16-7BCD-AB47-9B5F-6CC7C46E94E4}" dt="2021-04-11T12:27:59.852" v="3097" actId="478"/>
          <ac:spMkLst>
            <pc:docMk/>
            <pc:sldMk cId="4223653003" sldId="631"/>
            <ac:spMk id="97" creationId="{C94FFA52-90EB-7844-B61D-F84D26E8A480}"/>
          </ac:spMkLst>
        </pc:spChg>
        <pc:spChg chg="del">
          <ac:chgData name="Daly Donnacha HSLU I" userId="0f22e960-400a-43ff-baeb-4828c8f5cd3a" providerId="ADAL" clId="{78138B16-7BCD-AB47-9B5F-6CC7C46E94E4}" dt="2021-04-11T12:28:08.864" v="3099" actId="478"/>
          <ac:spMkLst>
            <pc:docMk/>
            <pc:sldMk cId="4223653003" sldId="631"/>
            <ac:spMk id="98" creationId="{26BE2F0B-6674-1943-9CC3-8A9B2E97B0C0}"/>
          </ac:spMkLst>
        </pc:spChg>
        <pc:spChg chg="del">
          <ac:chgData name="Daly Donnacha HSLU I" userId="0f22e960-400a-43ff-baeb-4828c8f5cd3a" providerId="ADAL" clId="{78138B16-7BCD-AB47-9B5F-6CC7C46E94E4}" dt="2021-04-11T12:28:08.864" v="3099" actId="478"/>
          <ac:spMkLst>
            <pc:docMk/>
            <pc:sldMk cId="4223653003" sldId="631"/>
            <ac:spMk id="99" creationId="{96E427E6-EFCD-0B46-8EE1-89B2B4AD4854}"/>
          </ac:spMkLst>
        </pc:spChg>
        <pc:spChg chg="add mod">
          <ac:chgData name="Daly Donnacha HSLU I" userId="0f22e960-400a-43ff-baeb-4828c8f5cd3a" providerId="ADAL" clId="{78138B16-7BCD-AB47-9B5F-6CC7C46E94E4}" dt="2021-04-11T12:28:36.046" v="3104"/>
          <ac:spMkLst>
            <pc:docMk/>
            <pc:sldMk cId="4223653003" sldId="631"/>
            <ac:spMk id="100" creationId="{71EC1DFD-2448-BD45-9BD0-66C329BA8EFA}"/>
          </ac:spMkLst>
        </pc:spChg>
        <pc:spChg chg="del">
          <ac:chgData name="Daly Donnacha HSLU I" userId="0f22e960-400a-43ff-baeb-4828c8f5cd3a" providerId="ADAL" clId="{78138B16-7BCD-AB47-9B5F-6CC7C46E94E4}" dt="2021-04-11T12:28:12.758" v="3100" actId="478"/>
          <ac:spMkLst>
            <pc:docMk/>
            <pc:sldMk cId="4223653003" sldId="631"/>
            <ac:spMk id="103" creationId="{8F832DCD-AC6B-3743-8644-EB7C84CA16EF}"/>
          </ac:spMkLst>
        </pc:spChg>
        <pc:spChg chg="del">
          <ac:chgData name="Daly Donnacha HSLU I" userId="0f22e960-400a-43ff-baeb-4828c8f5cd3a" providerId="ADAL" clId="{78138B16-7BCD-AB47-9B5F-6CC7C46E94E4}" dt="2021-04-11T12:28:04.981" v="3098" actId="478"/>
          <ac:spMkLst>
            <pc:docMk/>
            <pc:sldMk cId="4223653003" sldId="631"/>
            <ac:spMk id="104" creationId="{9548BA4F-DC76-0B46-AF70-02E4B66D68FC}"/>
          </ac:spMkLst>
        </pc:spChg>
        <pc:spChg chg="del">
          <ac:chgData name="Daly Donnacha HSLU I" userId="0f22e960-400a-43ff-baeb-4828c8f5cd3a" providerId="ADAL" clId="{78138B16-7BCD-AB47-9B5F-6CC7C46E94E4}" dt="2021-04-11T12:28:12.758" v="3100" actId="478"/>
          <ac:spMkLst>
            <pc:docMk/>
            <pc:sldMk cId="4223653003" sldId="631"/>
            <ac:spMk id="105" creationId="{B3A4DE07-C3B9-8F42-993A-5FD05EDBDD67}"/>
          </ac:spMkLst>
        </pc:spChg>
        <pc:spChg chg="add mod">
          <ac:chgData name="Daly Donnacha HSLU I" userId="0f22e960-400a-43ff-baeb-4828c8f5cd3a" providerId="ADAL" clId="{78138B16-7BCD-AB47-9B5F-6CC7C46E94E4}" dt="2021-04-11T12:28:36.046" v="3104"/>
          <ac:spMkLst>
            <pc:docMk/>
            <pc:sldMk cId="4223653003" sldId="631"/>
            <ac:spMk id="112" creationId="{59CB6487-E8B4-9942-B2C1-7DC8291E9CEE}"/>
          </ac:spMkLst>
        </pc:spChg>
        <pc:spChg chg="add mod">
          <ac:chgData name="Daly Donnacha HSLU I" userId="0f22e960-400a-43ff-baeb-4828c8f5cd3a" providerId="ADAL" clId="{78138B16-7BCD-AB47-9B5F-6CC7C46E94E4}" dt="2021-04-11T12:28:36.046" v="3104"/>
          <ac:spMkLst>
            <pc:docMk/>
            <pc:sldMk cId="4223653003" sldId="631"/>
            <ac:spMk id="113" creationId="{9CF8B6E0-94FE-BA44-9FC4-F167220BD3C6}"/>
          </ac:spMkLst>
        </pc:spChg>
        <pc:spChg chg="del">
          <ac:chgData name="Daly Donnacha HSLU I" userId="0f22e960-400a-43ff-baeb-4828c8f5cd3a" providerId="ADAL" clId="{78138B16-7BCD-AB47-9B5F-6CC7C46E94E4}" dt="2021-04-11T12:28:12.758" v="3100" actId="478"/>
          <ac:spMkLst>
            <pc:docMk/>
            <pc:sldMk cId="4223653003" sldId="631"/>
            <ac:spMk id="120" creationId="{50EFDAB7-B551-5E4C-95BC-49E6255C6E0B}"/>
          </ac:spMkLst>
        </pc:spChg>
        <pc:spChg chg="del">
          <ac:chgData name="Daly Donnacha HSLU I" userId="0f22e960-400a-43ff-baeb-4828c8f5cd3a" providerId="ADAL" clId="{78138B16-7BCD-AB47-9B5F-6CC7C46E94E4}" dt="2021-04-11T12:28:12.758" v="3100" actId="478"/>
          <ac:spMkLst>
            <pc:docMk/>
            <pc:sldMk cId="4223653003" sldId="631"/>
            <ac:spMk id="121" creationId="{29E6EA59-F063-AF46-8A33-5AA58B97327D}"/>
          </ac:spMkLst>
        </pc:spChg>
        <pc:spChg chg="del">
          <ac:chgData name="Daly Donnacha HSLU I" userId="0f22e960-400a-43ff-baeb-4828c8f5cd3a" providerId="ADAL" clId="{78138B16-7BCD-AB47-9B5F-6CC7C46E94E4}" dt="2021-04-11T12:28:08.864" v="3099" actId="478"/>
          <ac:spMkLst>
            <pc:docMk/>
            <pc:sldMk cId="4223653003" sldId="631"/>
            <ac:spMk id="122" creationId="{EF4E5E94-4737-EB4F-B0EC-C8A575091FBE}"/>
          </ac:spMkLst>
        </pc:spChg>
        <pc:spChg chg="del">
          <ac:chgData name="Daly Donnacha HSLU I" userId="0f22e960-400a-43ff-baeb-4828c8f5cd3a" providerId="ADAL" clId="{78138B16-7BCD-AB47-9B5F-6CC7C46E94E4}" dt="2021-04-11T12:28:08.864" v="3099" actId="478"/>
          <ac:spMkLst>
            <pc:docMk/>
            <pc:sldMk cId="4223653003" sldId="631"/>
            <ac:spMk id="123" creationId="{B17618F3-895E-244B-9E22-8CBEEA318DF4}"/>
          </ac:spMkLst>
        </pc:spChg>
        <pc:spChg chg="del mod">
          <ac:chgData name="Daly Donnacha HSLU I" userId="0f22e960-400a-43ff-baeb-4828c8f5cd3a" providerId="ADAL" clId="{78138B16-7BCD-AB47-9B5F-6CC7C46E94E4}" dt="2021-04-11T12:28:33.648" v="3102" actId="21"/>
          <ac:spMkLst>
            <pc:docMk/>
            <pc:sldMk cId="4223653003" sldId="631"/>
            <ac:spMk id="124" creationId="{953E44EB-C502-F449-9670-96E5C43907A0}"/>
          </ac:spMkLst>
        </pc:spChg>
        <pc:spChg chg="del mod">
          <ac:chgData name="Daly Donnacha HSLU I" userId="0f22e960-400a-43ff-baeb-4828c8f5cd3a" providerId="ADAL" clId="{78138B16-7BCD-AB47-9B5F-6CC7C46E94E4}" dt="2021-04-11T12:28:33.648" v="3102" actId="21"/>
          <ac:spMkLst>
            <pc:docMk/>
            <pc:sldMk cId="4223653003" sldId="631"/>
            <ac:spMk id="125" creationId="{E013C52C-05B4-FE46-A827-C16E3C4DE103}"/>
          </ac:spMkLst>
        </pc:spChg>
        <pc:spChg chg="del mod">
          <ac:chgData name="Daly Donnacha HSLU I" userId="0f22e960-400a-43ff-baeb-4828c8f5cd3a" providerId="ADAL" clId="{78138B16-7BCD-AB47-9B5F-6CC7C46E94E4}" dt="2021-04-11T12:28:33.648" v="3102" actId="21"/>
          <ac:spMkLst>
            <pc:docMk/>
            <pc:sldMk cId="4223653003" sldId="631"/>
            <ac:spMk id="126" creationId="{50007535-799D-1A4C-BCD6-7C3A9D55B046}"/>
          </ac:spMkLst>
        </pc:spChg>
        <pc:spChg chg="del mod">
          <ac:chgData name="Daly Donnacha HSLU I" userId="0f22e960-400a-43ff-baeb-4828c8f5cd3a" providerId="ADAL" clId="{78138B16-7BCD-AB47-9B5F-6CC7C46E94E4}" dt="2021-04-11T12:28:33.648" v="3102" actId="21"/>
          <ac:spMkLst>
            <pc:docMk/>
            <pc:sldMk cId="4223653003" sldId="631"/>
            <ac:spMk id="127" creationId="{1AFB715B-A039-A640-8AC5-33119445598D}"/>
          </ac:spMkLst>
        </pc:spChg>
        <pc:spChg chg="del mod">
          <ac:chgData name="Daly Donnacha HSLU I" userId="0f22e960-400a-43ff-baeb-4828c8f5cd3a" providerId="ADAL" clId="{78138B16-7BCD-AB47-9B5F-6CC7C46E94E4}" dt="2021-04-11T12:28:33.648" v="3102" actId="21"/>
          <ac:spMkLst>
            <pc:docMk/>
            <pc:sldMk cId="4223653003" sldId="631"/>
            <ac:spMk id="132" creationId="{1E83BE46-B2F7-6F4A-B862-CE26410F0125}"/>
          </ac:spMkLst>
        </pc:spChg>
        <pc:spChg chg="del mod">
          <ac:chgData name="Daly Donnacha HSLU I" userId="0f22e960-400a-43ff-baeb-4828c8f5cd3a" providerId="ADAL" clId="{78138B16-7BCD-AB47-9B5F-6CC7C46E94E4}" dt="2021-04-11T12:28:33.648" v="3102" actId="21"/>
          <ac:spMkLst>
            <pc:docMk/>
            <pc:sldMk cId="4223653003" sldId="631"/>
            <ac:spMk id="133" creationId="{67859109-C6DE-8045-95BF-19A2A27851A1}"/>
          </ac:spMkLst>
        </pc:spChg>
        <pc:spChg chg="del mod">
          <ac:chgData name="Daly Donnacha HSLU I" userId="0f22e960-400a-43ff-baeb-4828c8f5cd3a" providerId="ADAL" clId="{78138B16-7BCD-AB47-9B5F-6CC7C46E94E4}" dt="2021-04-11T12:28:33.648" v="3102" actId="21"/>
          <ac:spMkLst>
            <pc:docMk/>
            <pc:sldMk cId="4223653003" sldId="631"/>
            <ac:spMk id="138" creationId="{52AEE927-411F-354C-A496-E930735F4D49}"/>
          </ac:spMkLst>
        </pc:spChg>
        <pc:spChg chg="del mod">
          <ac:chgData name="Daly Donnacha HSLU I" userId="0f22e960-400a-43ff-baeb-4828c8f5cd3a" providerId="ADAL" clId="{78138B16-7BCD-AB47-9B5F-6CC7C46E94E4}" dt="2021-04-11T12:28:33.648" v="3102" actId="21"/>
          <ac:spMkLst>
            <pc:docMk/>
            <pc:sldMk cId="4223653003" sldId="631"/>
            <ac:spMk id="139" creationId="{55DE7A79-B279-9249-BBFA-1E69C28ECBC4}"/>
          </ac:spMkLst>
        </pc:spChg>
        <pc:spChg chg="del mod">
          <ac:chgData name="Daly Donnacha HSLU I" userId="0f22e960-400a-43ff-baeb-4828c8f5cd3a" providerId="ADAL" clId="{78138B16-7BCD-AB47-9B5F-6CC7C46E94E4}" dt="2021-04-11T12:28:33.648" v="3102" actId="21"/>
          <ac:spMkLst>
            <pc:docMk/>
            <pc:sldMk cId="4223653003" sldId="631"/>
            <ac:spMk id="140" creationId="{8764AA50-45ED-6241-8657-C5597775C6A3}"/>
          </ac:spMkLst>
        </pc:spChg>
        <pc:spChg chg="del mod">
          <ac:chgData name="Daly Donnacha HSLU I" userId="0f22e960-400a-43ff-baeb-4828c8f5cd3a" providerId="ADAL" clId="{78138B16-7BCD-AB47-9B5F-6CC7C46E94E4}" dt="2021-04-11T12:28:33.648" v="3102" actId="21"/>
          <ac:spMkLst>
            <pc:docMk/>
            <pc:sldMk cId="4223653003" sldId="631"/>
            <ac:spMk id="141" creationId="{B848E0A3-548A-234A-A935-5A2C3A28E6CC}"/>
          </ac:spMkLst>
        </pc:spChg>
        <pc:spChg chg="mod">
          <ac:chgData name="Daly Donnacha HSLU I" userId="0f22e960-400a-43ff-baeb-4828c8f5cd3a" providerId="ADAL" clId="{78138B16-7BCD-AB47-9B5F-6CC7C46E94E4}" dt="2021-04-11T12:29:05.422" v="3107" actId="1076"/>
          <ac:spMkLst>
            <pc:docMk/>
            <pc:sldMk cId="4223653003" sldId="631"/>
            <ac:spMk id="142" creationId="{AB2A58C3-FED8-0440-839E-47674B5D47E1}"/>
          </ac:spMkLst>
        </pc:spChg>
        <pc:spChg chg="mod">
          <ac:chgData name="Daly Donnacha HSLU I" userId="0f22e960-400a-43ff-baeb-4828c8f5cd3a" providerId="ADAL" clId="{78138B16-7BCD-AB47-9B5F-6CC7C46E94E4}" dt="2021-04-11T12:29:07.561" v="3108" actId="1036"/>
          <ac:spMkLst>
            <pc:docMk/>
            <pc:sldMk cId="4223653003" sldId="631"/>
            <ac:spMk id="143" creationId="{96BAAF09-21CA-654E-A54A-CE3EC4E3D6BA}"/>
          </ac:spMkLst>
        </pc:spChg>
        <pc:spChg chg="mod">
          <ac:chgData name="Daly Donnacha HSLU I" userId="0f22e960-400a-43ff-baeb-4828c8f5cd3a" providerId="ADAL" clId="{78138B16-7BCD-AB47-9B5F-6CC7C46E94E4}" dt="2021-04-11T12:29:11.813" v="3111" actId="1035"/>
          <ac:spMkLst>
            <pc:docMk/>
            <pc:sldMk cId="4223653003" sldId="631"/>
            <ac:spMk id="144" creationId="{D534D047-28DC-0448-9867-A9E580AFE744}"/>
          </ac:spMkLst>
        </pc:spChg>
        <pc:spChg chg="del mod">
          <ac:chgData name="Daly Donnacha HSLU I" userId="0f22e960-400a-43ff-baeb-4828c8f5cd3a" providerId="ADAL" clId="{78138B16-7BCD-AB47-9B5F-6CC7C46E94E4}" dt="2021-04-11T12:28:33.648" v="3102" actId="21"/>
          <ac:spMkLst>
            <pc:docMk/>
            <pc:sldMk cId="4223653003" sldId="631"/>
            <ac:spMk id="145" creationId="{D567240D-268E-8E43-881D-0EF79FFDA8F7}"/>
          </ac:spMkLst>
        </pc:spChg>
        <pc:spChg chg="add mod">
          <ac:chgData name="Daly Donnacha HSLU I" userId="0f22e960-400a-43ff-baeb-4828c8f5cd3a" providerId="ADAL" clId="{78138B16-7BCD-AB47-9B5F-6CC7C46E94E4}" dt="2021-04-11T12:28:36.046" v="3104"/>
          <ac:spMkLst>
            <pc:docMk/>
            <pc:sldMk cId="4223653003" sldId="631"/>
            <ac:spMk id="147" creationId="{F2503645-682E-E844-BA0F-889168C54764}"/>
          </ac:spMkLst>
        </pc:spChg>
        <pc:spChg chg="add mod">
          <ac:chgData name="Daly Donnacha HSLU I" userId="0f22e960-400a-43ff-baeb-4828c8f5cd3a" providerId="ADAL" clId="{78138B16-7BCD-AB47-9B5F-6CC7C46E94E4}" dt="2021-04-11T12:28:36.046" v="3104"/>
          <ac:spMkLst>
            <pc:docMk/>
            <pc:sldMk cId="4223653003" sldId="631"/>
            <ac:spMk id="148" creationId="{0FF7302D-D4BB-364C-B280-5B0E084ED22D}"/>
          </ac:spMkLst>
        </pc:spChg>
        <pc:spChg chg="add mod">
          <ac:chgData name="Daly Donnacha HSLU I" userId="0f22e960-400a-43ff-baeb-4828c8f5cd3a" providerId="ADAL" clId="{78138B16-7BCD-AB47-9B5F-6CC7C46E94E4}" dt="2021-04-11T12:28:36.046" v="3104"/>
          <ac:spMkLst>
            <pc:docMk/>
            <pc:sldMk cId="4223653003" sldId="631"/>
            <ac:spMk id="150" creationId="{A28E7404-5CA5-1442-8043-2B66C28017BE}"/>
          </ac:spMkLst>
        </pc:spChg>
        <pc:spChg chg="add mod">
          <ac:chgData name="Daly Donnacha HSLU I" userId="0f22e960-400a-43ff-baeb-4828c8f5cd3a" providerId="ADAL" clId="{78138B16-7BCD-AB47-9B5F-6CC7C46E94E4}" dt="2021-04-11T12:28:36.046" v="3104"/>
          <ac:spMkLst>
            <pc:docMk/>
            <pc:sldMk cId="4223653003" sldId="631"/>
            <ac:spMk id="151" creationId="{FC34AB0F-5E38-9043-B5B5-E02AB77C5429}"/>
          </ac:spMkLst>
        </pc:spChg>
        <pc:spChg chg="add mod">
          <ac:chgData name="Daly Donnacha HSLU I" userId="0f22e960-400a-43ff-baeb-4828c8f5cd3a" providerId="ADAL" clId="{78138B16-7BCD-AB47-9B5F-6CC7C46E94E4}" dt="2021-04-11T12:28:36.046" v="3104"/>
          <ac:spMkLst>
            <pc:docMk/>
            <pc:sldMk cId="4223653003" sldId="631"/>
            <ac:spMk id="153" creationId="{D3E2E363-C39C-CF4A-A7B1-F49CF2B46349}"/>
          </ac:spMkLst>
        </pc:spChg>
        <pc:spChg chg="del mod">
          <ac:chgData name="Daly Donnacha HSLU I" userId="0f22e960-400a-43ff-baeb-4828c8f5cd3a" providerId="ADAL" clId="{78138B16-7BCD-AB47-9B5F-6CC7C46E94E4}" dt="2021-04-11T12:28:33.648" v="3102" actId="21"/>
          <ac:spMkLst>
            <pc:docMk/>
            <pc:sldMk cId="4223653003" sldId="631"/>
            <ac:spMk id="158" creationId="{129C6479-7A49-0E4A-AD07-DAECFE97EB90}"/>
          </ac:spMkLst>
        </pc:spChg>
        <pc:spChg chg="del mod">
          <ac:chgData name="Daly Donnacha HSLU I" userId="0f22e960-400a-43ff-baeb-4828c8f5cd3a" providerId="ADAL" clId="{78138B16-7BCD-AB47-9B5F-6CC7C46E94E4}" dt="2021-04-11T12:28:33.648" v="3102" actId="21"/>
          <ac:spMkLst>
            <pc:docMk/>
            <pc:sldMk cId="4223653003" sldId="631"/>
            <ac:spMk id="160" creationId="{07F9D2CA-78DA-D14A-9CF0-F5C551515799}"/>
          </ac:spMkLst>
        </pc:spChg>
        <pc:spChg chg="mod">
          <ac:chgData name="Daly Donnacha HSLU I" userId="0f22e960-400a-43ff-baeb-4828c8f5cd3a" providerId="ADAL" clId="{78138B16-7BCD-AB47-9B5F-6CC7C46E94E4}" dt="2021-04-11T12:31:42.288" v="3177" actId="1076"/>
          <ac:spMkLst>
            <pc:docMk/>
            <pc:sldMk cId="4223653003" sldId="631"/>
            <ac:spMk id="161" creationId="{652C254C-234F-D94F-A79B-0AAE3E66ACDC}"/>
          </ac:spMkLst>
        </pc:spChg>
        <pc:spChg chg="del mod">
          <ac:chgData name="Daly Donnacha HSLU I" userId="0f22e960-400a-43ff-baeb-4828c8f5cd3a" providerId="ADAL" clId="{78138B16-7BCD-AB47-9B5F-6CC7C46E94E4}" dt="2021-04-11T12:28:33.648" v="3102" actId="21"/>
          <ac:spMkLst>
            <pc:docMk/>
            <pc:sldMk cId="4223653003" sldId="631"/>
            <ac:spMk id="162" creationId="{6CE6F3C8-8A89-3648-A52B-C0229124BBD3}"/>
          </ac:spMkLst>
        </pc:spChg>
        <pc:spChg chg="add mod">
          <ac:chgData name="Daly Donnacha HSLU I" userId="0f22e960-400a-43ff-baeb-4828c8f5cd3a" providerId="ADAL" clId="{78138B16-7BCD-AB47-9B5F-6CC7C46E94E4}" dt="2021-04-11T12:28:36.046" v="3104"/>
          <ac:spMkLst>
            <pc:docMk/>
            <pc:sldMk cId="4223653003" sldId="631"/>
            <ac:spMk id="164" creationId="{208A035D-D3C1-464F-8A88-B1C3BA0C5A19}"/>
          </ac:spMkLst>
        </pc:spChg>
        <pc:spChg chg="add mod">
          <ac:chgData name="Daly Donnacha HSLU I" userId="0f22e960-400a-43ff-baeb-4828c8f5cd3a" providerId="ADAL" clId="{78138B16-7BCD-AB47-9B5F-6CC7C46E94E4}" dt="2021-04-11T12:28:36.046" v="3104"/>
          <ac:spMkLst>
            <pc:docMk/>
            <pc:sldMk cId="4223653003" sldId="631"/>
            <ac:spMk id="165" creationId="{992977E6-A132-A947-9285-E71E54A223B3}"/>
          </ac:spMkLst>
        </pc:spChg>
        <pc:spChg chg="add mod">
          <ac:chgData name="Daly Donnacha HSLU I" userId="0f22e960-400a-43ff-baeb-4828c8f5cd3a" providerId="ADAL" clId="{78138B16-7BCD-AB47-9B5F-6CC7C46E94E4}" dt="2021-04-11T12:28:36.046" v="3104"/>
          <ac:spMkLst>
            <pc:docMk/>
            <pc:sldMk cId="4223653003" sldId="631"/>
            <ac:spMk id="166" creationId="{F701218B-EA4C-884C-94AF-13FC536D20C7}"/>
          </ac:spMkLst>
        </pc:spChg>
        <pc:spChg chg="del mod">
          <ac:chgData name="Daly Donnacha HSLU I" userId="0f22e960-400a-43ff-baeb-4828c8f5cd3a" providerId="ADAL" clId="{78138B16-7BCD-AB47-9B5F-6CC7C46E94E4}" dt="2021-04-11T12:28:33.648" v="3102" actId="21"/>
          <ac:spMkLst>
            <pc:docMk/>
            <pc:sldMk cId="4223653003" sldId="631"/>
            <ac:spMk id="168" creationId="{4A832E85-63A3-2242-95A8-224006393692}"/>
          </ac:spMkLst>
        </pc:spChg>
        <pc:spChg chg="add mod">
          <ac:chgData name="Daly Donnacha HSLU I" userId="0f22e960-400a-43ff-baeb-4828c8f5cd3a" providerId="ADAL" clId="{78138B16-7BCD-AB47-9B5F-6CC7C46E94E4}" dt="2021-04-11T12:28:36.046" v="3104"/>
          <ac:spMkLst>
            <pc:docMk/>
            <pc:sldMk cId="4223653003" sldId="631"/>
            <ac:spMk id="169" creationId="{5AC1800C-2D42-0B44-9244-837CAFEF0450}"/>
          </ac:spMkLst>
        </pc:spChg>
        <pc:spChg chg="add mod">
          <ac:chgData name="Daly Donnacha HSLU I" userId="0f22e960-400a-43ff-baeb-4828c8f5cd3a" providerId="ADAL" clId="{78138B16-7BCD-AB47-9B5F-6CC7C46E94E4}" dt="2021-04-11T12:32:42.114" v="3202" actId="1035"/>
          <ac:spMkLst>
            <pc:docMk/>
            <pc:sldMk cId="4223653003" sldId="631"/>
            <ac:spMk id="172" creationId="{E1D974B1-1BB3-F046-9AA1-2BB9EA91067A}"/>
          </ac:spMkLst>
        </pc:spChg>
        <pc:spChg chg="del mod">
          <ac:chgData name="Daly Donnacha HSLU I" userId="0f22e960-400a-43ff-baeb-4828c8f5cd3a" providerId="ADAL" clId="{78138B16-7BCD-AB47-9B5F-6CC7C46E94E4}" dt="2021-04-11T12:36:56.526" v="3347" actId="478"/>
          <ac:spMkLst>
            <pc:docMk/>
            <pc:sldMk cId="4223653003" sldId="631"/>
            <ac:spMk id="173" creationId="{598EF36C-AAA9-9143-8626-38496E10DD9C}"/>
          </ac:spMkLst>
        </pc:spChg>
        <pc:spChg chg="add mod">
          <ac:chgData name="Daly Donnacha HSLU I" userId="0f22e960-400a-43ff-baeb-4828c8f5cd3a" providerId="ADAL" clId="{78138B16-7BCD-AB47-9B5F-6CC7C46E94E4}" dt="2021-04-11T12:34:25.827" v="3318" actId="1035"/>
          <ac:spMkLst>
            <pc:docMk/>
            <pc:sldMk cId="4223653003" sldId="631"/>
            <ac:spMk id="174" creationId="{7A022FF5-4DD3-0C4A-B201-FD27908599D0}"/>
          </ac:spMkLst>
        </pc:spChg>
        <pc:cxnChg chg="del mod">
          <ac:chgData name="Daly Donnacha HSLU I" userId="0f22e960-400a-43ff-baeb-4828c8f5cd3a" providerId="ADAL" clId="{78138B16-7BCD-AB47-9B5F-6CC7C46E94E4}" dt="2021-04-11T12:28:35.738" v="3103" actId="478"/>
          <ac:cxnSpMkLst>
            <pc:docMk/>
            <pc:sldMk cId="4223653003" sldId="631"/>
            <ac:cxnSpMk id="63" creationId="{D721ED27-2DDA-D846-BA11-3FE5337728E4}"/>
          </ac:cxnSpMkLst>
        </pc:cxnChg>
        <pc:cxnChg chg="del mod">
          <ac:chgData name="Daly Donnacha HSLU I" userId="0f22e960-400a-43ff-baeb-4828c8f5cd3a" providerId="ADAL" clId="{78138B16-7BCD-AB47-9B5F-6CC7C46E94E4}" dt="2021-04-11T12:28:35.738" v="3103" actId="478"/>
          <ac:cxnSpMkLst>
            <pc:docMk/>
            <pc:sldMk cId="4223653003" sldId="631"/>
            <ac:cxnSpMk id="66" creationId="{CD769A59-5C65-F04B-A4B8-39FD34B2F9BE}"/>
          </ac:cxnSpMkLst>
        </pc:cxnChg>
        <pc:cxnChg chg="del mod">
          <ac:chgData name="Daly Donnacha HSLU I" userId="0f22e960-400a-43ff-baeb-4828c8f5cd3a" providerId="ADAL" clId="{78138B16-7BCD-AB47-9B5F-6CC7C46E94E4}" dt="2021-04-11T12:28:35.738" v="3103" actId="478"/>
          <ac:cxnSpMkLst>
            <pc:docMk/>
            <pc:sldMk cId="4223653003" sldId="631"/>
            <ac:cxnSpMk id="69" creationId="{614CAFC1-7B2A-4E4F-950C-F93784FB0559}"/>
          </ac:cxnSpMkLst>
        </pc:cxnChg>
        <pc:cxnChg chg="del mod">
          <ac:chgData name="Daly Donnacha HSLU I" userId="0f22e960-400a-43ff-baeb-4828c8f5cd3a" providerId="ADAL" clId="{78138B16-7BCD-AB47-9B5F-6CC7C46E94E4}" dt="2021-04-11T12:28:35.738" v="3103" actId="478"/>
          <ac:cxnSpMkLst>
            <pc:docMk/>
            <pc:sldMk cId="4223653003" sldId="631"/>
            <ac:cxnSpMk id="72" creationId="{2DFD76C6-971C-8841-90B3-80EF7BC67133}"/>
          </ac:cxnSpMkLst>
        </pc:cxnChg>
        <pc:cxnChg chg="del mod">
          <ac:chgData name="Daly Donnacha HSLU I" userId="0f22e960-400a-43ff-baeb-4828c8f5cd3a" providerId="ADAL" clId="{78138B16-7BCD-AB47-9B5F-6CC7C46E94E4}" dt="2021-04-11T12:28:12.758" v="3100" actId="478"/>
          <ac:cxnSpMkLst>
            <pc:docMk/>
            <pc:sldMk cId="4223653003" sldId="631"/>
            <ac:cxnSpMk id="88" creationId="{FC7BDE5E-174F-3C40-B107-3EAFC813DF82}"/>
          </ac:cxnSpMkLst>
        </pc:cxnChg>
        <pc:cxnChg chg="del mod">
          <ac:chgData name="Daly Donnacha HSLU I" userId="0f22e960-400a-43ff-baeb-4828c8f5cd3a" providerId="ADAL" clId="{78138B16-7BCD-AB47-9B5F-6CC7C46E94E4}" dt="2021-04-11T12:28:12.758" v="3100" actId="478"/>
          <ac:cxnSpMkLst>
            <pc:docMk/>
            <pc:sldMk cId="4223653003" sldId="631"/>
            <ac:cxnSpMk id="89" creationId="{F61DF7A6-2C7F-0E43-904F-840CFF0CDB8D}"/>
          </ac:cxnSpMkLst>
        </pc:cxnChg>
        <pc:cxnChg chg="del mod">
          <ac:chgData name="Daly Donnacha HSLU I" userId="0f22e960-400a-43ff-baeb-4828c8f5cd3a" providerId="ADAL" clId="{78138B16-7BCD-AB47-9B5F-6CC7C46E94E4}" dt="2021-04-11T12:28:12.758" v="3100" actId="478"/>
          <ac:cxnSpMkLst>
            <pc:docMk/>
            <pc:sldMk cId="4223653003" sldId="631"/>
            <ac:cxnSpMk id="90" creationId="{6287091E-0708-A947-94C5-F054D1377095}"/>
          </ac:cxnSpMkLst>
        </pc:cxnChg>
        <pc:cxnChg chg="del mod">
          <ac:chgData name="Daly Donnacha HSLU I" userId="0f22e960-400a-43ff-baeb-4828c8f5cd3a" providerId="ADAL" clId="{78138B16-7BCD-AB47-9B5F-6CC7C46E94E4}" dt="2021-04-11T12:28:12.758" v="3100" actId="478"/>
          <ac:cxnSpMkLst>
            <pc:docMk/>
            <pc:sldMk cId="4223653003" sldId="631"/>
            <ac:cxnSpMk id="91" creationId="{B774556A-C6A0-9944-A49F-CAF3787C3EF5}"/>
          </ac:cxnSpMkLst>
        </pc:cxnChg>
        <pc:cxnChg chg="del">
          <ac:chgData name="Daly Donnacha HSLU I" userId="0f22e960-400a-43ff-baeb-4828c8f5cd3a" providerId="ADAL" clId="{78138B16-7BCD-AB47-9B5F-6CC7C46E94E4}" dt="2021-04-11T12:28:12.758" v="3100" actId="478"/>
          <ac:cxnSpMkLst>
            <pc:docMk/>
            <pc:sldMk cId="4223653003" sldId="631"/>
            <ac:cxnSpMk id="101" creationId="{914A5C17-3569-964D-A9DD-A1980069FA79}"/>
          </ac:cxnSpMkLst>
        </pc:cxnChg>
        <pc:cxnChg chg="del">
          <ac:chgData name="Daly Donnacha HSLU I" userId="0f22e960-400a-43ff-baeb-4828c8f5cd3a" providerId="ADAL" clId="{78138B16-7BCD-AB47-9B5F-6CC7C46E94E4}" dt="2021-04-11T12:28:12.758" v="3100" actId="478"/>
          <ac:cxnSpMkLst>
            <pc:docMk/>
            <pc:sldMk cId="4223653003" sldId="631"/>
            <ac:cxnSpMk id="102" creationId="{259BC98B-1D12-A548-89A7-D7AF73376BAC}"/>
          </ac:cxnSpMkLst>
        </pc:cxnChg>
        <pc:cxnChg chg="del mod">
          <ac:chgData name="Daly Donnacha HSLU I" userId="0f22e960-400a-43ff-baeb-4828c8f5cd3a" providerId="ADAL" clId="{78138B16-7BCD-AB47-9B5F-6CC7C46E94E4}" dt="2021-04-11T12:28:12.758" v="3100" actId="478"/>
          <ac:cxnSpMkLst>
            <pc:docMk/>
            <pc:sldMk cId="4223653003" sldId="631"/>
            <ac:cxnSpMk id="106" creationId="{CD78E2AE-B99F-6345-9D39-C4B4EFC96CE1}"/>
          </ac:cxnSpMkLst>
        </pc:cxnChg>
        <pc:cxnChg chg="add mod">
          <ac:chgData name="Daly Donnacha HSLU I" userId="0f22e960-400a-43ff-baeb-4828c8f5cd3a" providerId="ADAL" clId="{78138B16-7BCD-AB47-9B5F-6CC7C46E94E4}" dt="2021-04-11T12:28:36.046" v="3104"/>
          <ac:cxnSpMkLst>
            <pc:docMk/>
            <pc:sldMk cId="4223653003" sldId="631"/>
            <ac:cxnSpMk id="107" creationId="{F3251755-5606-2F4E-96D7-FCFB597F9E93}"/>
          </ac:cxnSpMkLst>
        </pc:cxnChg>
        <pc:cxnChg chg="add mod">
          <ac:chgData name="Daly Donnacha HSLU I" userId="0f22e960-400a-43ff-baeb-4828c8f5cd3a" providerId="ADAL" clId="{78138B16-7BCD-AB47-9B5F-6CC7C46E94E4}" dt="2021-04-11T12:28:36.046" v="3104"/>
          <ac:cxnSpMkLst>
            <pc:docMk/>
            <pc:sldMk cId="4223653003" sldId="631"/>
            <ac:cxnSpMk id="108" creationId="{A8F1C4A8-FF5F-B847-80F6-5CCC7518AABB}"/>
          </ac:cxnSpMkLst>
        </pc:cxnChg>
        <pc:cxnChg chg="add mod">
          <ac:chgData name="Daly Donnacha HSLU I" userId="0f22e960-400a-43ff-baeb-4828c8f5cd3a" providerId="ADAL" clId="{78138B16-7BCD-AB47-9B5F-6CC7C46E94E4}" dt="2021-04-11T12:28:36.046" v="3104"/>
          <ac:cxnSpMkLst>
            <pc:docMk/>
            <pc:sldMk cId="4223653003" sldId="631"/>
            <ac:cxnSpMk id="109" creationId="{70948368-EE0A-1D47-95EC-49E18D8262AC}"/>
          </ac:cxnSpMkLst>
        </pc:cxnChg>
        <pc:cxnChg chg="add mod">
          <ac:chgData name="Daly Donnacha HSLU I" userId="0f22e960-400a-43ff-baeb-4828c8f5cd3a" providerId="ADAL" clId="{78138B16-7BCD-AB47-9B5F-6CC7C46E94E4}" dt="2021-04-11T12:28:36.046" v="3104"/>
          <ac:cxnSpMkLst>
            <pc:docMk/>
            <pc:sldMk cId="4223653003" sldId="631"/>
            <ac:cxnSpMk id="110" creationId="{26AB9F2B-06E8-E647-98F8-19C71BA2BAB8}"/>
          </ac:cxnSpMkLst>
        </pc:cxnChg>
        <pc:cxnChg chg="del mod">
          <ac:chgData name="Daly Donnacha HSLU I" userId="0f22e960-400a-43ff-baeb-4828c8f5cd3a" providerId="ADAL" clId="{78138B16-7BCD-AB47-9B5F-6CC7C46E94E4}" dt="2021-04-11T12:28:12.758" v="3100" actId="478"/>
          <ac:cxnSpMkLst>
            <pc:docMk/>
            <pc:sldMk cId="4223653003" sldId="631"/>
            <ac:cxnSpMk id="111" creationId="{B3AB45DC-379C-2C41-8003-F46DB1851A6F}"/>
          </ac:cxnSpMkLst>
        </pc:cxnChg>
        <pc:cxnChg chg="del mod">
          <ac:chgData name="Daly Donnacha HSLU I" userId="0f22e960-400a-43ff-baeb-4828c8f5cd3a" providerId="ADAL" clId="{78138B16-7BCD-AB47-9B5F-6CC7C46E94E4}" dt="2021-04-11T12:28:12.758" v="3100" actId="478"/>
          <ac:cxnSpMkLst>
            <pc:docMk/>
            <pc:sldMk cId="4223653003" sldId="631"/>
            <ac:cxnSpMk id="114" creationId="{4F433FD9-F1BF-DD40-9866-9281B5B03CC5}"/>
          </ac:cxnSpMkLst>
        </pc:cxnChg>
        <pc:cxnChg chg="add mod">
          <ac:chgData name="Daly Donnacha HSLU I" userId="0f22e960-400a-43ff-baeb-4828c8f5cd3a" providerId="ADAL" clId="{78138B16-7BCD-AB47-9B5F-6CC7C46E94E4}" dt="2021-04-11T12:28:36.046" v="3104"/>
          <ac:cxnSpMkLst>
            <pc:docMk/>
            <pc:sldMk cId="4223653003" sldId="631"/>
            <ac:cxnSpMk id="115" creationId="{55D823D4-9D1C-5044-ACCF-AAC1D12ABDA8}"/>
          </ac:cxnSpMkLst>
        </pc:cxnChg>
        <pc:cxnChg chg="add mod">
          <ac:chgData name="Daly Donnacha HSLU I" userId="0f22e960-400a-43ff-baeb-4828c8f5cd3a" providerId="ADAL" clId="{78138B16-7BCD-AB47-9B5F-6CC7C46E94E4}" dt="2021-04-11T12:28:36.046" v="3104"/>
          <ac:cxnSpMkLst>
            <pc:docMk/>
            <pc:sldMk cId="4223653003" sldId="631"/>
            <ac:cxnSpMk id="116" creationId="{843A7B6F-C862-574D-B5D0-84C0CCE3B7D7}"/>
          </ac:cxnSpMkLst>
        </pc:cxnChg>
        <pc:cxnChg chg="del mod">
          <ac:chgData name="Daly Donnacha HSLU I" userId="0f22e960-400a-43ff-baeb-4828c8f5cd3a" providerId="ADAL" clId="{78138B16-7BCD-AB47-9B5F-6CC7C46E94E4}" dt="2021-04-11T12:28:12.758" v="3100" actId="478"/>
          <ac:cxnSpMkLst>
            <pc:docMk/>
            <pc:sldMk cId="4223653003" sldId="631"/>
            <ac:cxnSpMk id="117" creationId="{2B6E1C68-3A4A-8245-BABE-A50F6D392B70}"/>
          </ac:cxnSpMkLst>
        </pc:cxnChg>
        <pc:cxnChg chg="add mod">
          <ac:chgData name="Daly Donnacha HSLU I" userId="0f22e960-400a-43ff-baeb-4828c8f5cd3a" providerId="ADAL" clId="{78138B16-7BCD-AB47-9B5F-6CC7C46E94E4}" dt="2021-04-11T12:28:36.046" v="3104"/>
          <ac:cxnSpMkLst>
            <pc:docMk/>
            <pc:sldMk cId="4223653003" sldId="631"/>
            <ac:cxnSpMk id="118" creationId="{50E037EA-EA5C-3A44-BA3E-5968B366BE7F}"/>
          </ac:cxnSpMkLst>
        </pc:cxnChg>
        <pc:cxnChg chg="add mod">
          <ac:chgData name="Daly Donnacha HSLU I" userId="0f22e960-400a-43ff-baeb-4828c8f5cd3a" providerId="ADAL" clId="{78138B16-7BCD-AB47-9B5F-6CC7C46E94E4}" dt="2021-04-11T12:28:36.046" v="3104"/>
          <ac:cxnSpMkLst>
            <pc:docMk/>
            <pc:sldMk cId="4223653003" sldId="631"/>
            <ac:cxnSpMk id="119" creationId="{CFB6A24A-D810-B941-A040-7C262911D857}"/>
          </ac:cxnSpMkLst>
        </pc:cxnChg>
        <pc:cxnChg chg="del mod">
          <ac:chgData name="Daly Donnacha HSLU I" userId="0f22e960-400a-43ff-baeb-4828c8f5cd3a" providerId="ADAL" clId="{78138B16-7BCD-AB47-9B5F-6CC7C46E94E4}" dt="2021-04-11T12:28:33.648" v="3102" actId="21"/>
          <ac:cxnSpMkLst>
            <pc:docMk/>
            <pc:sldMk cId="4223653003" sldId="631"/>
            <ac:cxnSpMk id="128" creationId="{9635C95F-A518-A547-9CAA-CA410CFCCA62}"/>
          </ac:cxnSpMkLst>
        </pc:cxnChg>
        <pc:cxnChg chg="del mod">
          <ac:chgData name="Daly Donnacha HSLU I" userId="0f22e960-400a-43ff-baeb-4828c8f5cd3a" providerId="ADAL" clId="{78138B16-7BCD-AB47-9B5F-6CC7C46E94E4}" dt="2021-04-11T12:28:33.648" v="3102" actId="21"/>
          <ac:cxnSpMkLst>
            <pc:docMk/>
            <pc:sldMk cId="4223653003" sldId="631"/>
            <ac:cxnSpMk id="129" creationId="{84A43D52-46E6-694C-9699-F61F77AAFCBA}"/>
          </ac:cxnSpMkLst>
        </pc:cxnChg>
        <pc:cxnChg chg="del mod">
          <ac:chgData name="Daly Donnacha HSLU I" userId="0f22e960-400a-43ff-baeb-4828c8f5cd3a" providerId="ADAL" clId="{78138B16-7BCD-AB47-9B5F-6CC7C46E94E4}" dt="2021-04-11T12:28:33.648" v="3102" actId="21"/>
          <ac:cxnSpMkLst>
            <pc:docMk/>
            <pc:sldMk cId="4223653003" sldId="631"/>
            <ac:cxnSpMk id="130" creationId="{3051CFE4-BB5D-5545-AFF9-BCAFA3737F81}"/>
          </ac:cxnSpMkLst>
        </pc:cxnChg>
        <pc:cxnChg chg="del mod">
          <ac:chgData name="Daly Donnacha HSLU I" userId="0f22e960-400a-43ff-baeb-4828c8f5cd3a" providerId="ADAL" clId="{78138B16-7BCD-AB47-9B5F-6CC7C46E94E4}" dt="2021-04-11T12:28:33.648" v="3102" actId="21"/>
          <ac:cxnSpMkLst>
            <pc:docMk/>
            <pc:sldMk cId="4223653003" sldId="631"/>
            <ac:cxnSpMk id="131" creationId="{1AA4CC02-431C-6B4E-AD6A-6954A42745BD}"/>
          </ac:cxnSpMkLst>
        </pc:cxnChg>
        <pc:cxnChg chg="del mod">
          <ac:chgData name="Daly Donnacha HSLU I" userId="0f22e960-400a-43ff-baeb-4828c8f5cd3a" providerId="ADAL" clId="{78138B16-7BCD-AB47-9B5F-6CC7C46E94E4}" dt="2021-04-11T12:28:33.648" v="3102" actId="21"/>
          <ac:cxnSpMkLst>
            <pc:docMk/>
            <pc:sldMk cId="4223653003" sldId="631"/>
            <ac:cxnSpMk id="134" creationId="{6DA05FDC-0013-434D-939C-491C8A7F9CDD}"/>
          </ac:cxnSpMkLst>
        </pc:cxnChg>
        <pc:cxnChg chg="del mod">
          <ac:chgData name="Daly Donnacha HSLU I" userId="0f22e960-400a-43ff-baeb-4828c8f5cd3a" providerId="ADAL" clId="{78138B16-7BCD-AB47-9B5F-6CC7C46E94E4}" dt="2021-04-11T12:28:33.648" v="3102" actId="21"/>
          <ac:cxnSpMkLst>
            <pc:docMk/>
            <pc:sldMk cId="4223653003" sldId="631"/>
            <ac:cxnSpMk id="135" creationId="{C9895C1C-B0E2-F44E-954B-ECC978C6632E}"/>
          </ac:cxnSpMkLst>
        </pc:cxnChg>
        <pc:cxnChg chg="del mod">
          <ac:chgData name="Daly Donnacha HSLU I" userId="0f22e960-400a-43ff-baeb-4828c8f5cd3a" providerId="ADAL" clId="{78138B16-7BCD-AB47-9B5F-6CC7C46E94E4}" dt="2021-04-11T12:28:33.648" v="3102" actId="21"/>
          <ac:cxnSpMkLst>
            <pc:docMk/>
            <pc:sldMk cId="4223653003" sldId="631"/>
            <ac:cxnSpMk id="136" creationId="{A9DCFA5D-BE0B-264F-81D4-2A31BB2F8CF5}"/>
          </ac:cxnSpMkLst>
        </pc:cxnChg>
        <pc:cxnChg chg="del mod">
          <ac:chgData name="Daly Donnacha HSLU I" userId="0f22e960-400a-43ff-baeb-4828c8f5cd3a" providerId="ADAL" clId="{78138B16-7BCD-AB47-9B5F-6CC7C46E94E4}" dt="2021-04-11T12:28:33.648" v="3102" actId="21"/>
          <ac:cxnSpMkLst>
            <pc:docMk/>
            <pc:sldMk cId="4223653003" sldId="631"/>
            <ac:cxnSpMk id="137" creationId="{A4EA7E17-B508-AA4A-AFCF-A65D7A5EF5E5}"/>
          </ac:cxnSpMkLst>
        </pc:cxnChg>
        <pc:cxnChg chg="del mod">
          <ac:chgData name="Daly Donnacha HSLU I" userId="0f22e960-400a-43ff-baeb-4828c8f5cd3a" providerId="ADAL" clId="{78138B16-7BCD-AB47-9B5F-6CC7C46E94E4}" dt="2021-04-11T12:28:33.648" v="3102" actId="21"/>
          <ac:cxnSpMkLst>
            <pc:docMk/>
            <pc:sldMk cId="4223653003" sldId="631"/>
            <ac:cxnSpMk id="146" creationId="{76257A0A-4C59-F640-9CBB-8E7BBBD4056C}"/>
          </ac:cxnSpMkLst>
        </pc:cxnChg>
        <pc:cxnChg chg="del mod">
          <ac:chgData name="Daly Donnacha HSLU I" userId="0f22e960-400a-43ff-baeb-4828c8f5cd3a" providerId="ADAL" clId="{78138B16-7BCD-AB47-9B5F-6CC7C46E94E4}" dt="2021-04-11T12:28:33.648" v="3102" actId="21"/>
          <ac:cxnSpMkLst>
            <pc:docMk/>
            <pc:sldMk cId="4223653003" sldId="631"/>
            <ac:cxnSpMk id="149" creationId="{8AC93DC0-6776-7A46-8A4A-B550C4A6FC63}"/>
          </ac:cxnSpMkLst>
        </pc:cxnChg>
        <pc:cxnChg chg="del mod">
          <ac:chgData name="Daly Donnacha HSLU I" userId="0f22e960-400a-43ff-baeb-4828c8f5cd3a" providerId="ADAL" clId="{78138B16-7BCD-AB47-9B5F-6CC7C46E94E4}" dt="2021-04-11T12:28:33.648" v="3102" actId="21"/>
          <ac:cxnSpMkLst>
            <pc:docMk/>
            <pc:sldMk cId="4223653003" sldId="631"/>
            <ac:cxnSpMk id="152" creationId="{054AD547-59CF-DE46-9634-9D3AB8419958}"/>
          </ac:cxnSpMkLst>
        </pc:cxnChg>
        <pc:cxnChg chg="add mod">
          <ac:chgData name="Daly Donnacha HSLU I" userId="0f22e960-400a-43ff-baeb-4828c8f5cd3a" providerId="ADAL" clId="{78138B16-7BCD-AB47-9B5F-6CC7C46E94E4}" dt="2021-04-11T12:28:36.046" v="3104"/>
          <ac:cxnSpMkLst>
            <pc:docMk/>
            <pc:sldMk cId="4223653003" sldId="631"/>
            <ac:cxnSpMk id="154" creationId="{896FB9F3-899F-954E-A732-C9788D512BED}"/>
          </ac:cxnSpMkLst>
        </pc:cxnChg>
        <pc:cxnChg chg="del mod">
          <ac:chgData name="Daly Donnacha HSLU I" userId="0f22e960-400a-43ff-baeb-4828c8f5cd3a" providerId="ADAL" clId="{78138B16-7BCD-AB47-9B5F-6CC7C46E94E4}" dt="2021-04-11T12:28:33.648" v="3102" actId="21"/>
          <ac:cxnSpMkLst>
            <pc:docMk/>
            <pc:sldMk cId="4223653003" sldId="631"/>
            <ac:cxnSpMk id="155" creationId="{469FF2B8-E97E-004C-BE6C-D3A036B279C1}"/>
          </ac:cxnSpMkLst>
        </pc:cxnChg>
        <pc:cxnChg chg="add mod">
          <ac:chgData name="Daly Donnacha HSLU I" userId="0f22e960-400a-43ff-baeb-4828c8f5cd3a" providerId="ADAL" clId="{78138B16-7BCD-AB47-9B5F-6CC7C46E94E4}" dt="2021-04-11T12:28:36.046" v="3104"/>
          <ac:cxnSpMkLst>
            <pc:docMk/>
            <pc:sldMk cId="4223653003" sldId="631"/>
            <ac:cxnSpMk id="156" creationId="{F5B2635A-C958-2242-A28F-F01B4329C970}"/>
          </ac:cxnSpMkLst>
        </pc:cxnChg>
        <pc:cxnChg chg="add mod">
          <ac:chgData name="Daly Donnacha HSLU I" userId="0f22e960-400a-43ff-baeb-4828c8f5cd3a" providerId="ADAL" clId="{78138B16-7BCD-AB47-9B5F-6CC7C46E94E4}" dt="2021-04-11T12:28:36.046" v="3104"/>
          <ac:cxnSpMkLst>
            <pc:docMk/>
            <pc:sldMk cId="4223653003" sldId="631"/>
            <ac:cxnSpMk id="157" creationId="{496ACFA5-8024-1A49-B2F6-C90AA356456D}"/>
          </ac:cxnSpMkLst>
        </pc:cxnChg>
        <pc:cxnChg chg="add mod">
          <ac:chgData name="Daly Donnacha HSLU I" userId="0f22e960-400a-43ff-baeb-4828c8f5cd3a" providerId="ADAL" clId="{78138B16-7BCD-AB47-9B5F-6CC7C46E94E4}" dt="2021-04-11T12:28:36.046" v="3104"/>
          <ac:cxnSpMkLst>
            <pc:docMk/>
            <pc:sldMk cId="4223653003" sldId="631"/>
            <ac:cxnSpMk id="159" creationId="{558A7D54-4152-754B-AE7F-288CD9C3CADA}"/>
          </ac:cxnSpMkLst>
        </pc:cxnChg>
        <pc:cxnChg chg="del mod">
          <ac:chgData name="Daly Donnacha HSLU I" userId="0f22e960-400a-43ff-baeb-4828c8f5cd3a" providerId="ADAL" clId="{78138B16-7BCD-AB47-9B5F-6CC7C46E94E4}" dt="2021-04-11T12:28:33.648" v="3102" actId="21"/>
          <ac:cxnSpMkLst>
            <pc:docMk/>
            <pc:sldMk cId="4223653003" sldId="631"/>
            <ac:cxnSpMk id="163" creationId="{0F6465EB-6CFA-874F-A558-C6461FDDE80F}"/>
          </ac:cxnSpMkLst>
        </pc:cxnChg>
        <pc:cxnChg chg="add mod">
          <ac:chgData name="Daly Donnacha HSLU I" userId="0f22e960-400a-43ff-baeb-4828c8f5cd3a" providerId="ADAL" clId="{78138B16-7BCD-AB47-9B5F-6CC7C46E94E4}" dt="2021-04-11T12:28:36.046" v="3104"/>
          <ac:cxnSpMkLst>
            <pc:docMk/>
            <pc:sldMk cId="4223653003" sldId="631"/>
            <ac:cxnSpMk id="167" creationId="{9407B8C4-C971-5C4A-88BC-5416B8BDC742}"/>
          </ac:cxnSpMkLst>
        </pc:cxnChg>
        <pc:cxnChg chg="del mod">
          <ac:chgData name="Daly Donnacha HSLU I" userId="0f22e960-400a-43ff-baeb-4828c8f5cd3a" providerId="ADAL" clId="{78138B16-7BCD-AB47-9B5F-6CC7C46E94E4}" dt="2021-04-11T12:28:33.648" v="3102" actId="21"/>
          <ac:cxnSpMkLst>
            <pc:docMk/>
            <pc:sldMk cId="4223653003" sldId="631"/>
            <ac:cxnSpMk id="170" creationId="{E05AB84F-CBBA-004C-A2BC-B544FDF774CE}"/>
          </ac:cxnSpMkLst>
        </pc:cxnChg>
        <pc:cxnChg chg="add mod">
          <ac:chgData name="Daly Donnacha HSLU I" userId="0f22e960-400a-43ff-baeb-4828c8f5cd3a" providerId="ADAL" clId="{78138B16-7BCD-AB47-9B5F-6CC7C46E94E4}" dt="2021-04-11T12:28:36.046" v="3104"/>
          <ac:cxnSpMkLst>
            <pc:docMk/>
            <pc:sldMk cId="4223653003" sldId="631"/>
            <ac:cxnSpMk id="171" creationId="{471DE20D-DC85-F641-8047-CDD3A0CB7C1C}"/>
          </ac:cxnSpMkLst>
        </pc:cxnChg>
      </pc:sldChg>
      <pc:sldChg chg="addSp delSp modSp new mod">
        <pc:chgData name="Daly Donnacha HSLU I" userId="0f22e960-400a-43ff-baeb-4828c8f5cd3a" providerId="ADAL" clId="{78138B16-7BCD-AB47-9B5F-6CC7C46E94E4}" dt="2021-04-12T12:45:46.361" v="9481" actId="20577"/>
        <pc:sldMkLst>
          <pc:docMk/>
          <pc:sldMk cId="1272548044" sldId="632"/>
        </pc:sldMkLst>
        <pc:spChg chg="mod">
          <ac:chgData name="Daly Donnacha HSLU I" userId="0f22e960-400a-43ff-baeb-4828c8f5cd3a" providerId="ADAL" clId="{78138B16-7BCD-AB47-9B5F-6CC7C46E94E4}" dt="2021-04-11T12:40:56.633" v="3384" actId="20577"/>
          <ac:spMkLst>
            <pc:docMk/>
            <pc:sldMk cId="1272548044" sldId="632"/>
            <ac:spMk id="2" creationId="{CE76BDDF-843F-D140-BDD6-5D8051F8DC61}"/>
          </ac:spMkLst>
        </pc:spChg>
        <pc:spChg chg="add del mod">
          <ac:chgData name="Daly Donnacha HSLU I" userId="0f22e960-400a-43ff-baeb-4828c8f5cd3a" providerId="ADAL" clId="{78138B16-7BCD-AB47-9B5F-6CC7C46E94E4}" dt="2021-04-11T12:36:29.983" v="3344" actId="478"/>
          <ac:spMkLst>
            <pc:docMk/>
            <pc:sldMk cId="1272548044" sldId="632"/>
            <ac:spMk id="3" creationId="{80913737-35BB-8340-9EF9-59A3CCA3348C}"/>
          </ac:spMkLst>
        </pc:spChg>
        <pc:spChg chg="add del mod">
          <ac:chgData name="Daly Donnacha HSLU I" userId="0f22e960-400a-43ff-baeb-4828c8f5cd3a" providerId="ADAL" clId="{78138B16-7BCD-AB47-9B5F-6CC7C46E94E4}" dt="2021-04-11T12:36:29.983" v="3344" actId="478"/>
          <ac:spMkLst>
            <pc:docMk/>
            <pc:sldMk cId="1272548044" sldId="632"/>
            <ac:spMk id="4" creationId="{122DDF23-4662-B748-A9B2-3C4259EEFDA0}"/>
          </ac:spMkLst>
        </pc:spChg>
        <pc:spChg chg="add del mod">
          <ac:chgData name="Daly Donnacha HSLU I" userId="0f22e960-400a-43ff-baeb-4828c8f5cd3a" providerId="ADAL" clId="{78138B16-7BCD-AB47-9B5F-6CC7C46E94E4}" dt="2021-04-11T12:36:29.983" v="3344" actId="478"/>
          <ac:spMkLst>
            <pc:docMk/>
            <pc:sldMk cId="1272548044" sldId="632"/>
            <ac:spMk id="5" creationId="{7EA6A919-6A06-CB4C-89D4-1AFF6965FC81}"/>
          </ac:spMkLst>
        </pc:spChg>
        <pc:spChg chg="add del mod">
          <ac:chgData name="Daly Donnacha HSLU I" userId="0f22e960-400a-43ff-baeb-4828c8f5cd3a" providerId="ADAL" clId="{78138B16-7BCD-AB47-9B5F-6CC7C46E94E4}" dt="2021-04-11T12:36:29.983" v="3344" actId="478"/>
          <ac:spMkLst>
            <pc:docMk/>
            <pc:sldMk cId="1272548044" sldId="632"/>
            <ac:spMk id="6" creationId="{43AD2A80-6E33-B844-B353-F18BC1DC92AD}"/>
          </ac:spMkLst>
        </pc:spChg>
        <pc:spChg chg="add del mod">
          <ac:chgData name="Daly Donnacha HSLU I" userId="0f22e960-400a-43ff-baeb-4828c8f5cd3a" providerId="ADAL" clId="{78138B16-7BCD-AB47-9B5F-6CC7C46E94E4}" dt="2021-04-11T12:36:29.983" v="3344" actId="478"/>
          <ac:spMkLst>
            <pc:docMk/>
            <pc:sldMk cId="1272548044" sldId="632"/>
            <ac:spMk id="11" creationId="{0529D4FF-48FF-7D4F-A98D-3C23553B6D19}"/>
          </ac:spMkLst>
        </pc:spChg>
        <pc:spChg chg="add del mod">
          <ac:chgData name="Daly Donnacha HSLU I" userId="0f22e960-400a-43ff-baeb-4828c8f5cd3a" providerId="ADAL" clId="{78138B16-7BCD-AB47-9B5F-6CC7C46E94E4}" dt="2021-04-11T12:36:29.983" v="3344" actId="478"/>
          <ac:spMkLst>
            <pc:docMk/>
            <pc:sldMk cId="1272548044" sldId="632"/>
            <ac:spMk id="12" creationId="{AF37DCF1-4624-8B43-8CD0-246986601624}"/>
          </ac:spMkLst>
        </pc:spChg>
        <pc:spChg chg="add del mod">
          <ac:chgData name="Daly Donnacha HSLU I" userId="0f22e960-400a-43ff-baeb-4828c8f5cd3a" providerId="ADAL" clId="{78138B16-7BCD-AB47-9B5F-6CC7C46E94E4}" dt="2021-04-11T12:36:29.983" v="3344" actId="478"/>
          <ac:spMkLst>
            <pc:docMk/>
            <pc:sldMk cId="1272548044" sldId="632"/>
            <ac:spMk id="17" creationId="{A93E3F99-F7AB-A94F-BAA2-1FEA5C0F839C}"/>
          </ac:spMkLst>
        </pc:spChg>
        <pc:spChg chg="add del mod">
          <ac:chgData name="Daly Donnacha HSLU I" userId="0f22e960-400a-43ff-baeb-4828c8f5cd3a" providerId="ADAL" clId="{78138B16-7BCD-AB47-9B5F-6CC7C46E94E4}" dt="2021-04-11T12:36:29.983" v="3344" actId="478"/>
          <ac:spMkLst>
            <pc:docMk/>
            <pc:sldMk cId="1272548044" sldId="632"/>
            <ac:spMk id="18" creationId="{A20CF57C-850F-9349-8844-BD2577A688B6}"/>
          </ac:spMkLst>
        </pc:spChg>
        <pc:spChg chg="add del mod">
          <ac:chgData name="Daly Donnacha HSLU I" userId="0f22e960-400a-43ff-baeb-4828c8f5cd3a" providerId="ADAL" clId="{78138B16-7BCD-AB47-9B5F-6CC7C46E94E4}" dt="2021-04-11T12:36:29.983" v="3344" actId="478"/>
          <ac:spMkLst>
            <pc:docMk/>
            <pc:sldMk cId="1272548044" sldId="632"/>
            <ac:spMk id="19" creationId="{D402B555-64B9-764C-AC24-449F823A9C33}"/>
          </ac:spMkLst>
        </pc:spChg>
        <pc:spChg chg="add del mod">
          <ac:chgData name="Daly Donnacha HSLU I" userId="0f22e960-400a-43ff-baeb-4828c8f5cd3a" providerId="ADAL" clId="{78138B16-7BCD-AB47-9B5F-6CC7C46E94E4}" dt="2021-04-11T12:36:29.983" v="3344" actId="478"/>
          <ac:spMkLst>
            <pc:docMk/>
            <pc:sldMk cId="1272548044" sldId="632"/>
            <ac:spMk id="20" creationId="{C356FCC8-E227-8C42-8A3B-B96CC6E8E477}"/>
          </ac:spMkLst>
        </pc:spChg>
        <pc:spChg chg="add del mod">
          <ac:chgData name="Daly Donnacha HSLU I" userId="0f22e960-400a-43ff-baeb-4828c8f5cd3a" providerId="ADAL" clId="{78138B16-7BCD-AB47-9B5F-6CC7C46E94E4}" dt="2021-04-11T12:36:29.983" v="3344" actId="478"/>
          <ac:spMkLst>
            <pc:docMk/>
            <pc:sldMk cId="1272548044" sldId="632"/>
            <ac:spMk id="21" creationId="{AA6DACEA-D197-384E-96C6-1379DC8C936A}"/>
          </ac:spMkLst>
        </pc:spChg>
        <pc:spChg chg="add del mod">
          <ac:chgData name="Daly Donnacha HSLU I" userId="0f22e960-400a-43ff-baeb-4828c8f5cd3a" providerId="ADAL" clId="{78138B16-7BCD-AB47-9B5F-6CC7C46E94E4}" dt="2021-04-11T12:36:28.150" v="3343" actId="21"/>
          <ac:spMkLst>
            <pc:docMk/>
            <pc:sldMk cId="1272548044" sldId="632"/>
            <ac:spMk id="26" creationId="{307CACAE-7C5D-D24F-9BD0-4B58A8F4682C}"/>
          </ac:spMkLst>
        </pc:spChg>
        <pc:spChg chg="add del mod">
          <ac:chgData name="Daly Donnacha HSLU I" userId="0f22e960-400a-43ff-baeb-4828c8f5cd3a" providerId="ADAL" clId="{78138B16-7BCD-AB47-9B5F-6CC7C46E94E4}" dt="2021-04-11T12:36:28.150" v="3343" actId="21"/>
          <ac:spMkLst>
            <pc:docMk/>
            <pc:sldMk cId="1272548044" sldId="632"/>
            <ac:spMk id="27" creationId="{04006157-BB31-5B47-A36E-194CCE815C6F}"/>
          </ac:spMkLst>
        </pc:spChg>
        <pc:spChg chg="add del mod">
          <ac:chgData name="Daly Donnacha HSLU I" userId="0f22e960-400a-43ff-baeb-4828c8f5cd3a" providerId="ADAL" clId="{78138B16-7BCD-AB47-9B5F-6CC7C46E94E4}" dt="2021-04-11T12:36:28.150" v="3343" actId="21"/>
          <ac:spMkLst>
            <pc:docMk/>
            <pc:sldMk cId="1272548044" sldId="632"/>
            <ac:spMk id="28" creationId="{BBE7E9E6-29DF-4C44-AB97-726416E31D89}"/>
          </ac:spMkLst>
        </pc:spChg>
        <pc:spChg chg="add del mod">
          <ac:chgData name="Daly Donnacha HSLU I" userId="0f22e960-400a-43ff-baeb-4828c8f5cd3a" providerId="ADAL" clId="{78138B16-7BCD-AB47-9B5F-6CC7C46E94E4}" dt="2021-04-11T12:36:28.150" v="3343" actId="21"/>
          <ac:spMkLst>
            <pc:docMk/>
            <pc:sldMk cId="1272548044" sldId="632"/>
            <ac:spMk id="29" creationId="{6B719F7E-A77C-7141-A41B-CF74EEA5AC56}"/>
          </ac:spMkLst>
        </pc:spChg>
        <pc:spChg chg="add del mod">
          <ac:chgData name="Daly Donnacha HSLU I" userId="0f22e960-400a-43ff-baeb-4828c8f5cd3a" providerId="ADAL" clId="{78138B16-7BCD-AB47-9B5F-6CC7C46E94E4}" dt="2021-04-11T12:36:28.150" v="3343" actId="21"/>
          <ac:spMkLst>
            <pc:docMk/>
            <pc:sldMk cId="1272548044" sldId="632"/>
            <ac:spMk id="34" creationId="{DB6A1216-8C54-814B-942B-E5550E652E8A}"/>
          </ac:spMkLst>
        </pc:spChg>
        <pc:spChg chg="add del mod">
          <ac:chgData name="Daly Donnacha HSLU I" userId="0f22e960-400a-43ff-baeb-4828c8f5cd3a" providerId="ADAL" clId="{78138B16-7BCD-AB47-9B5F-6CC7C46E94E4}" dt="2021-04-11T12:36:28.150" v="3343" actId="21"/>
          <ac:spMkLst>
            <pc:docMk/>
            <pc:sldMk cId="1272548044" sldId="632"/>
            <ac:spMk id="35" creationId="{07D40960-8743-0847-9720-306DEDCBDE23}"/>
          </ac:spMkLst>
        </pc:spChg>
        <pc:spChg chg="add del mod">
          <ac:chgData name="Daly Donnacha HSLU I" userId="0f22e960-400a-43ff-baeb-4828c8f5cd3a" providerId="ADAL" clId="{78138B16-7BCD-AB47-9B5F-6CC7C46E94E4}" dt="2021-04-11T12:36:28.150" v="3343" actId="21"/>
          <ac:spMkLst>
            <pc:docMk/>
            <pc:sldMk cId="1272548044" sldId="632"/>
            <ac:spMk id="40" creationId="{4F0B3943-A804-CA46-A71B-936D02D2E476}"/>
          </ac:spMkLst>
        </pc:spChg>
        <pc:spChg chg="add del mod">
          <ac:chgData name="Daly Donnacha HSLU I" userId="0f22e960-400a-43ff-baeb-4828c8f5cd3a" providerId="ADAL" clId="{78138B16-7BCD-AB47-9B5F-6CC7C46E94E4}" dt="2021-04-11T12:36:28.150" v="3343" actId="21"/>
          <ac:spMkLst>
            <pc:docMk/>
            <pc:sldMk cId="1272548044" sldId="632"/>
            <ac:spMk id="45" creationId="{A4EB1085-B62D-4D4D-8D13-4DE983E28016}"/>
          </ac:spMkLst>
        </pc:spChg>
        <pc:spChg chg="add del mod">
          <ac:chgData name="Daly Donnacha HSLU I" userId="0f22e960-400a-43ff-baeb-4828c8f5cd3a" providerId="ADAL" clId="{78138B16-7BCD-AB47-9B5F-6CC7C46E94E4}" dt="2021-04-11T12:36:28.150" v="3343" actId="21"/>
          <ac:spMkLst>
            <pc:docMk/>
            <pc:sldMk cId="1272548044" sldId="632"/>
            <ac:spMk id="46" creationId="{FFB36C00-62E3-8145-9EA1-0CAA1066409D}"/>
          </ac:spMkLst>
        </pc:spChg>
        <pc:spChg chg="add del mod">
          <ac:chgData name="Daly Donnacha HSLU I" userId="0f22e960-400a-43ff-baeb-4828c8f5cd3a" providerId="ADAL" clId="{78138B16-7BCD-AB47-9B5F-6CC7C46E94E4}" dt="2021-04-11T12:36:28.150" v="3343" actId="21"/>
          <ac:spMkLst>
            <pc:docMk/>
            <pc:sldMk cId="1272548044" sldId="632"/>
            <ac:spMk id="47" creationId="{EC28F8CF-A370-CB46-AAD4-EBC548D2580A}"/>
          </ac:spMkLst>
        </pc:spChg>
        <pc:spChg chg="add del mod">
          <ac:chgData name="Daly Donnacha HSLU I" userId="0f22e960-400a-43ff-baeb-4828c8f5cd3a" providerId="ADAL" clId="{78138B16-7BCD-AB47-9B5F-6CC7C46E94E4}" dt="2021-04-11T12:36:28.150" v="3343" actId="21"/>
          <ac:spMkLst>
            <pc:docMk/>
            <pc:sldMk cId="1272548044" sldId="632"/>
            <ac:spMk id="48" creationId="{275FC574-0FDA-D145-B3E4-76242620DA4F}"/>
          </ac:spMkLst>
        </pc:spChg>
        <pc:spChg chg="add del mod">
          <ac:chgData name="Daly Donnacha HSLU I" userId="0f22e960-400a-43ff-baeb-4828c8f5cd3a" providerId="ADAL" clId="{78138B16-7BCD-AB47-9B5F-6CC7C46E94E4}" dt="2021-04-11T12:36:28.150" v="3343" actId="21"/>
          <ac:spMkLst>
            <pc:docMk/>
            <pc:sldMk cId="1272548044" sldId="632"/>
            <ac:spMk id="49" creationId="{396DADAD-2A31-4044-A880-67676902AFDF}"/>
          </ac:spMkLst>
        </pc:spChg>
        <pc:spChg chg="add del mod">
          <ac:chgData name="Daly Donnacha HSLU I" userId="0f22e960-400a-43ff-baeb-4828c8f5cd3a" providerId="ADAL" clId="{78138B16-7BCD-AB47-9B5F-6CC7C46E94E4}" dt="2021-04-11T12:36:28.150" v="3343" actId="21"/>
          <ac:spMkLst>
            <pc:docMk/>
            <pc:sldMk cId="1272548044" sldId="632"/>
            <ac:spMk id="51" creationId="{63DCB0C8-AE09-D049-B9E8-EE96AB6CB21C}"/>
          </ac:spMkLst>
        </pc:spChg>
        <pc:spChg chg="add del mod">
          <ac:chgData name="Daly Donnacha HSLU I" userId="0f22e960-400a-43ff-baeb-4828c8f5cd3a" providerId="ADAL" clId="{78138B16-7BCD-AB47-9B5F-6CC7C46E94E4}" dt="2021-04-11T12:36:28.150" v="3343" actId="21"/>
          <ac:spMkLst>
            <pc:docMk/>
            <pc:sldMk cId="1272548044" sldId="632"/>
            <ac:spMk id="52" creationId="{4045368C-E24E-CE41-9178-1F5394FA658B}"/>
          </ac:spMkLst>
        </pc:spChg>
        <pc:spChg chg="add del mod">
          <ac:chgData name="Daly Donnacha HSLU I" userId="0f22e960-400a-43ff-baeb-4828c8f5cd3a" providerId="ADAL" clId="{78138B16-7BCD-AB47-9B5F-6CC7C46E94E4}" dt="2021-04-11T12:36:28.150" v="3343" actId="21"/>
          <ac:spMkLst>
            <pc:docMk/>
            <pc:sldMk cId="1272548044" sldId="632"/>
            <ac:spMk id="54" creationId="{C4DD7DDC-5497-4741-9904-C54694412ABD}"/>
          </ac:spMkLst>
        </pc:spChg>
        <pc:spChg chg="add del mod">
          <ac:chgData name="Daly Donnacha HSLU I" userId="0f22e960-400a-43ff-baeb-4828c8f5cd3a" providerId="ADAL" clId="{78138B16-7BCD-AB47-9B5F-6CC7C46E94E4}" dt="2021-04-11T12:36:28.150" v="3343" actId="21"/>
          <ac:spMkLst>
            <pc:docMk/>
            <pc:sldMk cId="1272548044" sldId="632"/>
            <ac:spMk id="55" creationId="{605F3F42-7916-1841-BEF4-D2D91719C35F}"/>
          </ac:spMkLst>
        </pc:spChg>
        <pc:spChg chg="add mod">
          <ac:chgData name="Daly Donnacha HSLU I" userId="0f22e960-400a-43ff-baeb-4828c8f5cd3a" providerId="ADAL" clId="{78138B16-7BCD-AB47-9B5F-6CC7C46E94E4}" dt="2021-04-11T12:36:30.340" v="3345"/>
          <ac:spMkLst>
            <pc:docMk/>
            <pc:sldMk cId="1272548044" sldId="632"/>
            <ac:spMk id="56" creationId="{25F74A74-E31B-604D-B532-0DD1693AFAAF}"/>
          </ac:spMkLst>
        </pc:spChg>
        <pc:spChg chg="add mod">
          <ac:chgData name="Daly Donnacha HSLU I" userId="0f22e960-400a-43ff-baeb-4828c8f5cd3a" providerId="ADAL" clId="{78138B16-7BCD-AB47-9B5F-6CC7C46E94E4}" dt="2021-04-11T12:36:30.340" v="3345"/>
          <ac:spMkLst>
            <pc:docMk/>
            <pc:sldMk cId="1272548044" sldId="632"/>
            <ac:spMk id="57" creationId="{D1E9EF59-E9F2-B343-AB1E-CED2436AFD76}"/>
          </ac:spMkLst>
        </pc:spChg>
        <pc:spChg chg="add mod">
          <ac:chgData name="Daly Donnacha HSLU I" userId="0f22e960-400a-43ff-baeb-4828c8f5cd3a" providerId="ADAL" clId="{78138B16-7BCD-AB47-9B5F-6CC7C46E94E4}" dt="2021-04-11T12:36:30.340" v="3345"/>
          <ac:spMkLst>
            <pc:docMk/>
            <pc:sldMk cId="1272548044" sldId="632"/>
            <ac:spMk id="58" creationId="{BDCEF140-40C1-FA45-8C7D-D81FACC002ED}"/>
          </ac:spMkLst>
        </pc:spChg>
        <pc:spChg chg="add mod">
          <ac:chgData name="Daly Donnacha HSLU I" userId="0f22e960-400a-43ff-baeb-4828c8f5cd3a" providerId="ADAL" clId="{78138B16-7BCD-AB47-9B5F-6CC7C46E94E4}" dt="2021-04-11T12:36:30.340" v="3345"/>
          <ac:spMkLst>
            <pc:docMk/>
            <pc:sldMk cId="1272548044" sldId="632"/>
            <ac:spMk id="59" creationId="{1E7A62AD-9FE7-4148-BAFF-BF4EE961B1A4}"/>
          </ac:spMkLst>
        </pc:spChg>
        <pc:spChg chg="add mod">
          <ac:chgData name="Daly Donnacha HSLU I" userId="0f22e960-400a-43ff-baeb-4828c8f5cd3a" providerId="ADAL" clId="{78138B16-7BCD-AB47-9B5F-6CC7C46E94E4}" dt="2021-04-11T12:36:30.340" v="3345"/>
          <ac:spMkLst>
            <pc:docMk/>
            <pc:sldMk cId="1272548044" sldId="632"/>
            <ac:spMk id="64" creationId="{0CD75872-3ACC-AE44-AB7E-04581C408A99}"/>
          </ac:spMkLst>
        </pc:spChg>
        <pc:spChg chg="add mod">
          <ac:chgData name="Daly Donnacha HSLU I" userId="0f22e960-400a-43ff-baeb-4828c8f5cd3a" providerId="ADAL" clId="{78138B16-7BCD-AB47-9B5F-6CC7C46E94E4}" dt="2021-04-11T12:36:30.340" v="3345"/>
          <ac:spMkLst>
            <pc:docMk/>
            <pc:sldMk cId="1272548044" sldId="632"/>
            <ac:spMk id="65" creationId="{F1826BEA-7C8F-A947-AC19-022E2B640FBE}"/>
          </ac:spMkLst>
        </pc:spChg>
        <pc:spChg chg="add mod">
          <ac:chgData name="Daly Donnacha HSLU I" userId="0f22e960-400a-43ff-baeb-4828c8f5cd3a" providerId="ADAL" clId="{78138B16-7BCD-AB47-9B5F-6CC7C46E94E4}" dt="2021-04-11T12:36:30.340" v="3345"/>
          <ac:spMkLst>
            <pc:docMk/>
            <pc:sldMk cId="1272548044" sldId="632"/>
            <ac:spMk id="70" creationId="{C13EC5A3-5BB1-E340-B039-7C5893148AB7}"/>
          </ac:spMkLst>
        </pc:spChg>
        <pc:spChg chg="add mod">
          <ac:chgData name="Daly Donnacha HSLU I" userId="0f22e960-400a-43ff-baeb-4828c8f5cd3a" providerId="ADAL" clId="{78138B16-7BCD-AB47-9B5F-6CC7C46E94E4}" dt="2021-04-11T12:36:30.340" v="3345"/>
          <ac:spMkLst>
            <pc:docMk/>
            <pc:sldMk cId="1272548044" sldId="632"/>
            <ac:spMk id="75" creationId="{68DC23DA-E175-3E49-A0A9-B4E9A87980A8}"/>
          </ac:spMkLst>
        </pc:spChg>
        <pc:spChg chg="add mod">
          <ac:chgData name="Daly Donnacha HSLU I" userId="0f22e960-400a-43ff-baeb-4828c8f5cd3a" providerId="ADAL" clId="{78138B16-7BCD-AB47-9B5F-6CC7C46E94E4}" dt="2021-04-11T12:36:30.340" v="3345"/>
          <ac:spMkLst>
            <pc:docMk/>
            <pc:sldMk cId="1272548044" sldId="632"/>
            <ac:spMk id="76" creationId="{706B8ECC-2DA4-9445-B9AD-08DEABC7F966}"/>
          </ac:spMkLst>
        </pc:spChg>
        <pc:spChg chg="add mod">
          <ac:chgData name="Daly Donnacha HSLU I" userId="0f22e960-400a-43ff-baeb-4828c8f5cd3a" providerId="ADAL" clId="{78138B16-7BCD-AB47-9B5F-6CC7C46E94E4}" dt="2021-04-11T12:36:30.340" v="3345"/>
          <ac:spMkLst>
            <pc:docMk/>
            <pc:sldMk cId="1272548044" sldId="632"/>
            <ac:spMk id="77" creationId="{A28A1998-E44E-BA47-AE24-7968DEBB3E4D}"/>
          </ac:spMkLst>
        </pc:spChg>
        <pc:spChg chg="add mod">
          <ac:chgData name="Daly Donnacha HSLU I" userId="0f22e960-400a-43ff-baeb-4828c8f5cd3a" providerId="ADAL" clId="{78138B16-7BCD-AB47-9B5F-6CC7C46E94E4}" dt="2021-04-11T12:36:30.340" v="3345"/>
          <ac:spMkLst>
            <pc:docMk/>
            <pc:sldMk cId="1272548044" sldId="632"/>
            <ac:spMk id="78" creationId="{C9AE7168-9F74-4C49-A5E6-2700E00D16D5}"/>
          </ac:spMkLst>
        </pc:spChg>
        <pc:spChg chg="add mod">
          <ac:chgData name="Daly Donnacha HSLU I" userId="0f22e960-400a-43ff-baeb-4828c8f5cd3a" providerId="ADAL" clId="{78138B16-7BCD-AB47-9B5F-6CC7C46E94E4}" dt="2021-04-11T12:36:30.340" v="3345"/>
          <ac:spMkLst>
            <pc:docMk/>
            <pc:sldMk cId="1272548044" sldId="632"/>
            <ac:spMk id="79" creationId="{934A1976-FD63-0643-86C7-C056B004D7F4}"/>
          </ac:spMkLst>
        </pc:spChg>
        <pc:spChg chg="add mod">
          <ac:chgData name="Daly Donnacha HSLU I" userId="0f22e960-400a-43ff-baeb-4828c8f5cd3a" providerId="ADAL" clId="{78138B16-7BCD-AB47-9B5F-6CC7C46E94E4}" dt="2021-04-11T12:36:30.340" v="3345"/>
          <ac:spMkLst>
            <pc:docMk/>
            <pc:sldMk cId="1272548044" sldId="632"/>
            <ac:spMk id="81" creationId="{9BBE7F40-4B39-CC47-9554-2D59936E12DE}"/>
          </ac:spMkLst>
        </pc:spChg>
        <pc:spChg chg="add mod">
          <ac:chgData name="Daly Donnacha HSLU I" userId="0f22e960-400a-43ff-baeb-4828c8f5cd3a" providerId="ADAL" clId="{78138B16-7BCD-AB47-9B5F-6CC7C46E94E4}" dt="2021-04-11T12:36:30.340" v="3345"/>
          <ac:spMkLst>
            <pc:docMk/>
            <pc:sldMk cId="1272548044" sldId="632"/>
            <ac:spMk id="82" creationId="{3606ED3E-DAF7-BA49-AC4D-0A76EC325B41}"/>
          </ac:spMkLst>
        </pc:spChg>
        <pc:spChg chg="add mod">
          <ac:chgData name="Daly Donnacha HSLU I" userId="0f22e960-400a-43ff-baeb-4828c8f5cd3a" providerId="ADAL" clId="{78138B16-7BCD-AB47-9B5F-6CC7C46E94E4}" dt="2021-04-11T12:36:30.340" v="3345"/>
          <ac:spMkLst>
            <pc:docMk/>
            <pc:sldMk cId="1272548044" sldId="632"/>
            <ac:spMk id="84" creationId="{6929E576-FB7C-0743-A50D-40D478383049}"/>
          </ac:spMkLst>
        </pc:spChg>
        <pc:spChg chg="add mod">
          <ac:chgData name="Daly Donnacha HSLU I" userId="0f22e960-400a-43ff-baeb-4828c8f5cd3a" providerId="ADAL" clId="{78138B16-7BCD-AB47-9B5F-6CC7C46E94E4}" dt="2021-04-11T12:36:30.340" v="3345"/>
          <ac:spMkLst>
            <pc:docMk/>
            <pc:sldMk cId="1272548044" sldId="632"/>
            <ac:spMk id="85" creationId="{8AB4931E-982A-B343-BCD1-DFA1A2D8873E}"/>
          </ac:spMkLst>
        </pc:spChg>
        <pc:spChg chg="add mod">
          <ac:chgData name="Daly Donnacha HSLU I" userId="0f22e960-400a-43ff-baeb-4828c8f5cd3a" providerId="ADAL" clId="{78138B16-7BCD-AB47-9B5F-6CC7C46E94E4}" dt="2021-04-12T12:45:46.361" v="9481" actId="20577"/>
          <ac:spMkLst>
            <pc:docMk/>
            <pc:sldMk cId="1272548044" sldId="632"/>
            <ac:spMk id="86" creationId="{1676AA18-59F6-D241-B0BB-22EDD3A7E7A4}"/>
          </ac:spMkLst>
        </pc:spChg>
        <pc:cxnChg chg="add del mod">
          <ac:chgData name="Daly Donnacha HSLU I" userId="0f22e960-400a-43ff-baeb-4828c8f5cd3a" providerId="ADAL" clId="{78138B16-7BCD-AB47-9B5F-6CC7C46E94E4}" dt="2021-04-11T12:36:29.983" v="3344" actId="478"/>
          <ac:cxnSpMkLst>
            <pc:docMk/>
            <pc:sldMk cId="1272548044" sldId="632"/>
            <ac:cxnSpMk id="7" creationId="{6A6908BE-EDBA-B34C-98DD-4E2DFBFEA672}"/>
          </ac:cxnSpMkLst>
        </pc:cxnChg>
        <pc:cxnChg chg="add del mod">
          <ac:chgData name="Daly Donnacha HSLU I" userId="0f22e960-400a-43ff-baeb-4828c8f5cd3a" providerId="ADAL" clId="{78138B16-7BCD-AB47-9B5F-6CC7C46E94E4}" dt="2021-04-11T12:36:29.983" v="3344" actId="478"/>
          <ac:cxnSpMkLst>
            <pc:docMk/>
            <pc:sldMk cId="1272548044" sldId="632"/>
            <ac:cxnSpMk id="8" creationId="{86F9EC76-B095-3E49-BFE7-6273513DA691}"/>
          </ac:cxnSpMkLst>
        </pc:cxnChg>
        <pc:cxnChg chg="add del mod">
          <ac:chgData name="Daly Donnacha HSLU I" userId="0f22e960-400a-43ff-baeb-4828c8f5cd3a" providerId="ADAL" clId="{78138B16-7BCD-AB47-9B5F-6CC7C46E94E4}" dt="2021-04-11T12:36:29.983" v="3344" actId="478"/>
          <ac:cxnSpMkLst>
            <pc:docMk/>
            <pc:sldMk cId="1272548044" sldId="632"/>
            <ac:cxnSpMk id="9" creationId="{76029592-CE93-734E-A4A1-82D980B9AA76}"/>
          </ac:cxnSpMkLst>
        </pc:cxnChg>
        <pc:cxnChg chg="add del mod">
          <ac:chgData name="Daly Donnacha HSLU I" userId="0f22e960-400a-43ff-baeb-4828c8f5cd3a" providerId="ADAL" clId="{78138B16-7BCD-AB47-9B5F-6CC7C46E94E4}" dt="2021-04-11T12:36:29.983" v="3344" actId="478"/>
          <ac:cxnSpMkLst>
            <pc:docMk/>
            <pc:sldMk cId="1272548044" sldId="632"/>
            <ac:cxnSpMk id="10" creationId="{41B546F1-DDFE-5C4B-86C2-0C512D84D1FF}"/>
          </ac:cxnSpMkLst>
        </pc:cxnChg>
        <pc:cxnChg chg="add del mod">
          <ac:chgData name="Daly Donnacha HSLU I" userId="0f22e960-400a-43ff-baeb-4828c8f5cd3a" providerId="ADAL" clId="{78138B16-7BCD-AB47-9B5F-6CC7C46E94E4}" dt="2021-04-11T12:36:29.983" v="3344" actId="478"/>
          <ac:cxnSpMkLst>
            <pc:docMk/>
            <pc:sldMk cId="1272548044" sldId="632"/>
            <ac:cxnSpMk id="13" creationId="{20040B45-B27D-C446-B645-C020F4465080}"/>
          </ac:cxnSpMkLst>
        </pc:cxnChg>
        <pc:cxnChg chg="add del mod">
          <ac:chgData name="Daly Donnacha HSLU I" userId="0f22e960-400a-43ff-baeb-4828c8f5cd3a" providerId="ADAL" clId="{78138B16-7BCD-AB47-9B5F-6CC7C46E94E4}" dt="2021-04-11T12:36:29.983" v="3344" actId="478"/>
          <ac:cxnSpMkLst>
            <pc:docMk/>
            <pc:sldMk cId="1272548044" sldId="632"/>
            <ac:cxnSpMk id="14" creationId="{17387337-B19B-2F47-986E-C897C9878445}"/>
          </ac:cxnSpMkLst>
        </pc:cxnChg>
        <pc:cxnChg chg="add del mod">
          <ac:chgData name="Daly Donnacha HSLU I" userId="0f22e960-400a-43ff-baeb-4828c8f5cd3a" providerId="ADAL" clId="{78138B16-7BCD-AB47-9B5F-6CC7C46E94E4}" dt="2021-04-11T12:36:29.983" v="3344" actId="478"/>
          <ac:cxnSpMkLst>
            <pc:docMk/>
            <pc:sldMk cId="1272548044" sldId="632"/>
            <ac:cxnSpMk id="15" creationId="{24FCF655-FCDD-FF4C-BF83-9C3CB06EF135}"/>
          </ac:cxnSpMkLst>
        </pc:cxnChg>
        <pc:cxnChg chg="add del mod">
          <ac:chgData name="Daly Donnacha HSLU I" userId="0f22e960-400a-43ff-baeb-4828c8f5cd3a" providerId="ADAL" clId="{78138B16-7BCD-AB47-9B5F-6CC7C46E94E4}" dt="2021-04-11T12:36:29.983" v="3344" actId="478"/>
          <ac:cxnSpMkLst>
            <pc:docMk/>
            <pc:sldMk cId="1272548044" sldId="632"/>
            <ac:cxnSpMk id="16" creationId="{0B8DE34B-66E7-AB4D-8AB0-988BF6EB1555}"/>
          </ac:cxnSpMkLst>
        </pc:cxnChg>
        <pc:cxnChg chg="add del mod">
          <ac:chgData name="Daly Donnacha HSLU I" userId="0f22e960-400a-43ff-baeb-4828c8f5cd3a" providerId="ADAL" clId="{78138B16-7BCD-AB47-9B5F-6CC7C46E94E4}" dt="2021-04-11T12:36:29.983" v="3344" actId="478"/>
          <ac:cxnSpMkLst>
            <pc:docMk/>
            <pc:sldMk cId="1272548044" sldId="632"/>
            <ac:cxnSpMk id="22" creationId="{C998FD30-2172-A549-B0EF-B5B795E02307}"/>
          </ac:cxnSpMkLst>
        </pc:cxnChg>
        <pc:cxnChg chg="add del mod">
          <ac:chgData name="Daly Donnacha HSLU I" userId="0f22e960-400a-43ff-baeb-4828c8f5cd3a" providerId="ADAL" clId="{78138B16-7BCD-AB47-9B5F-6CC7C46E94E4}" dt="2021-04-11T12:36:29.983" v="3344" actId="478"/>
          <ac:cxnSpMkLst>
            <pc:docMk/>
            <pc:sldMk cId="1272548044" sldId="632"/>
            <ac:cxnSpMk id="23" creationId="{63120C2E-0785-AC42-AB3D-D9AD2889E4D8}"/>
          </ac:cxnSpMkLst>
        </pc:cxnChg>
        <pc:cxnChg chg="add del mod">
          <ac:chgData name="Daly Donnacha HSLU I" userId="0f22e960-400a-43ff-baeb-4828c8f5cd3a" providerId="ADAL" clId="{78138B16-7BCD-AB47-9B5F-6CC7C46E94E4}" dt="2021-04-11T12:36:29.983" v="3344" actId="478"/>
          <ac:cxnSpMkLst>
            <pc:docMk/>
            <pc:sldMk cId="1272548044" sldId="632"/>
            <ac:cxnSpMk id="24" creationId="{0D181BD0-316D-4142-A9A5-6E7DC0E0C269}"/>
          </ac:cxnSpMkLst>
        </pc:cxnChg>
        <pc:cxnChg chg="add del mod">
          <ac:chgData name="Daly Donnacha HSLU I" userId="0f22e960-400a-43ff-baeb-4828c8f5cd3a" providerId="ADAL" clId="{78138B16-7BCD-AB47-9B5F-6CC7C46E94E4}" dt="2021-04-11T12:36:29.983" v="3344" actId="478"/>
          <ac:cxnSpMkLst>
            <pc:docMk/>
            <pc:sldMk cId="1272548044" sldId="632"/>
            <ac:cxnSpMk id="25" creationId="{B1E7D4D2-93DA-9F48-9348-7478BFB052F3}"/>
          </ac:cxnSpMkLst>
        </pc:cxnChg>
        <pc:cxnChg chg="add del mod">
          <ac:chgData name="Daly Donnacha HSLU I" userId="0f22e960-400a-43ff-baeb-4828c8f5cd3a" providerId="ADAL" clId="{78138B16-7BCD-AB47-9B5F-6CC7C46E94E4}" dt="2021-04-11T12:36:28.150" v="3343" actId="21"/>
          <ac:cxnSpMkLst>
            <pc:docMk/>
            <pc:sldMk cId="1272548044" sldId="632"/>
            <ac:cxnSpMk id="30" creationId="{EBC10CE5-09C3-FC49-ACCA-9DBDB86CB1A7}"/>
          </ac:cxnSpMkLst>
        </pc:cxnChg>
        <pc:cxnChg chg="add del mod">
          <ac:chgData name="Daly Donnacha HSLU I" userId="0f22e960-400a-43ff-baeb-4828c8f5cd3a" providerId="ADAL" clId="{78138B16-7BCD-AB47-9B5F-6CC7C46E94E4}" dt="2021-04-11T12:36:28.150" v="3343" actId="21"/>
          <ac:cxnSpMkLst>
            <pc:docMk/>
            <pc:sldMk cId="1272548044" sldId="632"/>
            <ac:cxnSpMk id="31" creationId="{36236D82-FCE9-FA45-B959-7675F7993AD3}"/>
          </ac:cxnSpMkLst>
        </pc:cxnChg>
        <pc:cxnChg chg="add del mod">
          <ac:chgData name="Daly Donnacha HSLU I" userId="0f22e960-400a-43ff-baeb-4828c8f5cd3a" providerId="ADAL" clId="{78138B16-7BCD-AB47-9B5F-6CC7C46E94E4}" dt="2021-04-11T12:36:28.150" v="3343" actId="21"/>
          <ac:cxnSpMkLst>
            <pc:docMk/>
            <pc:sldMk cId="1272548044" sldId="632"/>
            <ac:cxnSpMk id="32" creationId="{EFC51BF3-C639-484F-BCC6-D5028A9FECA3}"/>
          </ac:cxnSpMkLst>
        </pc:cxnChg>
        <pc:cxnChg chg="add del mod">
          <ac:chgData name="Daly Donnacha HSLU I" userId="0f22e960-400a-43ff-baeb-4828c8f5cd3a" providerId="ADAL" clId="{78138B16-7BCD-AB47-9B5F-6CC7C46E94E4}" dt="2021-04-11T12:36:28.150" v="3343" actId="21"/>
          <ac:cxnSpMkLst>
            <pc:docMk/>
            <pc:sldMk cId="1272548044" sldId="632"/>
            <ac:cxnSpMk id="33" creationId="{2CB9EF95-2449-5C45-8844-F763EA6E0B3E}"/>
          </ac:cxnSpMkLst>
        </pc:cxnChg>
        <pc:cxnChg chg="add del mod">
          <ac:chgData name="Daly Donnacha HSLU I" userId="0f22e960-400a-43ff-baeb-4828c8f5cd3a" providerId="ADAL" clId="{78138B16-7BCD-AB47-9B5F-6CC7C46E94E4}" dt="2021-04-11T12:36:28.150" v="3343" actId="21"/>
          <ac:cxnSpMkLst>
            <pc:docMk/>
            <pc:sldMk cId="1272548044" sldId="632"/>
            <ac:cxnSpMk id="36" creationId="{4881B08E-72F4-D343-9148-2166ADE607F2}"/>
          </ac:cxnSpMkLst>
        </pc:cxnChg>
        <pc:cxnChg chg="add del mod">
          <ac:chgData name="Daly Donnacha HSLU I" userId="0f22e960-400a-43ff-baeb-4828c8f5cd3a" providerId="ADAL" clId="{78138B16-7BCD-AB47-9B5F-6CC7C46E94E4}" dt="2021-04-11T12:36:28.150" v="3343" actId="21"/>
          <ac:cxnSpMkLst>
            <pc:docMk/>
            <pc:sldMk cId="1272548044" sldId="632"/>
            <ac:cxnSpMk id="37" creationId="{1CD36671-4485-854A-93A9-B60117291264}"/>
          </ac:cxnSpMkLst>
        </pc:cxnChg>
        <pc:cxnChg chg="add del mod">
          <ac:chgData name="Daly Donnacha HSLU I" userId="0f22e960-400a-43ff-baeb-4828c8f5cd3a" providerId="ADAL" clId="{78138B16-7BCD-AB47-9B5F-6CC7C46E94E4}" dt="2021-04-11T12:36:28.150" v="3343" actId="21"/>
          <ac:cxnSpMkLst>
            <pc:docMk/>
            <pc:sldMk cId="1272548044" sldId="632"/>
            <ac:cxnSpMk id="38" creationId="{86F69538-B2BB-AB44-82EF-081326588DF6}"/>
          </ac:cxnSpMkLst>
        </pc:cxnChg>
        <pc:cxnChg chg="add del mod">
          <ac:chgData name="Daly Donnacha HSLU I" userId="0f22e960-400a-43ff-baeb-4828c8f5cd3a" providerId="ADAL" clId="{78138B16-7BCD-AB47-9B5F-6CC7C46E94E4}" dt="2021-04-11T12:36:28.150" v="3343" actId="21"/>
          <ac:cxnSpMkLst>
            <pc:docMk/>
            <pc:sldMk cId="1272548044" sldId="632"/>
            <ac:cxnSpMk id="39" creationId="{D8C8B0B8-A79E-0A4C-A3B5-5A31D149FA82}"/>
          </ac:cxnSpMkLst>
        </pc:cxnChg>
        <pc:cxnChg chg="add del mod">
          <ac:chgData name="Daly Donnacha HSLU I" userId="0f22e960-400a-43ff-baeb-4828c8f5cd3a" providerId="ADAL" clId="{78138B16-7BCD-AB47-9B5F-6CC7C46E94E4}" dt="2021-04-11T12:36:28.150" v="3343" actId="21"/>
          <ac:cxnSpMkLst>
            <pc:docMk/>
            <pc:sldMk cId="1272548044" sldId="632"/>
            <ac:cxnSpMk id="41" creationId="{BF0F1D3C-E770-0741-BD16-E9BD58EF8870}"/>
          </ac:cxnSpMkLst>
        </pc:cxnChg>
        <pc:cxnChg chg="add del mod">
          <ac:chgData name="Daly Donnacha HSLU I" userId="0f22e960-400a-43ff-baeb-4828c8f5cd3a" providerId="ADAL" clId="{78138B16-7BCD-AB47-9B5F-6CC7C46E94E4}" dt="2021-04-11T12:36:28.150" v="3343" actId="21"/>
          <ac:cxnSpMkLst>
            <pc:docMk/>
            <pc:sldMk cId="1272548044" sldId="632"/>
            <ac:cxnSpMk id="42" creationId="{734F6E2B-A429-0041-97F0-4945ED10ABE9}"/>
          </ac:cxnSpMkLst>
        </pc:cxnChg>
        <pc:cxnChg chg="add del mod">
          <ac:chgData name="Daly Donnacha HSLU I" userId="0f22e960-400a-43ff-baeb-4828c8f5cd3a" providerId="ADAL" clId="{78138B16-7BCD-AB47-9B5F-6CC7C46E94E4}" dt="2021-04-11T12:36:28.150" v="3343" actId="21"/>
          <ac:cxnSpMkLst>
            <pc:docMk/>
            <pc:sldMk cId="1272548044" sldId="632"/>
            <ac:cxnSpMk id="43" creationId="{49BCF10F-5439-024A-BAE6-81EE5E564DBF}"/>
          </ac:cxnSpMkLst>
        </pc:cxnChg>
        <pc:cxnChg chg="add del mod">
          <ac:chgData name="Daly Donnacha HSLU I" userId="0f22e960-400a-43ff-baeb-4828c8f5cd3a" providerId="ADAL" clId="{78138B16-7BCD-AB47-9B5F-6CC7C46E94E4}" dt="2021-04-11T12:36:28.150" v="3343" actId="21"/>
          <ac:cxnSpMkLst>
            <pc:docMk/>
            <pc:sldMk cId="1272548044" sldId="632"/>
            <ac:cxnSpMk id="44" creationId="{C5026E0E-10D4-9645-8BB0-58F6C8ABF436}"/>
          </ac:cxnSpMkLst>
        </pc:cxnChg>
        <pc:cxnChg chg="add del mod">
          <ac:chgData name="Daly Donnacha HSLU I" userId="0f22e960-400a-43ff-baeb-4828c8f5cd3a" providerId="ADAL" clId="{78138B16-7BCD-AB47-9B5F-6CC7C46E94E4}" dt="2021-04-11T12:36:28.150" v="3343" actId="21"/>
          <ac:cxnSpMkLst>
            <pc:docMk/>
            <pc:sldMk cId="1272548044" sldId="632"/>
            <ac:cxnSpMk id="50" creationId="{EFBBB423-C328-9E47-BEE7-82AFAFA733EA}"/>
          </ac:cxnSpMkLst>
        </pc:cxnChg>
        <pc:cxnChg chg="add del mod">
          <ac:chgData name="Daly Donnacha HSLU I" userId="0f22e960-400a-43ff-baeb-4828c8f5cd3a" providerId="ADAL" clId="{78138B16-7BCD-AB47-9B5F-6CC7C46E94E4}" dt="2021-04-11T12:36:28.150" v="3343" actId="21"/>
          <ac:cxnSpMkLst>
            <pc:docMk/>
            <pc:sldMk cId="1272548044" sldId="632"/>
            <ac:cxnSpMk id="53" creationId="{0072F319-E8E1-E046-8709-CA6FF82B71B4}"/>
          </ac:cxnSpMkLst>
        </pc:cxnChg>
        <pc:cxnChg chg="add mod">
          <ac:chgData name="Daly Donnacha HSLU I" userId="0f22e960-400a-43ff-baeb-4828c8f5cd3a" providerId="ADAL" clId="{78138B16-7BCD-AB47-9B5F-6CC7C46E94E4}" dt="2021-04-11T12:36:30.340" v="3345"/>
          <ac:cxnSpMkLst>
            <pc:docMk/>
            <pc:sldMk cId="1272548044" sldId="632"/>
            <ac:cxnSpMk id="60" creationId="{2C48069B-BF35-5849-8F2D-11D9AAAB7343}"/>
          </ac:cxnSpMkLst>
        </pc:cxnChg>
        <pc:cxnChg chg="add mod">
          <ac:chgData name="Daly Donnacha HSLU I" userId="0f22e960-400a-43ff-baeb-4828c8f5cd3a" providerId="ADAL" clId="{78138B16-7BCD-AB47-9B5F-6CC7C46E94E4}" dt="2021-04-11T12:36:30.340" v="3345"/>
          <ac:cxnSpMkLst>
            <pc:docMk/>
            <pc:sldMk cId="1272548044" sldId="632"/>
            <ac:cxnSpMk id="61" creationId="{A9CECD11-03EC-DB45-B51E-27D5799404C0}"/>
          </ac:cxnSpMkLst>
        </pc:cxnChg>
        <pc:cxnChg chg="add mod">
          <ac:chgData name="Daly Donnacha HSLU I" userId="0f22e960-400a-43ff-baeb-4828c8f5cd3a" providerId="ADAL" clId="{78138B16-7BCD-AB47-9B5F-6CC7C46E94E4}" dt="2021-04-11T12:36:30.340" v="3345"/>
          <ac:cxnSpMkLst>
            <pc:docMk/>
            <pc:sldMk cId="1272548044" sldId="632"/>
            <ac:cxnSpMk id="62" creationId="{89FF7BC5-0297-394D-9983-C406CDAA480E}"/>
          </ac:cxnSpMkLst>
        </pc:cxnChg>
        <pc:cxnChg chg="add mod">
          <ac:chgData name="Daly Donnacha HSLU I" userId="0f22e960-400a-43ff-baeb-4828c8f5cd3a" providerId="ADAL" clId="{78138B16-7BCD-AB47-9B5F-6CC7C46E94E4}" dt="2021-04-11T12:36:30.340" v="3345"/>
          <ac:cxnSpMkLst>
            <pc:docMk/>
            <pc:sldMk cId="1272548044" sldId="632"/>
            <ac:cxnSpMk id="63" creationId="{FB44D7C9-A021-8C4A-99F1-EB3BF75AE966}"/>
          </ac:cxnSpMkLst>
        </pc:cxnChg>
        <pc:cxnChg chg="add mod">
          <ac:chgData name="Daly Donnacha HSLU I" userId="0f22e960-400a-43ff-baeb-4828c8f5cd3a" providerId="ADAL" clId="{78138B16-7BCD-AB47-9B5F-6CC7C46E94E4}" dt="2021-04-11T12:36:30.340" v="3345"/>
          <ac:cxnSpMkLst>
            <pc:docMk/>
            <pc:sldMk cId="1272548044" sldId="632"/>
            <ac:cxnSpMk id="66" creationId="{8BD3E3BD-F34E-A64D-B419-55AD23AE02A2}"/>
          </ac:cxnSpMkLst>
        </pc:cxnChg>
        <pc:cxnChg chg="add mod">
          <ac:chgData name="Daly Donnacha HSLU I" userId="0f22e960-400a-43ff-baeb-4828c8f5cd3a" providerId="ADAL" clId="{78138B16-7BCD-AB47-9B5F-6CC7C46E94E4}" dt="2021-04-11T12:36:30.340" v="3345"/>
          <ac:cxnSpMkLst>
            <pc:docMk/>
            <pc:sldMk cId="1272548044" sldId="632"/>
            <ac:cxnSpMk id="67" creationId="{46C4C915-378D-FF4D-B727-ABC9D54D8370}"/>
          </ac:cxnSpMkLst>
        </pc:cxnChg>
        <pc:cxnChg chg="add mod">
          <ac:chgData name="Daly Donnacha HSLU I" userId="0f22e960-400a-43ff-baeb-4828c8f5cd3a" providerId="ADAL" clId="{78138B16-7BCD-AB47-9B5F-6CC7C46E94E4}" dt="2021-04-11T12:36:30.340" v="3345"/>
          <ac:cxnSpMkLst>
            <pc:docMk/>
            <pc:sldMk cId="1272548044" sldId="632"/>
            <ac:cxnSpMk id="68" creationId="{9A042AFC-4E99-804F-8417-035FB59307D0}"/>
          </ac:cxnSpMkLst>
        </pc:cxnChg>
        <pc:cxnChg chg="add mod">
          <ac:chgData name="Daly Donnacha HSLU I" userId="0f22e960-400a-43ff-baeb-4828c8f5cd3a" providerId="ADAL" clId="{78138B16-7BCD-AB47-9B5F-6CC7C46E94E4}" dt="2021-04-11T12:36:30.340" v="3345"/>
          <ac:cxnSpMkLst>
            <pc:docMk/>
            <pc:sldMk cId="1272548044" sldId="632"/>
            <ac:cxnSpMk id="69" creationId="{C18F6827-AF60-264C-8C38-7286EF0FF8D2}"/>
          </ac:cxnSpMkLst>
        </pc:cxnChg>
        <pc:cxnChg chg="add mod">
          <ac:chgData name="Daly Donnacha HSLU I" userId="0f22e960-400a-43ff-baeb-4828c8f5cd3a" providerId="ADAL" clId="{78138B16-7BCD-AB47-9B5F-6CC7C46E94E4}" dt="2021-04-11T12:36:30.340" v="3345"/>
          <ac:cxnSpMkLst>
            <pc:docMk/>
            <pc:sldMk cId="1272548044" sldId="632"/>
            <ac:cxnSpMk id="71" creationId="{C0136DD6-DB52-2943-B053-978CD0B63B48}"/>
          </ac:cxnSpMkLst>
        </pc:cxnChg>
        <pc:cxnChg chg="add mod">
          <ac:chgData name="Daly Donnacha HSLU I" userId="0f22e960-400a-43ff-baeb-4828c8f5cd3a" providerId="ADAL" clId="{78138B16-7BCD-AB47-9B5F-6CC7C46E94E4}" dt="2021-04-11T12:36:30.340" v="3345"/>
          <ac:cxnSpMkLst>
            <pc:docMk/>
            <pc:sldMk cId="1272548044" sldId="632"/>
            <ac:cxnSpMk id="72" creationId="{1BF43C38-BF0E-BE4B-8CA8-806E6EA33010}"/>
          </ac:cxnSpMkLst>
        </pc:cxnChg>
        <pc:cxnChg chg="add mod">
          <ac:chgData name="Daly Donnacha HSLU I" userId="0f22e960-400a-43ff-baeb-4828c8f5cd3a" providerId="ADAL" clId="{78138B16-7BCD-AB47-9B5F-6CC7C46E94E4}" dt="2021-04-11T12:36:30.340" v="3345"/>
          <ac:cxnSpMkLst>
            <pc:docMk/>
            <pc:sldMk cId="1272548044" sldId="632"/>
            <ac:cxnSpMk id="73" creationId="{D12ED68C-D2D3-2A4F-B921-C347BCDC2A8C}"/>
          </ac:cxnSpMkLst>
        </pc:cxnChg>
        <pc:cxnChg chg="add mod">
          <ac:chgData name="Daly Donnacha HSLU I" userId="0f22e960-400a-43ff-baeb-4828c8f5cd3a" providerId="ADAL" clId="{78138B16-7BCD-AB47-9B5F-6CC7C46E94E4}" dt="2021-04-11T12:36:30.340" v="3345"/>
          <ac:cxnSpMkLst>
            <pc:docMk/>
            <pc:sldMk cId="1272548044" sldId="632"/>
            <ac:cxnSpMk id="74" creationId="{31C8DB5F-6D90-EF4E-8F43-DB3C3D185948}"/>
          </ac:cxnSpMkLst>
        </pc:cxnChg>
        <pc:cxnChg chg="add mod">
          <ac:chgData name="Daly Donnacha HSLU I" userId="0f22e960-400a-43ff-baeb-4828c8f5cd3a" providerId="ADAL" clId="{78138B16-7BCD-AB47-9B5F-6CC7C46E94E4}" dt="2021-04-11T12:36:30.340" v="3345"/>
          <ac:cxnSpMkLst>
            <pc:docMk/>
            <pc:sldMk cId="1272548044" sldId="632"/>
            <ac:cxnSpMk id="80" creationId="{76F30BDC-4125-CB4E-B343-D1F84E2C37B1}"/>
          </ac:cxnSpMkLst>
        </pc:cxnChg>
        <pc:cxnChg chg="add mod">
          <ac:chgData name="Daly Donnacha HSLU I" userId="0f22e960-400a-43ff-baeb-4828c8f5cd3a" providerId="ADAL" clId="{78138B16-7BCD-AB47-9B5F-6CC7C46E94E4}" dt="2021-04-11T12:36:30.340" v="3345"/>
          <ac:cxnSpMkLst>
            <pc:docMk/>
            <pc:sldMk cId="1272548044" sldId="632"/>
            <ac:cxnSpMk id="83" creationId="{06A72DD2-7AEA-704A-9657-798419C370FD}"/>
          </ac:cxnSpMkLst>
        </pc:cxnChg>
      </pc:sldChg>
      <pc:sldChg chg="addSp delSp modSp add mod">
        <pc:chgData name="Daly Donnacha HSLU I" userId="0f22e960-400a-43ff-baeb-4828c8f5cd3a" providerId="ADAL" clId="{78138B16-7BCD-AB47-9B5F-6CC7C46E94E4}" dt="2021-04-11T13:26:59.918" v="4036" actId="113"/>
        <pc:sldMkLst>
          <pc:docMk/>
          <pc:sldMk cId="2724319377" sldId="633"/>
        </pc:sldMkLst>
        <pc:spChg chg="mod">
          <ac:chgData name="Daly Donnacha HSLU I" userId="0f22e960-400a-43ff-baeb-4828c8f5cd3a" providerId="ADAL" clId="{78138B16-7BCD-AB47-9B5F-6CC7C46E94E4}" dt="2021-04-11T12:54:28.816" v="3651" actId="20577"/>
          <ac:spMkLst>
            <pc:docMk/>
            <pc:sldMk cId="2724319377" sldId="633"/>
            <ac:spMk id="2" creationId="{8B3D10FA-6DC4-F845-9C65-B8D93F183A2C}"/>
          </ac:spMkLst>
        </pc:spChg>
        <pc:spChg chg="del mod">
          <ac:chgData name="Daly Donnacha HSLU I" userId="0f22e960-400a-43ff-baeb-4828c8f5cd3a" providerId="ADAL" clId="{78138B16-7BCD-AB47-9B5F-6CC7C46E94E4}" dt="2021-04-11T12:51:27.649" v="3549" actId="21"/>
          <ac:spMkLst>
            <pc:docMk/>
            <pc:sldMk cId="2724319377" sldId="633"/>
            <ac:spMk id="3" creationId="{A2EC78C4-3D26-0C46-9DC3-E89202E56D65}"/>
          </ac:spMkLst>
        </pc:spChg>
        <pc:spChg chg="del">
          <ac:chgData name="Daly Donnacha HSLU I" userId="0f22e960-400a-43ff-baeb-4828c8f5cd3a" providerId="ADAL" clId="{78138B16-7BCD-AB47-9B5F-6CC7C46E94E4}" dt="2021-04-11T12:51:35.337" v="3552" actId="478"/>
          <ac:spMkLst>
            <pc:docMk/>
            <pc:sldMk cId="2724319377" sldId="633"/>
            <ac:spMk id="9" creationId="{BCC99F9D-D62B-D14B-AB2F-5195ED3F5542}"/>
          </ac:spMkLst>
        </pc:spChg>
        <pc:spChg chg="del">
          <ac:chgData name="Daly Donnacha HSLU I" userId="0f22e960-400a-43ff-baeb-4828c8f5cd3a" providerId="ADAL" clId="{78138B16-7BCD-AB47-9B5F-6CC7C46E94E4}" dt="2021-04-11T12:49:49.962" v="3524" actId="478"/>
          <ac:spMkLst>
            <pc:docMk/>
            <pc:sldMk cId="2724319377" sldId="633"/>
            <ac:spMk id="11" creationId="{58D6D82A-3932-E94B-8489-0117F97FC64A}"/>
          </ac:spMkLst>
        </pc:spChg>
        <pc:spChg chg="del">
          <ac:chgData name="Daly Donnacha HSLU I" userId="0f22e960-400a-43ff-baeb-4828c8f5cd3a" providerId="ADAL" clId="{78138B16-7BCD-AB47-9B5F-6CC7C46E94E4}" dt="2021-04-11T12:51:42.344" v="3554" actId="478"/>
          <ac:spMkLst>
            <pc:docMk/>
            <pc:sldMk cId="2724319377" sldId="633"/>
            <ac:spMk id="12" creationId="{A0C20A9F-967C-BB44-83C8-10925AE5B5E7}"/>
          </ac:spMkLst>
        </pc:spChg>
        <pc:spChg chg="del mod">
          <ac:chgData name="Daly Donnacha HSLU I" userId="0f22e960-400a-43ff-baeb-4828c8f5cd3a" providerId="ADAL" clId="{78138B16-7BCD-AB47-9B5F-6CC7C46E94E4}" dt="2021-04-11T12:51:27.649" v="3549" actId="21"/>
          <ac:spMkLst>
            <pc:docMk/>
            <pc:sldMk cId="2724319377" sldId="633"/>
            <ac:spMk id="14" creationId="{BF0934B5-6A0E-D742-B3CC-3ECB517A92E1}"/>
          </ac:spMkLst>
        </pc:spChg>
        <pc:spChg chg="del mod">
          <ac:chgData name="Daly Donnacha HSLU I" userId="0f22e960-400a-43ff-baeb-4828c8f5cd3a" providerId="ADAL" clId="{78138B16-7BCD-AB47-9B5F-6CC7C46E94E4}" dt="2021-04-11T12:51:27.649" v="3549" actId="21"/>
          <ac:spMkLst>
            <pc:docMk/>
            <pc:sldMk cId="2724319377" sldId="633"/>
            <ac:spMk id="15" creationId="{33DA8322-8182-F84A-B27F-2E53034214DD}"/>
          </ac:spMkLst>
        </pc:spChg>
        <pc:spChg chg="del mod">
          <ac:chgData name="Daly Donnacha HSLU I" userId="0f22e960-400a-43ff-baeb-4828c8f5cd3a" providerId="ADAL" clId="{78138B16-7BCD-AB47-9B5F-6CC7C46E94E4}" dt="2021-04-11T12:51:27.649" v="3549" actId="21"/>
          <ac:spMkLst>
            <pc:docMk/>
            <pc:sldMk cId="2724319377" sldId="633"/>
            <ac:spMk id="16" creationId="{F82E5003-1CAB-844D-89F4-C606CACF44F1}"/>
          </ac:spMkLst>
        </pc:spChg>
        <pc:spChg chg="del mod">
          <ac:chgData name="Daly Donnacha HSLU I" userId="0f22e960-400a-43ff-baeb-4828c8f5cd3a" providerId="ADAL" clId="{78138B16-7BCD-AB47-9B5F-6CC7C46E94E4}" dt="2021-04-11T12:51:27.649" v="3549" actId="21"/>
          <ac:spMkLst>
            <pc:docMk/>
            <pc:sldMk cId="2724319377" sldId="633"/>
            <ac:spMk id="17" creationId="{83F6AF7A-8F93-9B41-AAFF-20C313B40B09}"/>
          </ac:spMkLst>
        </pc:spChg>
        <pc:spChg chg="del mod">
          <ac:chgData name="Daly Donnacha HSLU I" userId="0f22e960-400a-43ff-baeb-4828c8f5cd3a" providerId="ADAL" clId="{78138B16-7BCD-AB47-9B5F-6CC7C46E94E4}" dt="2021-04-11T12:51:27.649" v="3549" actId="21"/>
          <ac:spMkLst>
            <pc:docMk/>
            <pc:sldMk cId="2724319377" sldId="633"/>
            <ac:spMk id="18" creationId="{FA46CC92-EA9B-5748-BF27-B4C166042551}"/>
          </ac:spMkLst>
        </pc:spChg>
        <pc:spChg chg="del mod">
          <ac:chgData name="Daly Donnacha HSLU I" userId="0f22e960-400a-43ff-baeb-4828c8f5cd3a" providerId="ADAL" clId="{78138B16-7BCD-AB47-9B5F-6CC7C46E94E4}" dt="2021-04-11T12:51:27.649" v="3549" actId="21"/>
          <ac:spMkLst>
            <pc:docMk/>
            <pc:sldMk cId="2724319377" sldId="633"/>
            <ac:spMk id="19" creationId="{202FC008-8569-0048-AD7A-057E833C7A37}"/>
          </ac:spMkLst>
        </pc:spChg>
        <pc:spChg chg="del mod">
          <ac:chgData name="Daly Donnacha HSLU I" userId="0f22e960-400a-43ff-baeb-4828c8f5cd3a" providerId="ADAL" clId="{78138B16-7BCD-AB47-9B5F-6CC7C46E94E4}" dt="2021-04-11T12:51:27.649" v="3549" actId="21"/>
          <ac:spMkLst>
            <pc:docMk/>
            <pc:sldMk cId="2724319377" sldId="633"/>
            <ac:spMk id="20" creationId="{05986C5C-570A-1B4B-8102-710F05584ACF}"/>
          </ac:spMkLst>
        </pc:spChg>
        <pc:spChg chg="del mod">
          <ac:chgData name="Daly Donnacha HSLU I" userId="0f22e960-400a-43ff-baeb-4828c8f5cd3a" providerId="ADAL" clId="{78138B16-7BCD-AB47-9B5F-6CC7C46E94E4}" dt="2021-04-11T12:51:27.649" v="3549" actId="21"/>
          <ac:spMkLst>
            <pc:docMk/>
            <pc:sldMk cId="2724319377" sldId="633"/>
            <ac:spMk id="25" creationId="{3F2AA63D-2194-C045-93E4-A93E03EBC5B3}"/>
          </ac:spMkLst>
        </pc:spChg>
        <pc:spChg chg="del mod">
          <ac:chgData name="Daly Donnacha HSLU I" userId="0f22e960-400a-43ff-baeb-4828c8f5cd3a" providerId="ADAL" clId="{78138B16-7BCD-AB47-9B5F-6CC7C46E94E4}" dt="2021-04-11T12:51:27.649" v="3549" actId="21"/>
          <ac:spMkLst>
            <pc:docMk/>
            <pc:sldMk cId="2724319377" sldId="633"/>
            <ac:spMk id="31" creationId="{8D81CC82-1571-6E4E-B68F-3A31520CF805}"/>
          </ac:spMkLst>
        </pc:spChg>
        <pc:spChg chg="del mod">
          <ac:chgData name="Daly Donnacha HSLU I" userId="0f22e960-400a-43ff-baeb-4828c8f5cd3a" providerId="ADAL" clId="{78138B16-7BCD-AB47-9B5F-6CC7C46E94E4}" dt="2021-04-11T12:51:27.649" v="3549" actId="21"/>
          <ac:spMkLst>
            <pc:docMk/>
            <pc:sldMk cId="2724319377" sldId="633"/>
            <ac:spMk id="32" creationId="{42C25B95-9ED5-B744-A524-FDFDCA00EFF6}"/>
          </ac:spMkLst>
        </pc:spChg>
        <pc:spChg chg="del mod">
          <ac:chgData name="Daly Donnacha HSLU I" userId="0f22e960-400a-43ff-baeb-4828c8f5cd3a" providerId="ADAL" clId="{78138B16-7BCD-AB47-9B5F-6CC7C46E94E4}" dt="2021-04-11T12:51:27.649" v="3549" actId="21"/>
          <ac:spMkLst>
            <pc:docMk/>
            <pc:sldMk cId="2724319377" sldId="633"/>
            <ac:spMk id="33" creationId="{FCED4CBB-6A63-7E43-94D8-94156496E7D2}"/>
          </ac:spMkLst>
        </pc:spChg>
        <pc:spChg chg="del mod">
          <ac:chgData name="Daly Donnacha HSLU I" userId="0f22e960-400a-43ff-baeb-4828c8f5cd3a" providerId="ADAL" clId="{78138B16-7BCD-AB47-9B5F-6CC7C46E94E4}" dt="2021-04-11T12:51:27.649" v="3549" actId="21"/>
          <ac:spMkLst>
            <pc:docMk/>
            <pc:sldMk cId="2724319377" sldId="633"/>
            <ac:spMk id="34" creationId="{DC34B51B-3C86-F541-9808-6C7793B04613}"/>
          </ac:spMkLst>
        </pc:spChg>
        <pc:spChg chg="del mod">
          <ac:chgData name="Daly Donnacha HSLU I" userId="0f22e960-400a-43ff-baeb-4828c8f5cd3a" providerId="ADAL" clId="{78138B16-7BCD-AB47-9B5F-6CC7C46E94E4}" dt="2021-04-11T12:51:27.649" v="3549" actId="21"/>
          <ac:spMkLst>
            <pc:docMk/>
            <pc:sldMk cId="2724319377" sldId="633"/>
            <ac:spMk id="35" creationId="{A5C55D1C-D345-024D-A205-AD89EB19A03A}"/>
          </ac:spMkLst>
        </pc:spChg>
        <pc:spChg chg="del mod">
          <ac:chgData name="Daly Donnacha HSLU I" userId="0f22e960-400a-43ff-baeb-4828c8f5cd3a" providerId="ADAL" clId="{78138B16-7BCD-AB47-9B5F-6CC7C46E94E4}" dt="2021-04-11T12:51:27.649" v="3549" actId="21"/>
          <ac:spMkLst>
            <pc:docMk/>
            <pc:sldMk cId="2724319377" sldId="633"/>
            <ac:spMk id="36" creationId="{26B7E0A4-A4ED-9049-AE40-821446DEC3CD}"/>
          </ac:spMkLst>
        </pc:spChg>
        <pc:spChg chg="del mod">
          <ac:chgData name="Daly Donnacha HSLU I" userId="0f22e960-400a-43ff-baeb-4828c8f5cd3a" providerId="ADAL" clId="{78138B16-7BCD-AB47-9B5F-6CC7C46E94E4}" dt="2021-04-11T12:51:27.649" v="3549" actId="21"/>
          <ac:spMkLst>
            <pc:docMk/>
            <pc:sldMk cId="2724319377" sldId="633"/>
            <ac:spMk id="40" creationId="{CFDC57A8-C880-434C-9F5D-A94226117012}"/>
          </ac:spMkLst>
        </pc:spChg>
        <pc:spChg chg="del mod">
          <ac:chgData name="Daly Donnacha HSLU I" userId="0f22e960-400a-43ff-baeb-4828c8f5cd3a" providerId="ADAL" clId="{78138B16-7BCD-AB47-9B5F-6CC7C46E94E4}" dt="2021-04-11T12:51:27.649" v="3549" actId="21"/>
          <ac:spMkLst>
            <pc:docMk/>
            <pc:sldMk cId="2724319377" sldId="633"/>
            <ac:spMk id="42" creationId="{41E250EC-75A3-7545-A4CF-AA6317C96B44}"/>
          </ac:spMkLst>
        </pc:spChg>
        <pc:spChg chg="del mod">
          <ac:chgData name="Daly Donnacha HSLU I" userId="0f22e960-400a-43ff-baeb-4828c8f5cd3a" providerId="ADAL" clId="{78138B16-7BCD-AB47-9B5F-6CC7C46E94E4}" dt="2021-04-11T12:51:27.649" v="3549" actId="21"/>
          <ac:spMkLst>
            <pc:docMk/>
            <pc:sldMk cId="2724319377" sldId="633"/>
            <ac:spMk id="43" creationId="{55E8B40E-1056-E041-8BE9-3C58AE97D65C}"/>
          </ac:spMkLst>
        </pc:spChg>
        <pc:spChg chg="del mod">
          <ac:chgData name="Daly Donnacha HSLU I" userId="0f22e960-400a-43ff-baeb-4828c8f5cd3a" providerId="ADAL" clId="{78138B16-7BCD-AB47-9B5F-6CC7C46E94E4}" dt="2021-04-11T12:51:27.649" v="3549" actId="21"/>
          <ac:spMkLst>
            <pc:docMk/>
            <pc:sldMk cId="2724319377" sldId="633"/>
            <ac:spMk id="44" creationId="{43501A39-A27B-004C-B3D2-2D9A0FBDD695}"/>
          </ac:spMkLst>
        </pc:spChg>
        <pc:spChg chg="del mod">
          <ac:chgData name="Daly Donnacha HSLU I" userId="0f22e960-400a-43ff-baeb-4828c8f5cd3a" providerId="ADAL" clId="{78138B16-7BCD-AB47-9B5F-6CC7C46E94E4}" dt="2021-04-11T12:51:27.649" v="3549" actId="21"/>
          <ac:spMkLst>
            <pc:docMk/>
            <pc:sldMk cId="2724319377" sldId="633"/>
            <ac:spMk id="45" creationId="{E88EFDA1-8AD7-D44C-8F03-CE3C722BC310}"/>
          </ac:spMkLst>
        </pc:spChg>
        <pc:spChg chg="del mod">
          <ac:chgData name="Daly Donnacha HSLU I" userId="0f22e960-400a-43ff-baeb-4828c8f5cd3a" providerId="ADAL" clId="{78138B16-7BCD-AB47-9B5F-6CC7C46E94E4}" dt="2021-04-11T12:51:27.649" v="3549" actId="21"/>
          <ac:spMkLst>
            <pc:docMk/>
            <pc:sldMk cId="2724319377" sldId="633"/>
            <ac:spMk id="46" creationId="{25950819-EE53-1E4E-BAE6-97C0FBA8639B}"/>
          </ac:spMkLst>
        </pc:spChg>
        <pc:spChg chg="del mod">
          <ac:chgData name="Daly Donnacha HSLU I" userId="0f22e960-400a-43ff-baeb-4828c8f5cd3a" providerId="ADAL" clId="{78138B16-7BCD-AB47-9B5F-6CC7C46E94E4}" dt="2021-04-11T12:51:27.649" v="3549" actId="21"/>
          <ac:spMkLst>
            <pc:docMk/>
            <pc:sldMk cId="2724319377" sldId="633"/>
            <ac:spMk id="47" creationId="{1EF00DDF-190B-8A44-AECB-316DB6AF7F84}"/>
          </ac:spMkLst>
        </pc:spChg>
        <pc:spChg chg="del mod">
          <ac:chgData name="Daly Donnacha HSLU I" userId="0f22e960-400a-43ff-baeb-4828c8f5cd3a" providerId="ADAL" clId="{78138B16-7BCD-AB47-9B5F-6CC7C46E94E4}" dt="2021-04-11T12:51:27.649" v="3549" actId="21"/>
          <ac:spMkLst>
            <pc:docMk/>
            <pc:sldMk cId="2724319377" sldId="633"/>
            <ac:spMk id="48" creationId="{47E5AB14-31B5-4C43-B43F-2A164F28C63E}"/>
          </ac:spMkLst>
        </pc:spChg>
        <pc:spChg chg="mod">
          <ac:chgData name="Daly Donnacha HSLU I" userId="0f22e960-400a-43ff-baeb-4828c8f5cd3a" providerId="ADAL" clId="{78138B16-7BCD-AB47-9B5F-6CC7C46E94E4}" dt="2021-04-11T12:53:56.437" v="3623" actId="1076"/>
          <ac:spMkLst>
            <pc:docMk/>
            <pc:sldMk cId="2724319377" sldId="633"/>
            <ac:spMk id="49" creationId="{092B1DDF-564B-C94F-9C91-4AB52F0A355D}"/>
          </ac:spMkLst>
        </pc:spChg>
        <pc:spChg chg="del mod">
          <ac:chgData name="Daly Donnacha HSLU I" userId="0f22e960-400a-43ff-baeb-4828c8f5cd3a" providerId="ADAL" clId="{78138B16-7BCD-AB47-9B5F-6CC7C46E94E4}" dt="2021-04-11T12:51:27.649" v="3549" actId="21"/>
          <ac:spMkLst>
            <pc:docMk/>
            <pc:sldMk cId="2724319377" sldId="633"/>
            <ac:spMk id="50" creationId="{79F37A67-A42E-D944-A323-4F8512FB71C7}"/>
          </ac:spMkLst>
        </pc:spChg>
        <pc:spChg chg="del mod">
          <ac:chgData name="Daly Donnacha HSLU I" userId="0f22e960-400a-43ff-baeb-4828c8f5cd3a" providerId="ADAL" clId="{78138B16-7BCD-AB47-9B5F-6CC7C46E94E4}" dt="2021-04-11T12:51:27.649" v="3549" actId="21"/>
          <ac:spMkLst>
            <pc:docMk/>
            <pc:sldMk cId="2724319377" sldId="633"/>
            <ac:spMk id="51" creationId="{39810EBD-BE97-294F-8E0D-2A126A72B07F}"/>
          </ac:spMkLst>
        </pc:spChg>
        <pc:spChg chg="del">
          <ac:chgData name="Daly Donnacha HSLU I" userId="0f22e960-400a-43ff-baeb-4828c8f5cd3a" providerId="ADAL" clId="{78138B16-7BCD-AB47-9B5F-6CC7C46E94E4}" dt="2021-04-11T12:51:32.979" v="3551" actId="478"/>
          <ac:spMkLst>
            <pc:docMk/>
            <pc:sldMk cId="2724319377" sldId="633"/>
            <ac:spMk id="52" creationId="{676D8055-E73F-8F4F-BA8C-627F28056E55}"/>
          </ac:spMkLst>
        </pc:spChg>
        <pc:spChg chg="del">
          <ac:chgData name="Daly Donnacha HSLU I" userId="0f22e960-400a-43ff-baeb-4828c8f5cd3a" providerId="ADAL" clId="{78138B16-7BCD-AB47-9B5F-6CC7C46E94E4}" dt="2021-04-11T12:51:32.979" v="3551" actId="478"/>
          <ac:spMkLst>
            <pc:docMk/>
            <pc:sldMk cId="2724319377" sldId="633"/>
            <ac:spMk id="53" creationId="{B5358D30-BDEC-2A4C-9031-363491E36C28}"/>
          </ac:spMkLst>
        </pc:spChg>
        <pc:spChg chg="mod">
          <ac:chgData name="Daly Donnacha HSLU I" userId="0f22e960-400a-43ff-baeb-4828c8f5cd3a" providerId="ADAL" clId="{78138B16-7BCD-AB47-9B5F-6CC7C46E94E4}" dt="2021-04-11T12:53:56.437" v="3623" actId="1076"/>
          <ac:spMkLst>
            <pc:docMk/>
            <pc:sldMk cId="2724319377" sldId="633"/>
            <ac:spMk id="54" creationId="{4DA9BF28-F893-194E-8469-05951C115F02}"/>
          </ac:spMkLst>
        </pc:spChg>
        <pc:spChg chg="mod">
          <ac:chgData name="Daly Donnacha HSLU I" userId="0f22e960-400a-43ff-baeb-4828c8f5cd3a" providerId="ADAL" clId="{78138B16-7BCD-AB47-9B5F-6CC7C46E94E4}" dt="2021-04-11T12:54:36.653" v="3653" actId="1076"/>
          <ac:spMkLst>
            <pc:docMk/>
            <pc:sldMk cId="2724319377" sldId="633"/>
            <ac:spMk id="55" creationId="{849E54F9-8BE1-0C49-B32C-CA3734894FFB}"/>
          </ac:spMkLst>
        </pc:spChg>
        <pc:spChg chg="mod">
          <ac:chgData name="Daly Donnacha HSLU I" userId="0f22e960-400a-43ff-baeb-4828c8f5cd3a" providerId="ADAL" clId="{78138B16-7BCD-AB47-9B5F-6CC7C46E94E4}" dt="2021-04-11T12:54:45.396" v="3655" actId="14100"/>
          <ac:spMkLst>
            <pc:docMk/>
            <pc:sldMk cId="2724319377" sldId="633"/>
            <ac:spMk id="56" creationId="{D15EAA19-CCC2-BA4D-90E2-7F536288FD20}"/>
          </ac:spMkLst>
        </pc:spChg>
        <pc:spChg chg="mod">
          <ac:chgData name="Daly Donnacha HSLU I" userId="0f22e960-400a-43ff-baeb-4828c8f5cd3a" providerId="ADAL" clId="{78138B16-7BCD-AB47-9B5F-6CC7C46E94E4}" dt="2021-04-11T12:54:49.323" v="3659" actId="14100"/>
          <ac:spMkLst>
            <pc:docMk/>
            <pc:sldMk cId="2724319377" sldId="633"/>
            <ac:spMk id="58" creationId="{8C2D798E-D68E-C949-99EC-B14D9DC489DE}"/>
          </ac:spMkLst>
        </pc:spChg>
        <pc:spChg chg="add mod">
          <ac:chgData name="Daly Donnacha HSLU I" userId="0f22e960-400a-43ff-baeb-4828c8f5cd3a" providerId="ADAL" clId="{78138B16-7BCD-AB47-9B5F-6CC7C46E94E4}" dt="2021-04-11T12:51:35.629" v="3553"/>
          <ac:spMkLst>
            <pc:docMk/>
            <pc:sldMk cId="2724319377" sldId="633"/>
            <ac:spMk id="59" creationId="{928F4559-8E94-344B-8A2A-FADEC5F20B18}"/>
          </ac:spMkLst>
        </pc:spChg>
        <pc:spChg chg="add mod">
          <ac:chgData name="Daly Donnacha HSLU I" userId="0f22e960-400a-43ff-baeb-4828c8f5cd3a" providerId="ADAL" clId="{78138B16-7BCD-AB47-9B5F-6CC7C46E94E4}" dt="2021-04-11T12:51:35.629" v="3553"/>
          <ac:spMkLst>
            <pc:docMk/>
            <pc:sldMk cId="2724319377" sldId="633"/>
            <ac:spMk id="60" creationId="{7A68E267-E377-2443-9CFD-2753026A34FE}"/>
          </ac:spMkLst>
        </pc:spChg>
        <pc:spChg chg="add mod">
          <ac:chgData name="Daly Donnacha HSLU I" userId="0f22e960-400a-43ff-baeb-4828c8f5cd3a" providerId="ADAL" clId="{78138B16-7BCD-AB47-9B5F-6CC7C46E94E4}" dt="2021-04-11T12:51:35.629" v="3553"/>
          <ac:spMkLst>
            <pc:docMk/>
            <pc:sldMk cId="2724319377" sldId="633"/>
            <ac:spMk id="61" creationId="{A199AF65-32AB-C542-B812-10D0D71C8500}"/>
          </ac:spMkLst>
        </pc:spChg>
        <pc:spChg chg="add mod">
          <ac:chgData name="Daly Donnacha HSLU I" userId="0f22e960-400a-43ff-baeb-4828c8f5cd3a" providerId="ADAL" clId="{78138B16-7BCD-AB47-9B5F-6CC7C46E94E4}" dt="2021-04-11T12:51:35.629" v="3553"/>
          <ac:spMkLst>
            <pc:docMk/>
            <pc:sldMk cId="2724319377" sldId="633"/>
            <ac:spMk id="62" creationId="{A885D235-8A46-1442-850D-F0DEE2D77BCD}"/>
          </ac:spMkLst>
        </pc:spChg>
        <pc:spChg chg="add mod">
          <ac:chgData name="Daly Donnacha HSLU I" userId="0f22e960-400a-43ff-baeb-4828c8f5cd3a" providerId="ADAL" clId="{78138B16-7BCD-AB47-9B5F-6CC7C46E94E4}" dt="2021-04-11T12:51:35.629" v="3553"/>
          <ac:spMkLst>
            <pc:docMk/>
            <pc:sldMk cId="2724319377" sldId="633"/>
            <ac:spMk id="63" creationId="{CC6E039F-9420-E247-B76D-B99836199029}"/>
          </ac:spMkLst>
        </pc:spChg>
        <pc:spChg chg="add mod">
          <ac:chgData name="Daly Donnacha HSLU I" userId="0f22e960-400a-43ff-baeb-4828c8f5cd3a" providerId="ADAL" clId="{78138B16-7BCD-AB47-9B5F-6CC7C46E94E4}" dt="2021-04-11T12:51:35.629" v="3553"/>
          <ac:spMkLst>
            <pc:docMk/>
            <pc:sldMk cId="2724319377" sldId="633"/>
            <ac:spMk id="64" creationId="{18597F94-0E30-7146-BFB5-1D944C5CB753}"/>
          </ac:spMkLst>
        </pc:spChg>
        <pc:spChg chg="add mod">
          <ac:chgData name="Daly Donnacha HSLU I" userId="0f22e960-400a-43ff-baeb-4828c8f5cd3a" providerId="ADAL" clId="{78138B16-7BCD-AB47-9B5F-6CC7C46E94E4}" dt="2021-04-11T12:51:35.629" v="3553"/>
          <ac:spMkLst>
            <pc:docMk/>
            <pc:sldMk cId="2724319377" sldId="633"/>
            <ac:spMk id="65" creationId="{4613D8AA-EF51-4F45-9C00-6F4F52C7723C}"/>
          </ac:spMkLst>
        </pc:spChg>
        <pc:spChg chg="add mod">
          <ac:chgData name="Daly Donnacha HSLU I" userId="0f22e960-400a-43ff-baeb-4828c8f5cd3a" providerId="ADAL" clId="{78138B16-7BCD-AB47-9B5F-6CC7C46E94E4}" dt="2021-04-11T12:51:35.629" v="3553"/>
          <ac:spMkLst>
            <pc:docMk/>
            <pc:sldMk cId="2724319377" sldId="633"/>
            <ac:spMk id="67" creationId="{1DB6BB37-4C13-FF42-92CD-BF914C9EE4A3}"/>
          </ac:spMkLst>
        </pc:spChg>
        <pc:spChg chg="add mod">
          <ac:chgData name="Daly Donnacha HSLU I" userId="0f22e960-400a-43ff-baeb-4828c8f5cd3a" providerId="ADAL" clId="{78138B16-7BCD-AB47-9B5F-6CC7C46E94E4}" dt="2021-04-11T12:51:35.629" v="3553"/>
          <ac:spMkLst>
            <pc:docMk/>
            <pc:sldMk cId="2724319377" sldId="633"/>
            <ac:spMk id="69" creationId="{098F91A4-6A26-0443-972C-6F94D7927D7D}"/>
          </ac:spMkLst>
        </pc:spChg>
        <pc:spChg chg="add mod">
          <ac:chgData name="Daly Donnacha HSLU I" userId="0f22e960-400a-43ff-baeb-4828c8f5cd3a" providerId="ADAL" clId="{78138B16-7BCD-AB47-9B5F-6CC7C46E94E4}" dt="2021-04-11T12:51:35.629" v="3553"/>
          <ac:spMkLst>
            <pc:docMk/>
            <pc:sldMk cId="2724319377" sldId="633"/>
            <ac:spMk id="70" creationId="{551BB848-AEC0-2C4B-8519-80DBF781F2CE}"/>
          </ac:spMkLst>
        </pc:spChg>
        <pc:spChg chg="add mod">
          <ac:chgData name="Daly Donnacha HSLU I" userId="0f22e960-400a-43ff-baeb-4828c8f5cd3a" providerId="ADAL" clId="{78138B16-7BCD-AB47-9B5F-6CC7C46E94E4}" dt="2021-04-11T12:51:35.629" v="3553"/>
          <ac:spMkLst>
            <pc:docMk/>
            <pc:sldMk cId="2724319377" sldId="633"/>
            <ac:spMk id="71" creationId="{8C1889A6-49D8-8448-A52D-8D43E958CE8A}"/>
          </ac:spMkLst>
        </pc:spChg>
        <pc:spChg chg="add mod">
          <ac:chgData name="Daly Donnacha HSLU I" userId="0f22e960-400a-43ff-baeb-4828c8f5cd3a" providerId="ADAL" clId="{78138B16-7BCD-AB47-9B5F-6CC7C46E94E4}" dt="2021-04-11T12:51:35.629" v="3553"/>
          <ac:spMkLst>
            <pc:docMk/>
            <pc:sldMk cId="2724319377" sldId="633"/>
            <ac:spMk id="72" creationId="{01D0CED4-424C-514E-BB69-1E31D1B9183F}"/>
          </ac:spMkLst>
        </pc:spChg>
        <pc:spChg chg="add mod">
          <ac:chgData name="Daly Donnacha HSLU I" userId="0f22e960-400a-43ff-baeb-4828c8f5cd3a" providerId="ADAL" clId="{78138B16-7BCD-AB47-9B5F-6CC7C46E94E4}" dt="2021-04-11T12:51:35.629" v="3553"/>
          <ac:spMkLst>
            <pc:docMk/>
            <pc:sldMk cId="2724319377" sldId="633"/>
            <ac:spMk id="73" creationId="{755D9281-2533-9547-B714-65EA6CAF3D1E}"/>
          </ac:spMkLst>
        </pc:spChg>
        <pc:spChg chg="add mod">
          <ac:chgData name="Daly Donnacha HSLU I" userId="0f22e960-400a-43ff-baeb-4828c8f5cd3a" providerId="ADAL" clId="{78138B16-7BCD-AB47-9B5F-6CC7C46E94E4}" dt="2021-04-11T12:51:35.629" v="3553"/>
          <ac:spMkLst>
            <pc:docMk/>
            <pc:sldMk cId="2724319377" sldId="633"/>
            <ac:spMk id="74" creationId="{4DE19E44-F50D-754D-944E-A652913B4FE9}"/>
          </ac:spMkLst>
        </pc:spChg>
        <pc:spChg chg="add mod">
          <ac:chgData name="Daly Donnacha HSLU I" userId="0f22e960-400a-43ff-baeb-4828c8f5cd3a" providerId="ADAL" clId="{78138B16-7BCD-AB47-9B5F-6CC7C46E94E4}" dt="2021-04-11T12:51:35.629" v="3553"/>
          <ac:spMkLst>
            <pc:docMk/>
            <pc:sldMk cId="2724319377" sldId="633"/>
            <ac:spMk id="76" creationId="{62ED94DA-EFCF-4B4E-8C7E-D61AE2C93E58}"/>
          </ac:spMkLst>
        </pc:spChg>
        <pc:spChg chg="add mod">
          <ac:chgData name="Daly Donnacha HSLU I" userId="0f22e960-400a-43ff-baeb-4828c8f5cd3a" providerId="ADAL" clId="{78138B16-7BCD-AB47-9B5F-6CC7C46E94E4}" dt="2021-04-11T12:51:35.629" v="3553"/>
          <ac:spMkLst>
            <pc:docMk/>
            <pc:sldMk cId="2724319377" sldId="633"/>
            <ac:spMk id="78" creationId="{09FD4F40-1744-A542-999F-15245BCE93F7}"/>
          </ac:spMkLst>
        </pc:spChg>
        <pc:spChg chg="add mod">
          <ac:chgData name="Daly Donnacha HSLU I" userId="0f22e960-400a-43ff-baeb-4828c8f5cd3a" providerId="ADAL" clId="{78138B16-7BCD-AB47-9B5F-6CC7C46E94E4}" dt="2021-04-11T12:51:35.629" v="3553"/>
          <ac:spMkLst>
            <pc:docMk/>
            <pc:sldMk cId="2724319377" sldId="633"/>
            <ac:spMk id="79" creationId="{7D2F895E-9A36-0F47-A6DC-10181FD2F808}"/>
          </ac:spMkLst>
        </pc:spChg>
        <pc:spChg chg="add mod">
          <ac:chgData name="Daly Donnacha HSLU I" userId="0f22e960-400a-43ff-baeb-4828c8f5cd3a" providerId="ADAL" clId="{78138B16-7BCD-AB47-9B5F-6CC7C46E94E4}" dt="2021-04-11T12:51:35.629" v="3553"/>
          <ac:spMkLst>
            <pc:docMk/>
            <pc:sldMk cId="2724319377" sldId="633"/>
            <ac:spMk id="80" creationId="{C09C15BE-8CC1-6F44-8D12-E8066E3B7B64}"/>
          </ac:spMkLst>
        </pc:spChg>
        <pc:spChg chg="add mod">
          <ac:chgData name="Daly Donnacha HSLU I" userId="0f22e960-400a-43ff-baeb-4828c8f5cd3a" providerId="ADAL" clId="{78138B16-7BCD-AB47-9B5F-6CC7C46E94E4}" dt="2021-04-11T12:51:35.629" v="3553"/>
          <ac:spMkLst>
            <pc:docMk/>
            <pc:sldMk cId="2724319377" sldId="633"/>
            <ac:spMk id="81" creationId="{E7659CAA-3632-B745-9A9F-D7B6EC8A2156}"/>
          </ac:spMkLst>
        </pc:spChg>
        <pc:spChg chg="add mod">
          <ac:chgData name="Daly Donnacha HSLU I" userId="0f22e960-400a-43ff-baeb-4828c8f5cd3a" providerId="ADAL" clId="{78138B16-7BCD-AB47-9B5F-6CC7C46E94E4}" dt="2021-04-11T12:51:35.629" v="3553"/>
          <ac:spMkLst>
            <pc:docMk/>
            <pc:sldMk cId="2724319377" sldId="633"/>
            <ac:spMk id="82" creationId="{52DEB0DF-A3BC-BC48-91DB-F1FE78186367}"/>
          </ac:spMkLst>
        </pc:spChg>
        <pc:spChg chg="add mod">
          <ac:chgData name="Daly Donnacha HSLU I" userId="0f22e960-400a-43ff-baeb-4828c8f5cd3a" providerId="ADAL" clId="{78138B16-7BCD-AB47-9B5F-6CC7C46E94E4}" dt="2021-04-11T12:51:35.629" v="3553"/>
          <ac:spMkLst>
            <pc:docMk/>
            <pc:sldMk cId="2724319377" sldId="633"/>
            <ac:spMk id="83" creationId="{8FF11610-C0E4-7C4B-8531-DBF528ABD34C}"/>
          </ac:spMkLst>
        </pc:spChg>
        <pc:spChg chg="add mod">
          <ac:chgData name="Daly Donnacha HSLU I" userId="0f22e960-400a-43ff-baeb-4828c8f5cd3a" providerId="ADAL" clId="{78138B16-7BCD-AB47-9B5F-6CC7C46E94E4}" dt="2021-04-11T12:51:35.629" v="3553"/>
          <ac:spMkLst>
            <pc:docMk/>
            <pc:sldMk cId="2724319377" sldId="633"/>
            <ac:spMk id="84" creationId="{4381C42A-28F9-374A-A789-186C948A2E35}"/>
          </ac:spMkLst>
        </pc:spChg>
        <pc:spChg chg="add mod">
          <ac:chgData name="Daly Donnacha HSLU I" userId="0f22e960-400a-43ff-baeb-4828c8f5cd3a" providerId="ADAL" clId="{78138B16-7BCD-AB47-9B5F-6CC7C46E94E4}" dt="2021-04-11T12:51:35.629" v="3553"/>
          <ac:spMkLst>
            <pc:docMk/>
            <pc:sldMk cId="2724319377" sldId="633"/>
            <ac:spMk id="85" creationId="{438D14C9-3924-2B4A-AAE5-1D67896A86C5}"/>
          </ac:spMkLst>
        </pc:spChg>
        <pc:spChg chg="add mod">
          <ac:chgData name="Daly Donnacha HSLU I" userId="0f22e960-400a-43ff-baeb-4828c8f5cd3a" providerId="ADAL" clId="{78138B16-7BCD-AB47-9B5F-6CC7C46E94E4}" dt="2021-04-11T12:51:35.629" v="3553"/>
          <ac:spMkLst>
            <pc:docMk/>
            <pc:sldMk cId="2724319377" sldId="633"/>
            <ac:spMk id="86" creationId="{DEEE6F43-8312-194F-BFC7-71C8AEFA385F}"/>
          </ac:spMkLst>
        </pc:spChg>
        <pc:spChg chg="add mod">
          <ac:chgData name="Daly Donnacha HSLU I" userId="0f22e960-400a-43ff-baeb-4828c8f5cd3a" providerId="ADAL" clId="{78138B16-7BCD-AB47-9B5F-6CC7C46E94E4}" dt="2021-04-11T12:51:35.629" v="3553"/>
          <ac:spMkLst>
            <pc:docMk/>
            <pc:sldMk cId="2724319377" sldId="633"/>
            <ac:spMk id="87" creationId="{6787BAB3-6315-1E4B-86CE-8DF281E736F6}"/>
          </ac:spMkLst>
        </pc:spChg>
        <pc:spChg chg="add mod">
          <ac:chgData name="Daly Donnacha HSLU I" userId="0f22e960-400a-43ff-baeb-4828c8f5cd3a" providerId="ADAL" clId="{78138B16-7BCD-AB47-9B5F-6CC7C46E94E4}" dt="2021-04-11T13:24:47.860" v="3934" actId="20577"/>
          <ac:spMkLst>
            <pc:docMk/>
            <pc:sldMk cId="2724319377" sldId="633"/>
            <ac:spMk id="88" creationId="{D662E195-9DB3-D74B-9139-6CF26173A21D}"/>
          </ac:spMkLst>
        </pc:spChg>
        <pc:spChg chg="add mod">
          <ac:chgData name="Daly Donnacha HSLU I" userId="0f22e960-400a-43ff-baeb-4828c8f5cd3a" providerId="ADAL" clId="{78138B16-7BCD-AB47-9B5F-6CC7C46E94E4}" dt="2021-04-11T13:26:59.918" v="4036" actId="113"/>
          <ac:spMkLst>
            <pc:docMk/>
            <pc:sldMk cId="2724319377" sldId="633"/>
            <ac:spMk id="89" creationId="{AFE5A2AB-AE1B-1A41-860D-8F29E4D3BFF0}"/>
          </ac:spMkLst>
        </pc:spChg>
        <pc:picChg chg="del">
          <ac:chgData name="Daly Donnacha HSLU I" userId="0f22e960-400a-43ff-baeb-4828c8f5cd3a" providerId="ADAL" clId="{78138B16-7BCD-AB47-9B5F-6CC7C46E94E4}" dt="2021-04-11T12:51:29.801" v="3550" actId="478"/>
          <ac:picMkLst>
            <pc:docMk/>
            <pc:sldMk cId="2724319377" sldId="633"/>
            <ac:picMk id="10" creationId="{1CCEA9C0-F733-BE4A-ADE2-4D47C81EA411}"/>
          </ac:picMkLst>
        </pc:picChg>
        <pc:picChg chg="del mod">
          <ac:chgData name="Daly Donnacha HSLU I" userId="0f22e960-400a-43ff-baeb-4828c8f5cd3a" providerId="ADAL" clId="{78138B16-7BCD-AB47-9B5F-6CC7C46E94E4}" dt="2021-04-11T12:51:27.649" v="3549" actId="21"/>
          <ac:picMkLst>
            <pc:docMk/>
            <pc:sldMk cId="2724319377" sldId="633"/>
            <ac:picMk id="13" creationId="{1C28F85B-E12E-1B47-B165-6FC10725F8CC}"/>
          </ac:picMkLst>
        </pc:picChg>
        <pc:picChg chg="add mod">
          <ac:chgData name="Daly Donnacha HSLU I" userId="0f22e960-400a-43ff-baeb-4828c8f5cd3a" providerId="ADAL" clId="{78138B16-7BCD-AB47-9B5F-6CC7C46E94E4}" dt="2021-04-11T12:51:35.629" v="3553"/>
          <ac:picMkLst>
            <pc:docMk/>
            <pc:sldMk cId="2724319377" sldId="633"/>
            <ac:picMk id="57" creationId="{A448BB4E-2E95-C245-8F36-EC77B2A125A5}"/>
          </ac:picMkLst>
        </pc:picChg>
        <pc:cxnChg chg="del mod">
          <ac:chgData name="Daly Donnacha HSLU I" userId="0f22e960-400a-43ff-baeb-4828c8f5cd3a" providerId="ADAL" clId="{78138B16-7BCD-AB47-9B5F-6CC7C46E94E4}" dt="2021-04-11T12:51:27.649" v="3549" actId="21"/>
          <ac:cxnSpMkLst>
            <pc:docMk/>
            <pc:sldMk cId="2724319377" sldId="633"/>
            <ac:cxnSpMk id="21" creationId="{0D143D2E-4A66-A748-955C-63FCE773D85C}"/>
          </ac:cxnSpMkLst>
        </pc:cxnChg>
        <pc:cxnChg chg="del mod">
          <ac:chgData name="Daly Donnacha HSLU I" userId="0f22e960-400a-43ff-baeb-4828c8f5cd3a" providerId="ADAL" clId="{78138B16-7BCD-AB47-9B5F-6CC7C46E94E4}" dt="2021-04-11T12:51:27.649" v="3549" actId="21"/>
          <ac:cxnSpMkLst>
            <pc:docMk/>
            <pc:sldMk cId="2724319377" sldId="633"/>
            <ac:cxnSpMk id="26" creationId="{ACC83948-7DD7-AB4C-8D4B-C3B1AEC0C900}"/>
          </ac:cxnSpMkLst>
        </pc:cxnChg>
        <pc:cxnChg chg="del mod">
          <ac:chgData name="Daly Donnacha HSLU I" userId="0f22e960-400a-43ff-baeb-4828c8f5cd3a" providerId="ADAL" clId="{78138B16-7BCD-AB47-9B5F-6CC7C46E94E4}" dt="2021-04-11T12:51:27.649" v="3549" actId="21"/>
          <ac:cxnSpMkLst>
            <pc:docMk/>
            <pc:sldMk cId="2724319377" sldId="633"/>
            <ac:cxnSpMk id="37" creationId="{ABB14596-0F5A-D441-ACC0-F7DC832E6D5E}"/>
          </ac:cxnSpMkLst>
        </pc:cxnChg>
        <pc:cxnChg chg="del mod">
          <ac:chgData name="Daly Donnacha HSLU I" userId="0f22e960-400a-43ff-baeb-4828c8f5cd3a" providerId="ADAL" clId="{78138B16-7BCD-AB47-9B5F-6CC7C46E94E4}" dt="2021-04-11T12:51:27.649" v="3549" actId="21"/>
          <ac:cxnSpMkLst>
            <pc:docMk/>
            <pc:sldMk cId="2724319377" sldId="633"/>
            <ac:cxnSpMk id="41" creationId="{8EB3FEDA-1D8A-2444-AB94-22F66D992F15}"/>
          </ac:cxnSpMkLst>
        </pc:cxnChg>
        <pc:cxnChg chg="add mod">
          <ac:chgData name="Daly Donnacha HSLU I" userId="0f22e960-400a-43ff-baeb-4828c8f5cd3a" providerId="ADAL" clId="{78138B16-7BCD-AB47-9B5F-6CC7C46E94E4}" dt="2021-04-11T12:51:35.629" v="3553"/>
          <ac:cxnSpMkLst>
            <pc:docMk/>
            <pc:sldMk cId="2724319377" sldId="633"/>
            <ac:cxnSpMk id="66" creationId="{CC0AB4BA-6D50-3B4C-AE7F-93B4F644A3BD}"/>
          </ac:cxnSpMkLst>
        </pc:cxnChg>
        <pc:cxnChg chg="add mod">
          <ac:chgData name="Daly Donnacha HSLU I" userId="0f22e960-400a-43ff-baeb-4828c8f5cd3a" providerId="ADAL" clId="{78138B16-7BCD-AB47-9B5F-6CC7C46E94E4}" dt="2021-04-11T12:51:35.629" v="3553"/>
          <ac:cxnSpMkLst>
            <pc:docMk/>
            <pc:sldMk cId="2724319377" sldId="633"/>
            <ac:cxnSpMk id="68" creationId="{B12EBE5E-2C68-E340-8D2D-53FBB27A8871}"/>
          </ac:cxnSpMkLst>
        </pc:cxnChg>
        <pc:cxnChg chg="add mod">
          <ac:chgData name="Daly Donnacha HSLU I" userId="0f22e960-400a-43ff-baeb-4828c8f5cd3a" providerId="ADAL" clId="{78138B16-7BCD-AB47-9B5F-6CC7C46E94E4}" dt="2021-04-11T12:51:35.629" v="3553"/>
          <ac:cxnSpMkLst>
            <pc:docMk/>
            <pc:sldMk cId="2724319377" sldId="633"/>
            <ac:cxnSpMk id="75" creationId="{0980B22F-B612-114A-ABD7-A10927965EED}"/>
          </ac:cxnSpMkLst>
        </pc:cxnChg>
        <pc:cxnChg chg="add mod">
          <ac:chgData name="Daly Donnacha HSLU I" userId="0f22e960-400a-43ff-baeb-4828c8f5cd3a" providerId="ADAL" clId="{78138B16-7BCD-AB47-9B5F-6CC7C46E94E4}" dt="2021-04-11T12:51:35.629" v="3553"/>
          <ac:cxnSpMkLst>
            <pc:docMk/>
            <pc:sldMk cId="2724319377" sldId="633"/>
            <ac:cxnSpMk id="77" creationId="{2B713EE2-21D0-7F47-B6D9-719F8F8A07F0}"/>
          </ac:cxnSpMkLst>
        </pc:cxnChg>
      </pc:sldChg>
      <pc:sldChg chg="addSp delSp modSp add mod">
        <pc:chgData name="Daly Donnacha HSLU I" userId="0f22e960-400a-43ff-baeb-4828c8f5cd3a" providerId="ADAL" clId="{78138B16-7BCD-AB47-9B5F-6CC7C46E94E4}" dt="2021-04-11T13:34:12.486" v="4364" actId="6549"/>
        <pc:sldMkLst>
          <pc:docMk/>
          <pc:sldMk cId="2373715063" sldId="634"/>
        </pc:sldMkLst>
        <pc:spChg chg="mod">
          <ac:chgData name="Daly Donnacha HSLU I" userId="0f22e960-400a-43ff-baeb-4828c8f5cd3a" providerId="ADAL" clId="{78138B16-7BCD-AB47-9B5F-6CC7C46E94E4}" dt="2021-04-11T13:31:18.052" v="4264" actId="6549"/>
          <ac:spMkLst>
            <pc:docMk/>
            <pc:sldMk cId="2373715063" sldId="634"/>
            <ac:spMk id="2" creationId="{8B3D10FA-6DC4-F845-9C65-B8D93F183A2C}"/>
          </ac:spMkLst>
        </pc:spChg>
        <pc:spChg chg="add del">
          <ac:chgData name="Daly Donnacha HSLU I" userId="0f22e960-400a-43ff-baeb-4828c8f5cd3a" providerId="ADAL" clId="{78138B16-7BCD-AB47-9B5F-6CC7C46E94E4}" dt="2021-04-11T12:57:27.733" v="3710" actId="478"/>
          <ac:spMkLst>
            <pc:docMk/>
            <pc:sldMk cId="2373715063" sldId="634"/>
            <ac:spMk id="9" creationId="{8B33EE33-83FA-BE4B-A877-37AFAEE25088}"/>
          </ac:spMkLst>
        </pc:spChg>
        <pc:spChg chg="add del">
          <ac:chgData name="Daly Donnacha HSLU I" userId="0f22e960-400a-43ff-baeb-4828c8f5cd3a" providerId="ADAL" clId="{78138B16-7BCD-AB47-9B5F-6CC7C46E94E4}" dt="2021-04-11T12:57:27.733" v="3710" actId="478"/>
          <ac:spMkLst>
            <pc:docMk/>
            <pc:sldMk cId="2373715063" sldId="634"/>
            <ac:spMk id="10" creationId="{4DD14DBC-A61C-FB41-9869-2C53ABCA36B7}"/>
          </ac:spMkLst>
        </pc:spChg>
        <pc:spChg chg="add del">
          <ac:chgData name="Daly Donnacha HSLU I" userId="0f22e960-400a-43ff-baeb-4828c8f5cd3a" providerId="ADAL" clId="{78138B16-7BCD-AB47-9B5F-6CC7C46E94E4}" dt="2021-04-11T13:31:22.224" v="4265" actId="478"/>
          <ac:spMkLst>
            <pc:docMk/>
            <pc:sldMk cId="2373715063" sldId="634"/>
            <ac:spMk id="11" creationId="{161EFBC7-F438-FD48-9275-B39C8DCA9EEA}"/>
          </ac:spMkLst>
        </pc:spChg>
        <pc:spChg chg="add del mod">
          <ac:chgData name="Daly Donnacha HSLU I" userId="0f22e960-400a-43ff-baeb-4828c8f5cd3a" providerId="ADAL" clId="{78138B16-7BCD-AB47-9B5F-6CC7C46E94E4}" dt="2021-04-11T13:34:12.486" v="4364" actId="6549"/>
          <ac:spMkLst>
            <pc:docMk/>
            <pc:sldMk cId="2373715063" sldId="634"/>
            <ac:spMk id="12" creationId="{299DC33E-0F35-0B4D-BE13-87A003A3123C}"/>
          </ac:spMkLst>
        </pc:spChg>
        <pc:spChg chg="add del">
          <ac:chgData name="Daly Donnacha HSLU I" userId="0f22e960-400a-43ff-baeb-4828c8f5cd3a" providerId="ADAL" clId="{78138B16-7BCD-AB47-9B5F-6CC7C46E94E4}" dt="2021-04-11T12:57:15.216" v="3707" actId="478"/>
          <ac:spMkLst>
            <pc:docMk/>
            <pc:sldMk cId="2373715063" sldId="634"/>
            <ac:spMk id="16" creationId="{6719E11E-DB68-284D-9BA1-19A75823434F}"/>
          </ac:spMkLst>
        </pc:spChg>
        <pc:picChg chg="add del mod">
          <ac:chgData name="Daly Donnacha HSLU I" userId="0f22e960-400a-43ff-baeb-4828c8f5cd3a" providerId="ADAL" clId="{78138B16-7BCD-AB47-9B5F-6CC7C46E94E4}" dt="2021-04-11T13:33:23.998" v="4334" actId="1036"/>
          <ac:picMkLst>
            <pc:docMk/>
            <pc:sldMk cId="2373715063" sldId="634"/>
            <ac:picMk id="6" creationId="{DF51A0BC-0F78-E249-8691-4F4638DFE563}"/>
          </ac:picMkLst>
        </pc:picChg>
        <pc:picChg chg="add del">
          <ac:chgData name="Daly Donnacha HSLU I" userId="0f22e960-400a-43ff-baeb-4828c8f5cd3a" providerId="ADAL" clId="{78138B16-7BCD-AB47-9B5F-6CC7C46E94E4}" dt="2021-04-11T12:57:27.733" v="3710" actId="478"/>
          <ac:picMkLst>
            <pc:docMk/>
            <pc:sldMk cId="2373715063" sldId="634"/>
            <ac:picMk id="8" creationId="{34589173-1014-7040-A83C-6CC328A793E4}"/>
          </ac:picMkLst>
        </pc:picChg>
        <pc:cxnChg chg="add del mod">
          <ac:chgData name="Daly Donnacha HSLU I" userId="0f22e960-400a-43ff-baeb-4828c8f5cd3a" providerId="ADAL" clId="{78138B16-7BCD-AB47-9B5F-6CC7C46E94E4}" dt="2021-04-11T12:57:27.733" v="3710" actId="478"/>
          <ac:cxnSpMkLst>
            <pc:docMk/>
            <pc:sldMk cId="2373715063" sldId="634"/>
            <ac:cxnSpMk id="13" creationId="{FC7CF972-CB39-7249-A8CC-0F99A28B8D54}"/>
          </ac:cxnSpMkLst>
        </pc:cxnChg>
      </pc:sldChg>
      <pc:sldChg chg="addSp delSp modSp add mod">
        <pc:chgData name="Daly Donnacha HSLU I" userId="0f22e960-400a-43ff-baeb-4828c8f5cd3a" providerId="ADAL" clId="{78138B16-7BCD-AB47-9B5F-6CC7C46E94E4}" dt="2021-04-11T13:50:04.662" v="4813" actId="20577"/>
        <pc:sldMkLst>
          <pc:docMk/>
          <pc:sldMk cId="3477665471" sldId="635"/>
        </pc:sldMkLst>
        <pc:spChg chg="mod">
          <ac:chgData name="Daly Donnacha HSLU I" userId="0f22e960-400a-43ff-baeb-4828c8f5cd3a" providerId="ADAL" clId="{78138B16-7BCD-AB47-9B5F-6CC7C46E94E4}" dt="2021-04-11T13:34:59.349" v="4391" actId="20577"/>
          <ac:spMkLst>
            <pc:docMk/>
            <pc:sldMk cId="3477665471" sldId="635"/>
            <ac:spMk id="2" creationId="{3022F467-0172-614A-96E8-341DEC0FBD77}"/>
          </ac:spMkLst>
        </pc:spChg>
        <pc:spChg chg="del">
          <ac:chgData name="Daly Donnacha HSLU I" userId="0f22e960-400a-43ff-baeb-4828c8f5cd3a" providerId="ADAL" clId="{78138B16-7BCD-AB47-9B5F-6CC7C46E94E4}" dt="2021-04-11T13:35:04.957" v="4392" actId="478"/>
          <ac:spMkLst>
            <pc:docMk/>
            <pc:sldMk cId="3477665471" sldId="635"/>
            <ac:spMk id="7" creationId="{DE71427D-44BE-AF4D-9E4C-8D48A06627B4}"/>
          </ac:spMkLst>
        </pc:spChg>
        <pc:spChg chg="mod">
          <ac:chgData name="Daly Donnacha HSLU I" userId="0f22e960-400a-43ff-baeb-4828c8f5cd3a" providerId="ADAL" clId="{78138B16-7BCD-AB47-9B5F-6CC7C46E94E4}" dt="2021-04-11T13:48:38.593" v="4714" actId="1076"/>
          <ac:spMkLst>
            <pc:docMk/>
            <pc:sldMk cId="3477665471" sldId="635"/>
            <ac:spMk id="10" creationId="{8ADDEF43-4D72-2648-89BB-C4E58C14DB7C}"/>
          </ac:spMkLst>
        </pc:spChg>
        <pc:spChg chg="del mod">
          <ac:chgData name="Daly Donnacha HSLU I" userId="0f22e960-400a-43ff-baeb-4828c8f5cd3a" providerId="ADAL" clId="{78138B16-7BCD-AB47-9B5F-6CC7C46E94E4}" dt="2021-04-11T13:41:44.969" v="4621" actId="478"/>
          <ac:spMkLst>
            <pc:docMk/>
            <pc:sldMk cId="3477665471" sldId="635"/>
            <ac:spMk id="14" creationId="{90B57314-7382-5A41-B74E-AB428FB683E1}"/>
          </ac:spMkLst>
        </pc:spChg>
        <pc:spChg chg="del mod">
          <ac:chgData name="Daly Donnacha HSLU I" userId="0f22e960-400a-43ff-baeb-4828c8f5cd3a" providerId="ADAL" clId="{78138B16-7BCD-AB47-9B5F-6CC7C46E94E4}" dt="2021-04-11T13:41:44.969" v="4621" actId="478"/>
          <ac:spMkLst>
            <pc:docMk/>
            <pc:sldMk cId="3477665471" sldId="635"/>
            <ac:spMk id="15" creationId="{C0C813F8-9F64-D341-8EA2-FAB34604D0AA}"/>
          </ac:spMkLst>
        </pc:spChg>
        <pc:spChg chg="del mod">
          <ac:chgData name="Daly Donnacha HSLU I" userId="0f22e960-400a-43ff-baeb-4828c8f5cd3a" providerId="ADAL" clId="{78138B16-7BCD-AB47-9B5F-6CC7C46E94E4}" dt="2021-04-11T13:41:44.969" v="4621" actId="478"/>
          <ac:spMkLst>
            <pc:docMk/>
            <pc:sldMk cId="3477665471" sldId="635"/>
            <ac:spMk id="16" creationId="{7D49C807-239C-4748-8A1F-B7A3288B6E48}"/>
          </ac:spMkLst>
        </pc:spChg>
        <pc:spChg chg="mod">
          <ac:chgData name="Daly Donnacha HSLU I" userId="0f22e960-400a-43ff-baeb-4828c8f5cd3a" providerId="ADAL" clId="{78138B16-7BCD-AB47-9B5F-6CC7C46E94E4}" dt="2021-04-11T13:49:01.415" v="4722" actId="1037"/>
          <ac:spMkLst>
            <pc:docMk/>
            <pc:sldMk cId="3477665471" sldId="635"/>
            <ac:spMk id="17" creationId="{C5500805-BEEB-3B4B-8477-6F483FEEBBAD}"/>
          </ac:spMkLst>
        </pc:spChg>
        <pc:spChg chg="mod">
          <ac:chgData name="Daly Donnacha HSLU I" userId="0f22e960-400a-43ff-baeb-4828c8f5cd3a" providerId="ADAL" clId="{78138B16-7BCD-AB47-9B5F-6CC7C46E94E4}" dt="2021-04-11T13:49:01.415" v="4722" actId="1037"/>
          <ac:spMkLst>
            <pc:docMk/>
            <pc:sldMk cId="3477665471" sldId="635"/>
            <ac:spMk id="24" creationId="{B71604F0-88B6-9644-BA1B-C02C8A0A770C}"/>
          </ac:spMkLst>
        </pc:spChg>
        <pc:spChg chg="mod">
          <ac:chgData name="Daly Donnacha HSLU I" userId="0f22e960-400a-43ff-baeb-4828c8f5cd3a" providerId="ADAL" clId="{78138B16-7BCD-AB47-9B5F-6CC7C46E94E4}" dt="2021-04-11T13:49:01.415" v="4722" actId="1037"/>
          <ac:spMkLst>
            <pc:docMk/>
            <pc:sldMk cId="3477665471" sldId="635"/>
            <ac:spMk id="25" creationId="{0F963A76-7270-0446-BD3B-24F9A1E653F9}"/>
          </ac:spMkLst>
        </pc:spChg>
        <pc:spChg chg="mod">
          <ac:chgData name="Daly Donnacha HSLU I" userId="0f22e960-400a-43ff-baeb-4828c8f5cd3a" providerId="ADAL" clId="{78138B16-7BCD-AB47-9B5F-6CC7C46E94E4}" dt="2021-04-11T13:49:01.415" v="4722" actId="1037"/>
          <ac:spMkLst>
            <pc:docMk/>
            <pc:sldMk cId="3477665471" sldId="635"/>
            <ac:spMk id="26" creationId="{FB1208FF-730F-A94E-945A-2E8C5B22BC2F}"/>
          </ac:spMkLst>
        </pc:spChg>
        <pc:spChg chg="mod">
          <ac:chgData name="Daly Donnacha HSLU I" userId="0f22e960-400a-43ff-baeb-4828c8f5cd3a" providerId="ADAL" clId="{78138B16-7BCD-AB47-9B5F-6CC7C46E94E4}" dt="2021-04-11T13:49:01.415" v="4722" actId="1037"/>
          <ac:spMkLst>
            <pc:docMk/>
            <pc:sldMk cId="3477665471" sldId="635"/>
            <ac:spMk id="27" creationId="{1AEB6036-8946-4342-B214-27293C8777FD}"/>
          </ac:spMkLst>
        </pc:spChg>
        <pc:spChg chg="mod">
          <ac:chgData name="Daly Donnacha HSLU I" userId="0f22e960-400a-43ff-baeb-4828c8f5cd3a" providerId="ADAL" clId="{78138B16-7BCD-AB47-9B5F-6CC7C46E94E4}" dt="2021-04-11T13:49:01.415" v="4722" actId="1037"/>
          <ac:spMkLst>
            <pc:docMk/>
            <pc:sldMk cId="3477665471" sldId="635"/>
            <ac:spMk id="28" creationId="{6E5DED4F-A0EC-A745-88BE-EEE1662EA870}"/>
          </ac:spMkLst>
        </pc:spChg>
        <pc:spChg chg="mod">
          <ac:chgData name="Daly Donnacha HSLU I" userId="0f22e960-400a-43ff-baeb-4828c8f5cd3a" providerId="ADAL" clId="{78138B16-7BCD-AB47-9B5F-6CC7C46E94E4}" dt="2021-04-11T13:49:01.415" v="4722" actId="1037"/>
          <ac:spMkLst>
            <pc:docMk/>
            <pc:sldMk cId="3477665471" sldId="635"/>
            <ac:spMk id="29" creationId="{3C53E642-FC05-DD42-AE9E-FA74C4AD75FB}"/>
          </ac:spMkLst>
        </pc:spChg>
        <pc:spChg chg="mod">
          <ac:chgData name="Daly Donnacha HSLU I" userId="0f22e960-400a-43ff-baeb-4828c8f5cd3a" providerId="ADAL" clId="{78138B16-7BCD-AB47-9B5F-6CC7C46E94E4}" dt="2021-04-11T13:47:28.842" v="4705" actId="1037"/>
          <ac:spMkLst>
            <pc:docMk/>
            <pc:sldMk cId="3477665471" sldId="635"/>
            <ac:spMk id="43" creationId="{E6BFCBB3-C32D-9A48-B01F-CD03F6CA5E31}"/>
          </ac:spMkLst>
        </pc:spChg>
        <pc:spChg chg="mod">
          <ac:chgData name="Daly Donnacha HSLU I" userId="0f22e960-400a-43ff-baeb-4828c8f5cd3a" providerId="ADAL" clId="{78138B16-7BCD-AB47-9B5F-6CC7C46E94E4}" dt="2021-04-11T13:47:28.842" v="4705" actId="1037"/>
          <ac:spMkLst>
            <pc:docMk/>
            <pc:sldMk cId="3477665471" sldId="635"/>
            <ac:spMk id="44" creationId="{69F41FB8-2AC7-E140-A270-520AE86D0D63}"/>
          </ac:spMkLst>
        </pc:spChg>
        <pc:spChg chg="mod">
          <ac:chgData name="Daly Donnacha HSLU I" userId="0f22e960-400a-43ff-baeb-4828c8f5cd3a" providerId="ADAL" clId="{78138B16-7BCD-AB47-9B5F-6CC7C46E94E4}" dt="2021-04-11T13:47:28.842" v="4705" actId="1037"/>
          <ac:spMkLst>
            <pc:docMk/>
            <pc:sldMk cId="3477665471" sldId="635"/>
            <ac:spMk id="45" creationId="{E4201C0B-3198-E34B-AE0E-E6E06D080FDC}"/>
          </ac:spMkLst>
        </pc:spChg>
        <pc:spChg chg="mod">
          <ac:chgData name="Daly Donnacha HSLU I" userId="0f22e960-400a-43ff-baeb-4828c8f5cd3a" providerId="ADAL" clId="{78138B16-7BCD-AB47-9B5F-6CC7C46E94E4}" dt="2021-04-11T13:47:28.842" v="4705" actId="1037"/>
          <ac:spMkLst>
            <pc:docMk/>
            <pc:sldMk cId="3477665471" sldId="635"/>
            <ac:spMk id="46" creationId="{21863E99-B14B-3E4A-95DE-3FA623098595}"/>
          </ac:spMkLst>
        </pc:spChg>
        <pc:spChg chg="mod">
          <ac:chgData name="Daly Donnacha HSLU I" userId="0f22e960-400a-43ff-baeb-4828c8f5cd3a" providerId="ADAL" clId="{78138B16-7BCD-AB47-9B5F-6CC7C46E94E4}" dt="2021-04-11T13:47:28.842" v="4705" actId="1037"/>
          <ac:spMkLst>
            <pc:docMk/>
            <pc:sldMk cId="3477665471" sldId="635"/>
            <ac:spMk id="47" creationId="{A0EF56A2-B450-734E-854B-29B7A277AEA1}"/>
          </ac:spMkLst>
        </pc:spChg>
        <pc:spChg chg="mod">
          <ac:chgData name="Daly Donnacha HSLU I" userId="0f22e960-400a-43ff-baeb-4828c8f5cd3a" providerId="ADAL" clId="{78138B16-7BCD-AB47-9B5F-6CC7C46E94E4}" dt="2021-04-11T13:47:28.842" v="4705" actId="1037"/>
          <ac:spMkLst>
            <pc:docMk/>
            <pc:sldMk cId="3477665471" sldId="635"/>
            <ac:spMk id="48" creationId="{A965FBDD-E7FF-F846-855E-23CB7005421B}"/>
          </ac:spMkLst>
        </pc:spChg>
        <pc:spChg chg="mod">
          <ac:chgData name="Daly Donnacha HSLU I" userId="0f22e960-400a-43ff-baeb-4828c8f5cd3a" providerId="ADAL" clId="{78138B16-7BCD-AB47-9B5F-6CC7C46E94E4}" dt="2021-04-11T13:49:01.415" v="4722" actId="1037"/>
          <ac:spMkLst>
            <pc:docMk/>
            <pc:sldMk cId="3477665471" sldId="635"/>
            <ac:spMk id="49" creationId="{C39E469F-8E38-594B-8CC8-07A08558B45A}"/>
          </ac:spMkLst>
        </pc:spChg>
        <pc:spChg chg="mod">
          <ac:chgData name="Daly Donnacha HSLU I" userId="0f22e960-400a-43ff-baeb-4828c8f5cd3a" providerId="ADAL" clId="{78138B16-7BCD-AB47-9B5F-6CC7C46E94E4}" dt="2021-04-11T13:49:01.415" v="4722" actId="1037"/>
          <ac:spMkLst>
            <pc:docMk/>
            <pc:sldMk cId="3477665471" sldId="635"/>
            <ac:spMk id="50" creationId="{E8059A5E-1611-7340-8F64-282F4DAFEAA1}"/>
          </ac:spMkLst>
        </pc:spChg>
        <pc:spChg chg="mod">
          <ac:chgData name="Daly Donnacha HSLU I" userId="0f22e960-400a-43ff-baeb-4828c8f5cd3a" providerId="ADAL" clId="{78138B16-7BCD-AB47-9B5F-6CC7C46E94E4}" dt="2021-04-11T13:49:01.415" v="4722" actId="1037"/>
          <ac:spMkLst>
            <pc:docMk/>
            <pc:sldMk cId="3477665471" sldId="635"/>
            <ac:spMk id="51" creationId="{AFC04979-32D2-3549-BDD5-6DADD6FDDDDE}"/>
          </ac:spMkLst>
        </pc:spChg>
        <pc:spChg chg="del mod">
          <ac:chgData name="Daly Donnacha HSLU I" userId="0f22e960-400a-43ff-baeb-4828c8f5cd3a" providerId="ADAL" clId="{78138B16-7BCD-AB47-9B5F-6CC7C46E94E4}" dt="2021-04-11T13:37:43.395" v="4493"/>
          <ac:spMkLst>
            <pc:docMk/>
            <pc:sldMk cId="3477665471" sldId="635"/>
            <ac:spMk id="52" creationId="{F6925326-D617-744F-9D1E-7F18C3655DB8}"/>
          </ac:spMkLst>
        </pc:spChg>
        <pc:spChg chg="del">
          <ac:chgData name="Daly Donnacha HSLU I" userId="0f22e960-400a-43ff-baeb-4828c8f5cd3a" providerId="ADAL" clId="{78138B16-7BCD-AB47-9B5F-6CC7C46E94E4}" dt="2021-04-11T12:59:00.464" v="3829" actId="478"/>
          <ac:spMkLst>
            <pc:docMk/>
            <pc:sldMk cId="3477665471" sldId="635"/>
            <ac:spMk id="58" creationId="{4C165521-37BA-064C-8EA0-E1AB65A5CBB0}"/>
          </ac:spMkLst>
        </pc:spChg>
        <pc:spChg chg="del">
          <ac:chgData name="Daly Donnacha HSLU I" userId="0f22e960-400a-43ff-baeb-4828c8f5cd3a" providerId="ADAL" clId="{78138B16-7BCD-AB47-9B5F-6CC7C46E94E4}" dt="2021-04-11T12:59:00.464" v="3829" actId="478"/>
          <ac:spMkLst>
            <pc:docMk/>
            <pc:sldMk cId="3477665471" sldId="635"/>
            <ac:spMk id="59" creationId="{EF04DE1C-12D9-3A4A-B045-72B64DF813ED}"/>
          </ac:spMkLst>
        </pc:spChg>
        <pc:spChg chg="del">
          <ac:chgData name="Daly Donnacha HSLU I" userId="0f22e960-400a-43ff-baeb-4828c8f5cd3a" providerId="ADAL" clId="{78138B16-7BCD-AB47-9B5F-6CC7C46E94E4}" dt="2021-04-11T13:38:26.797" v="4504" actId="478"/>
          <ac:spMkLst>
            <pc:docMk/>
            <pc:sldMk cId="3477665471" sldId="635"/>
            <ac:spMk id="63" creationId="{AF435A27-CE47-A140-9422-AE00DCD5044C}"/>
          </ac:spMkLst>
        </pc:spChg>
        <pc:spChg chg="add mod">
          <ac:chgData name="Daly Donnacha HSLU I" userId="0f22e960-400a-43ff-baeb-4828c8f5cd3a" providerId="ADAL" clId="{78138B16-7BCD-AB47-9B5F-6CC7C46E94E4}" dt="2021-04-11T13:47:28.842" v="4705" actId="1037"/>
          <ac:spMkLst>
            <pc:docMk/>
            <pc:sldMk cId="3477665471" sldId="635"/>
            <ac:spMk id="64" creationId="{761B0310-917E-CB42-A446-0AEEC838273A}"/>
          </ac:spMkLst>
        </pc:spChg>
        <pc:spChg chg="add mod">
          <ac:chgData name="Daly Donnacha HSLU I" userId="0f22e960-400a-43ff-baeb-4828c8f5cd3a" providerId="ADAL" clId="{78138B16-7BCD-AB47-9B5F-6CC7C46E94E4}" dt="2021-04-11T13:47:28.842" v="4705" actId="1037"/>
          <ac:spMkLst>
            <pc:docMk/>
            <pc:sldMk cId="3477665471" sldId="635"/>
            <ac:spMk id="65" creationId="{D6B9173A-415D-4345-BD26-24BADF681BEE}"/>
          </ac:spMkLst>
        </pc:spChg>
        <pc:spChg chg="add mod">
          <ac:chgData name="Daly Donnacha HSLU I" userId="0f22e960-400a-43ff-baeb-4828c8f5cd3a" providerId="ADAL" clId="{78138B16-7BCD-AB47-9B5F-6CC7C46E94E4}" dt="2021-04-11T13:47:28.842" v="4705" actId="1037"/>
          <ac:spMkLst>
            <pc:docMk/>
            <pc:sldMk cId="3477665471" sldId="635"/>
            <ac:spMk id="66" creationId="{176E5CCD-B803-0945-ABE7-8599A6A575A7}"/>
          </ac:spMkLst>
        </pc:spChg>
        <pc:spChg chg="add mod">
          <ac:chgData name="Daly Donnacha HSLU I" userId="0f22e960-400a-43ff-baeb-4828c8f5cd3a" providerId="ADAL" clId="{78138B16-7BCD-AB47-9B5F-6CC7C46E94E4}" dt="2021-04-11T13:50:04.662" v="4813" actId="20577"/>
          <ac:spMkLst>
            <pc:docMk/>
            <pc:sldMk cId="3477665471" sldId="635"/>
            <ac:spMk id="91" creationId="{C1D5AE03-9607-9F4B-B00E-72C052493AA3}"/>
          </ac:spMkLst>
        </pc:spChg>
        <pc:grpChg chg="mod">
          <ac:chgData name="Daly Donnacha HSLU I" userId="0f22e960-400a-43ff-baeb-4828c8f5cd3a" providerId="ADAL" clId="{78138B16-7BCD-AB47-9B5F-6CC7C46E94E4}" dt="2021-04-11T13:49:11.505" v="4733" actId="1037"/>
          <ac:grpSpMkLst>
            <pc:docMk/>
            <pc:sldMk cId="3477665471" sldId="635"/>
            <ac:grpSpMk id="56" creationId="{3ACF5C4B-E90E-FA47-BA1B-F344A63D4BD4}"/>
          </ac:grpSpMkLst>
        </pc:grpChg>
        <pc:graphicFrameChg chg="mod modGraphic">
          <ac:chgData name="Daly Donnacha HSLU I" userId="0f22e960-400a-43ff-baeb-4828c8f5cd3a" providerId="ADAL" clId="{78138B16-7BCD-AB47-9B5F-6CC7C46E94E4}" dt="2021-04-11T13:49:24.564" v="4734" actId="207"/>
          <ac:graphicFrameMkLst>
            <pc:docMk/>
            <pc:sldMk cId="3477665471" sldId="635"/>
            <ac:graphicFrameMk id="54" creationId="{DCBAF129-A75D-2547-8696-15458987594C}"/>
          </ac:graphicFrameMkLst>
        </pc:graphicFrameChg>
        <pc:picChg chg="del">
          <ac:chgData name="Daly Donnacha HSLU I" userId="0f22e960-400a-43ff-baeb-4828c8f5cd3a" providerId="ADAL" clId="{78138B16-7BCD-AB47-9B5F-6CC7C46E94E4}" dt="2021-04-11T12:59:00.464" v="3829" actId="478"/>
          <ac:picMkLst>
            <pc:docMk/>
            <pc:sldMk cId="3477665471" sldId="635"/>
            <ac:picMk id="3" creationId="{9E53DAF2-286E-894F-AB00-824E406248A8}"/>
          </ac:picMkLst>
        </pc:picChg>
        <pc:picChg chg="del mod">
          <ac:chgData name="Daly Donnacha HSLU I" userId="0f22e960-400a-43ff-baeb-4828c8f5cd3a" providerId="ADAL" clId="{78138B16-7BCD-AB47-9B5F-6CC7C46E94E4}" dt="2021-04-11T13:47:46.245" v="4709" actId="478"/>
          <ac:picMkLst>
            <pc:docMk/>
            <pc:sldMk cId="3477665471" sldId="635"/>
            <ac:picMk id="61" creationId="{F40450C0-F155-8F49-9412-340393DF4E15}"/>
          </ac:picMkLst>
        </pc:picChg>
        <pc:cxnChg chg="mod">
          <ac:chgData name="Daly Donnacha HSLU I" userId="0f22e960-400a-43ff-baeb-4828c8f5cd3a" providerId="ADAL" clId="{78138B16-7BCD-AB47-9B5F-6CC7C46E94E4}" dt="2021-04-11T13:49:01.415" v="4722" actId="1037"/>
          <ac:cxnSpMkLst>
            <pc:docMk/>
            <pc:sldMk cId="3477665471" sldId="635"/>
            <ac:cxnSpMk id="18" creationId="{68DB3BFF-103C-DD41-8004-4137DA20806E}"/>
          </ac:cxnSpMkLst>
        </pc:cxnChg>
        <pc:cxnChg chg="mod">
          <ac:chgData name="Daly Donnacha HSLU I" userId="0f22e960-400a-43ff-baeb-4828c8f5cd3a" providerId="ADAL" clId="{78138B16-7BCD-AB47-9B5F-6CC7C46E94E4}" dt="2021-04-11T13:49:01.415" v="4722" actId="1037"/>
          <ac:cxnSpMkLst>
            <pc:docMk/>
            <pc:sldMk cId="3477665471" sldId="635"/>
            <ac:cxnSpMk id="19" creationId="{81E26431-766C-3645-BBF1-5CBAC89ADF1F}"/>
          </ac:cxnSpMkLst>
        </pc:cxnChg>
        <pc:cxnChg chg="mod">
          <ac:chgData name="Daly Donnacha HSLU I" userId="0f22e960-400a-43ff-baeb-4828c8f5cd3a" providerId="ADAL" clId="{78138B16-7BCD-AB47-9B5F-6CC7C46E94E4}" dt="2021-04-11T13:49:01.415" v="4722" actId="1037"/>
          <ac:cxnSpMkLst>
            <pc:docMk/>
            <pc:sldMk cId="3477665471" sldId="635"/>
            <ac:cxnSpMk id="20" creationId="{BC726DD1-FED3-2343-85FC-7E02506725EC}"/>
          </ac:cxnSpMkLst>
        </pc:cxnChg>
        <pc:cxnChg chg="del mod">
          <ac:chgData name="Daly Donnacha HSLU I" userId="0f22e960-400a-43ff-baeb-4828c8f5cd3a" providerId="ADAL" clId="{78138B16-7BCD-AB47-9B5F-6CC7C46E94E4}" dt="2021-04-11T13:41:53.760" v="4628" actId="478"/>
          <ac:cxnSpMkLst>
            <pc:docMk/>
            <pc:sldMk cId="3477665471" sldId="635"/>
            <ac:cxnSpMk id="30" creationId="{9A6BDAD3-2DC9-534D-B584-56BD2DBC4D64}"/>
          </ac:cxnSpMkLst>
        </pc:cxnChg>
        <pc:cxnChg chg="del mod">
          <ac:chgData name="Daly Donnacha HSLU I" userId="0f22e960-400a-43ff-baeb-4828c8f5cd3a" providerId="ADAL" clId="{78138B16-7BCD-AB47-9B5F-6CC7C46E94E4}" dt="2021-04-11T13:41:53.107" v="4627" actId="478"/>
          <ac:cxnSpMkLst>
            <pc:docMk/>
            <pc:sldMk cId="3477665471" sldId="635"/>
            <ac:cxnSpMk id="31" creationId="{B9BA9E73-9EBE-6249-8D31-6E193FF1F9DE}"/>
          </ac:cxnSpMkLst>
        </pc:cxnChg>
        <pc:cxnChg chg="del mod">
          <ac:chgData name="Daly Donnacha HSLU I" userId="0f22e960-400a-43ff-baeb-4828c8f5cd3a" providerId="ADAL" clId="{78138B16-7BCD-AB47-9B5F-6CC7C46E94E4}" dt="2021-04-11T13:41:52.040" v="4625" actId="478"/>
          <ac:cxnSpMkLst>
            <pc:docMk/>
            <pc:sldMk cId="3477665471" sldId="635"/>
            <ac:cxnSpMk id="32" creationId="{A2125E6B-0E60-B640-A159-995047145034}"/>
          </ac:cxnSpMkLst>
        </pc:cxnChg>
        <pc:cxnChg chg="del mod">
          <ac:chgData name="Daly Donnacha HSLU I" userId="0f22e960-400a-43ff-baeb-4828c8f5cd3a" providerId="ADAL" clId="{78138B16-7BCD-AB47-9B5F-6CC7C46E94E4}" dt="2021-04-11T13:41:51.235" v="4624" actId="478"/>
          <ac:cxnSpMkLst>
            <pc:docMk/>
            <pc:sldMk cId="3477665471" sldId="635"/>
            <ac:cxnSpMk id="33" creationId="{C25D6B86-97D1-EE45-86FD-BCAA7C8D44E4}"/>
          </ac:cxnSpMkLst>
        </pc:cxnChg>
        <pc:cxnChg chg="del mod">
          <ac:chgData name="Daly Donnacha HSLU I" userId="0f22e960-400a-43ff-baeb-4828c8f5cd3a" providerId="ADAL" clId="{78138B16-7BCD-AB47-9B5F-6CC7C46E94E4}" dt="2021-04-11T13:41:49.467" v="4622" actId="478"/>
          <ac:cxnSpMkLst>
            <pc:docMk/>
            <pc:sldMk cId="3477665471" sldId="635"/>
            <ac:cxnSpMk id="36" creationId="{51ACBF29-8EA6-BD40-8FEE-F7F1CE32D3C5}"/>
          </ac:cxnSpMkLst>
        </pc:cxnChg>
        <pc:cxnChg chg="del mod">
          <ac:chgData name="Daly Donnacha HSLU I" userId="0f22e960-400a-43ff-baeb-4828c8f5cd3a" providerId="ADAL" clId="{78138B16-7BCD-AB47-9B5F-6CC7C46E94E4}" dt="2021-04-11T13:41:50.337" v="4623" actId="478"/>
          <ac:cxnSpMkLst>
            <pc:docMk/>
            <pc:sldMk cId="3477665471" sldId="635"/>
            <ac:cxnSpMk id="39" creationId="{6DC091F1-46B6-1447-B36E-1174223F0AF9}"/>
          </ac:cxnSpMkLst>
        </pc:cxnChg>
        <pc:cxnChg chg="del mod">
          <ac:chgData name="Daly Donnacha HSLU I" userId="0f22e960-400a-43ff-baeb-4828c8f5cd3a" providerId="ADAL" clId="{78138B16-7BCD-AB47-9B5F-6CC7C46E94E4}" dt="2021-04-11T13:48:24.537" v="4710" actId="478"/>
          <ac:cxnSpMkLst>
            <pc:docMk/>
            <pc:sldMk cId="3477665471" sldId="635"/>
            <ac:cxnSpMk id="60" creationId="{FAC3AA9C-2F13-2841-95DD-D859FCFD7166}"/>
          </ac:cxnSpMkLst>
        </pc:cxnChg>
        <pc:cxnChg chg="del mod">
          <ac:chgData name="Daly Donnacha HSLU I" userId="0f22e960-400a-43ff-baeb-4828c8f5cd3a" providerId="ADAL" clId="{78138B16-7BCD-AB47-9B5F-6CC7C46E94E4}" dt="2021-04-11T13:48:26.492" v="4711" actId="478"/>
          <ac:cxnSpMkLst>
            <pc:docMk/>
            <pc:sldMk cId="3477665471" sldId="635"/>
            <ac:cxnSpMk id="62" creationId="{C884C4AF-D5E2-2949-9582-1EA6CCD1D400}"/>
          </ac:cxnSpMkLst>
        </pc:cxnChg>
        <pc:cxnChg chg="add del mod">
          <ac:chgData name="Daly Donnacha HSLU I" userId="0f22e960-400a-43ff-baeb-4828c8f5cd3a" providerId="ADAL" clId="{78138B16-7BCD-AB47-9B5F-6CC7C46E94E4}" dt="2021-04-11T13:45:00.490" v="4660" actId="478"/>
          <ac:cxnSpMkLst>
            <pc:docMk/>
            <pc:sldMk cId="3477665471" sldId="635"/>
            <ac:cxnSpMk id="67" creationId="{0C853D67-2B08-F945-8F9A-563C1BFF2F71}"/>
          </ac:cxnSpMkLst>
        </pc:cxnChg>
        <pc:cxnChg chg="add mod">
          <ac:chgData name="Daly Donnacha HSLU I" userId="0f22e960-400a-43ff-baeb-4828c8f5cd3a" providerId="ADAL" clId="{78138B16-7BCD-AB47-9B5F-6CC7C46E94E4}" dt="2021-04-11T13:49:01.415" v="4722" actId="1037"/>
          <ac:cxnSpMkLst>
            <pc:docMk/>
            <pc:sldMk cId="3477665471" sldId="635"/>
            <ac:cxnSpMk id="68" creationId="{C3169178-9367-C34C-AC73-9F457118453B}"/>
          </ac:cxnSpMkLst>
        </pc:cxnChg>
        <pc:cxnChg chg="add mod">
          <ac:chgData name="Daly Donnacha HSLU I" userId="0f22e960-400a-43ff-baeb-4828c8f5cd3a" providerId="ADAL" clId="{78138B16-7BCD-AB47-9B5F-6CC7C46E94E4}" dt="2021-04-11T13:49:01.415" v="4722" actId="1037"/>
          <ac:cxnSpMkLst>
            <pc:docMk/>
            <pc:sldMk cId="3477665471" sldId="635"/>
            <ac:cxnSpMk id="69" creationId="{3EC32BD4-FB28-0C49-BDED-9099E4D5A36D}"/>
          </ac:cxnSpMkLst>
        </pc:cxnChg>
        <pc:cxnChg chg="add del mod">
          <ac:chgData name="Daly Donnacha HSLU I" userId="0f22e960-400a-43ff-baeb-4828c8f5cd3a" providerId="ADAL" clId="{78138B16-7BCD-AB47-9B5F-6CC7C46E94E4}" dt="2021-04-11T13:45:02.567" v="4662" actId="478"/>
          <ac:cxnSpMkLst>
            <pc:docMk/>
            <pc:sldMk cId="3477665471" sldId="635"/>
            <ac:cxnSpMk id="72" creationId="{9B9EA9B8-DE6D-DC4D-802D-BFFDDEFD71BE}"/>
          </ac:cxnSpMkLst>
        </pc:cxnChg>
        <pc:cxnChg chg="add mod">
          <ac:chgData name="Daly Donnacha HSLU I" userId="0f22e960-400a-43ff-baeb-4828c8f5cd3a" providerId="ADAL" clId="{78138B16-7BCD-AB47-9B5F-6CC7C46E94E4}" dt="2021-04-11T13:49:01.415" v="4722" actId="1037"/>
          <ac:cxnSpMkLst>
            <pc:docMk/>
            <pc:sldMk cId="3477665471" sldId="635"/>
            <ac:cxnSpMk id="75" creationId="{9AD0C32F-D286-6641-BB6C-2C5A52084386}"/>
          </ac:cxnSpMkLst>
        </pc:cxnChg>
        <pc:cxnChg chg="add mod">
          <ac:chgData name="Daly Donnacha HSLU I" userId="0f22e960-400a-43ff-baeb-4828c8f5cd3a" providerId="ADAL" clId="{78138B16-7BCD-AB47-9B5F-6CC7C46E94E4}" dt="2021-04-11T13:49:01.415" v="4722" actId="1037"/>
          <ac:cxnSpMkLst>
            <pc:docMk/>
            <pc:sldMk cId="3477665471" sldId="635"/>
            <ac:cxnSpMk id="78" creationId="{514D439D-01D0-7F4B-9ACD-DBA1FCF7848E}"/>
          </ac:cxnSpMkLst>
        </pc:cxnChg>
        <pc:cxnChg chg="add mod">
          <ac:chgData name="Daly Donnacha HSLU I" userId="0f22e960-400a-43ff-baeb-4828c8f5cd3a" providerId="ADAL" clId="{78138B16-7BCD-AB47-9B5F-6CC7C46E94E4}" dt="2021-04-11T13:49:01.415" v="4722" actId="1037"/>
          <ac:cxnSpMkLst>
            <pc:docMk/>
            <pc:sldMk cId="3477665471" sldId="635"/>
            <ac:cxnSpMk id="81" creationId="{9DECD4E9-48DE-4547-AB3D-305B4FCDCDD2}"/>
          </ac:cxnSpMkLst>
        </pc:cxnChg>
        <pc:cxnChg chg="add mod">
          <ac:chgData name="Daly Donnacha HSLU I" userId="0f22e960-400a-43ff-baeb-4828c8f5cd3a" providerId="ADAL" clId="{78138B16-7BCD-AB47-9B5F-6CC7C46E94E4}" dt="2021-04-11T13:49:01.415" v="4722" actId="1037"/>
          <ac:cxnSpMkLst>
            <pc:docMk/>
            <pc:sldMk cId="3477665471" sldId="635"/>
            <ac:cxnSpMk id="85" creationId="{9AABD387-163A-EE45-8D25-79BFCF3DBD76}"/>
          </ac:cxnSpMkLst>
        </pc:cxnChg>
        <pc:cxnChg chg="add del mod">
          <ac:chgData name="Daly Donnacha HSLU I" userId="0f22e960-400a-43ff-baeb-4828c8f5cd3a" providerId="ADAL" clId="{78138B16-7BCD-AB47-9B5F-6CC7C46E94E4}" dt="2021-04-11T13:45:01.728" v="4661" actId="478"/>
          <ac:cxnSpMkLst>
            <pc:docMk/>
            <pc:sldMk cId="3477665471" sldId="635"/>
            <ac:cxnSpMk id="88" creationId="{30FB5F7C-9AE3-CD42-9342-2D2C65197F99}"/>
          </ac:cxnSpMkLst>
        </pc:cxnChg>
        <pc:cxnChg chg="del">
          <ac:chgData name="Daly Donnacha HSLU I" userId="0f22e960-400a-43ff-baeb-4828c8f5cd3a" providerId="ADAL" clId="{78138B16-7BCD-AB47-9B5F-6CC7C46E94E4}" dt="2021-04-11T13:37:49.059" v="4495" actId="478"/>
          <ac:cxnSpMkLst>
            <pc:docMk/>
            <pc:sldMk cId="3477665471" sldId="635"/>
            <ac:cxnSpMk id="1027" creationId="{48F095E6-4167-E642-A061-FA3E165933FD}"/>
          </ac:cxnSpMkLst>
        </pc:cxnChg>
      </pc:sldChg>
      <pc:sldChg chg="addSp delSp modSp new mod">
        <pc:chgData name="Daly Donnacha HSLU I" userId="0f22e960-400a-43ff-baeb-4828c8f5cd3a" providerId="ADAL" clId="{78138B16-7BCD-AB47-9B5F-6CC7C46E94E4}" dt="2021-04-11T18:03:16.545" v="9111" actId="478"/>
        <pc:sldMkLst>
          <pc:docMk/>
          <pc:sldMk cId="2815536934" sldId="636"/>
        </pc:sldMkLst>
        <pc:spChg chg="mod">
          <ac:chgData name="Daly Donnacha HSLU I" userId="0f22e960-400a-43ff-baeb-4828c8f5cd3a" providerId="ADAL" clId="{78138B16-7BCD-AB47-9B5F-6CC7C46E94E4}" dt="2021-04-11T14:32:36.938" v="5224" actId="113"/>
          <ac:spMkLst>
            <pc:docMk/>
            <pc:sldMk cId="2815536934" sldId="636"/>
            <ac:spMk id="2" creationId="{AAB6AF1B-F4D8-0143-8AAC-9F1950EAADA8}"/>
          </ac:spMkLst>
        </pc:spChg>
        <pc:spChg chg="add mod">
          <ac:chgData name="Daly Donnacha HSLU I" userId="0f22e960-400a-43ff-baeb-4828c8f5cd3a" providerId="ADAL" clId="{78138B16-7BCD-AB47-9B5F-6CC7C46E94E4}" dt="2021-04-11T14:33:00.825" v="5230" actId="1076"/>
          <ac:spMkLst>
            <pc:docMk/>
            <pc:sldMk cId="2815536934" sldId="636"/>
            <ac:spMk id="3" creationId="{E64074FA-C8DB-FF48-AE2D-ACCA15BF84AD}"/>
          </ac:spMkLst>
        </pc:spChg>
        <pc:spChg chg="add del mod">
          <ac:chgData name="Daly Donnacha HSLU I" userId="0f22e960-400a-43ff-baeb-4828c8f5cd3a" providerId="ADAL" clId="{78138B16-7BCD-AB47-9B5F-6CC7C46E94E4}" dt="2021-04-11T14:41:38.197" v="5821" actId="478"/>
          <ac:spMkLst>
            <pc:docMk/>
            <pc:sldMk cId="2815536934" sldId="636"/>
            <ac:spMk id="4" creationId="{529FC22B-020C-824F-B043-E9C4FF22DA8E}"/>
          </ac:spMkLst>
        </pc:spChg>
        <pc:spChg chg="add mod">
          <ac:chgData name="Daly Donnacha HSLU I" userId="0f22e960-400a-43ff-baeb-4828c8f5cd3a" providerId="ADAL" clId="{78138B16-7BCD-AB47-9B5F-6CC7C46E94E4}" dt="2021-04-11T15:04:08.283" v="5984" actId="20577"/>
          <ac:spMkLst>
            <pc:docMk/>
            <pc:sldMk cId="2815536934" sldId="636"/>
            <ac:spMk id="5" creationId="{290BDC0C-8458-3144-8944-BD1D7A1A577A}"/>
          </ac:spMkLst>
        </pc:spChg>
        <pc:spChg chg="add mod">
          <ac:chgData name="Daly Donnacha HSLU I" userId="0f22e960-400a-43ff-baeb-4828c8f5cd3a" providerId="ADAL" clId="{78138B16-7BCD-AB47-9B5F-6CC7C46E94E4}" dt="2021-04-11T14:39:58.898" v="5768" actId="1076"/>
          <ac:spMkLst>
            <pc:docMk/>
            <pc:sldMk cId="2815536934" sldId="636"/>
            <ac:spMk id="6" creationId="{22FB7FBD-9AED-0241-8C04-982F2CD0BEB6}"/>
          </ac:spMkLst>
        </pc:spChg>
        <pc:spChg chg="add mod">
          <ac:chgData name="Daly Donnacha HSLU I" userId="0f22e960-400a-43ff-baeb-4828c8f5cd3a" providerId="ADAL" clId="{78138B16-7BCD-AB47-9B5F-6CC7C46E94E4}" dt="2021-04-11T14:40:30.592" v="5813" actId="20577"/>
          <ac:spMkLst>
            <pc:docMk/>
            <pc:sldMk cId="2815536934" sldId="636"/>
            <ac:spMk id="7" creationId="{7E342FCB-A637-1441-A936-7D0AD16CEB3E}"/>
          </ac:spMkLst>
        </pc:spChg>
        <pc:spChg chg="add mod">
          <ac:chgData name="Daly Donnacha HSLU I" userId="0f22e960-400a-43ff-baeb-4828c8f5cd3a" providerId="ADAL" clId="{78138B16-7BCD-AB47-9B5F-6CC7C46E94E4}" dt="2021-04-11T14:42:57.027" v="5838" actId="20577"/>
          <ac:spMkLst>
            <pc:docMk/>
            <pc:sldMk cId="2815536934" sldId="636"/>
            <ac:spMk id="8" creationId="{A374B29D-BF43-6340-BF97-3292EED45D05}"/>
          </ac:spMkLst>
        </pc:spChg>
        <pc:spChg chg="add del">
          <ac:chgData name="Daly Donnacha HSLU I" userId="0f22e960-400a-43ff-baeb-4828c8f5cd3a" providerId="ADAL" clId="{78138B16-7BCD-AB47-9B5F-6CC7C46E94E4}" dt="2021-04-11T18:03:16.545" v="9111" actId="478"/>
          <ac:spMkLst>
            <pc:docMk/>
            <pc:sldMk cId="2815536934" sldId="636"/>
            <ac:spMk id="9" creationId="{DF6B91A7-38AE-BE40-A388-16F17E1C3D38}"/>
          </ac:spMkLst>
        </pc:spChg>
      </pc:sldChg>
      <pc:sldChg chg="addSp modSp new mod">
        <pc:chgData name="Daly Donnacha HSLU I" userId="0f22e960-400a-43ff-baeb-4828c8f5cd3a" providerId="ADAL" clId="{78138B16-7BCD-AB47-9B5F-6CC7C46E94E4}" dt="2021-04-11T15:41:42.585" v="7531" actId="207"/>
        <pc:sldMkLst>
          <pc:docMk/>
          <pc:sldMk cId="3763015911" sldId="637"/>
        </pc:sldMkLst>
        <pc:spChg chg="mod">
          <ac:chgData name="Daly Donnacha HSLU I" userId="0f22e960-400a-43ff-baeb-4828c8f5cd3a" providerId="ADAL" clId="{78138B16-7BCD-AB47-9B5F-6CC7C46E94E4}" dt="2021-04-11T14:59:37.134" v="5945" actId="20577"/>
          <ac:spMkLst>
            <pc:docMk/>
            <pc:sldMk cId="3763015911" sldId="637"/>
            <ac:spMk id="2" creationId="{E80C25B1-52D4-434D-8F3D-BDC81D864FC5}"/>
          </ac:spMkLst>
        </pc:spChg>
        <pc:spChg chg="add mod">
          <ac:chgData name="Daly Donnacha HSLU I" userId="0f22e960-400a-43ff-baeb-4828c8f5cd3a" providerId="ADAL" clId="{78138B16-7BCD-AB47-9B5F-6CC7C46E94E4}" dt="2021-04-11T15:41:42.585" v="7531" actId="207"/>
          <ac:spMkLst>
            <pc:docMk/>
            <pc:sldMk cId="3763015911" sldId="637"/>
            <ac:spMk id="5" creationId="{7ADBBBD4-7804-FB43-BF37-3AEDAE850A61}"/>
          </ac:spMkLst>
        </pc:spChg>
        <pc:picChg chg="add mod">
          <ac:chgData name="Daly Donnacha HSLU I" userId="0f22e960-400a-43ff-baeb-4828c8f5cd3a" providerId="ADAL" clId="{78138B16-7BCD-AB47-9B5F-6CC7C46E94E4}" dt="2021-04-11T15:03:00.427" v="5963"/>
          <ac:picMkLst>
            <pc:docMk/>
            <pc:sldMk cId="3763015911" sldId="637"/>
            <ac:picMk id="3" creationId="{887BD47F-CA77-674B-BC6E-ABAEEAE1B776}"/>
          </ac:picMkLst>
        </pc:picChg>
        <pc:picChg chg="add mod">
          <ac:chgData name="Daly Donnacha HSLU I" userId="0f22e960-400a-43ff-baeb-4828c8f5cd3a" providerId="ADAL" clId="{78138B16-7BCD-AB47-9B5F-6CC7C46E94E4}" dt="2021-04-11T15:03:00.427" v="5963"/>
          <ac:picMkLst>
            <pc:docMk/>
            <pc:sldMk cId="3763015911" sldId="637"/>
            <ac:picMk id="4" creationId="{BA6934A2-73F8-2841-AB6C-E4E08EDE3A91}"/>
          </ac:picMkLst>
        </pc:picChg>
        <pc:cxnChg chg="add mod">
          <ac:chgData name="Daly Donnacha HSLU I" userId="0f22e960-400a-43ff-baeb-4828c8f5cd3a" providerId="ADAL" clId="{78138B16-7BCD-AB47-9B5F-6CC7C46E94E4}" dt="2021-04-11T15:07:16.242" v="6266" actId="14100"/>
          <ac:cxnSpMkLst>
            <pc:docMk/>
            <pc:sldMk cId="3763015911" sldId="637"/>
            <ac:cxnSpMk id="6" creationId="{D732AE62-067F-6145-834A-A4CDECFBFDA3}"/>
          </ac:cxnSpMkLst>
        </pc:cxnChg>
      </pc:sldChg>
      <pc:sldChg chg="addSp modSp new mod">
        <pc:chgData name="Daly Donnacha HSLU I" userId="0f22e960-400a-43ff-baeb-4828c8f5cd3a" providerId="ADAL" clId="{78138B16-7BCD-AB47-9B5F-6CC7C46E94E4}" dt="2021-04-11T16:06:04.681" v="8058" actId="1035"/>
        <pc:sldMkLst>
          <pc:docMk/>
          <pc:sldMk cId="1672326396" sldId="638"/>
        </pc:sldMkLst>
        <pc:spChg chg="mod">
          <ac:chgData name="Daly Donnacha HSLU I" userId="0f22e960-400a-43ff-baeb-4828c8f5cd3a" providerId="ADAL" clId="{78138B16-7BCD-AB47-9B5F-6CC7C46E94E4}" dt="2021-04-11T15:23:22.579" v="6979" actId="6549"/>
          <ac:spMkLst>
            <pc:docMk/>
            <pc:sldMk cId="1672326396" sldId="638"/>
            <ac:spMk id="2" creationId="{0214FC12-3727-814C-A7CD-7488D737D863}"/>
          </ac:spMkLst>
        </pc:spChg>
        <pc:spChg chg="add mod">
          <ac:chgData name="Daly Donnacha HSLU I" userId="0f22e960-400a-43ff-baeb-4828c8f5cd3a" providerId="ADAL" clId="{78138B16-7BCD-AB47-9B5F-6CC7C46E94E4}" dt="2021-04-11T16:06:04.681" v="8058" actId="1035"/>
          <ac:spMkLst>
            <pc:docMk/>
            <pc:sldMk cId="1672326396" sldId="638"/>
            <ac:spMk id="3" creationId="{9B70DEB4-869F-4441-94E5-8BCBDCF7E3B7}"/>
          </ac:spMkLst>
        </pc:spChg>
        <pc:spChg chg="add mod">
          <ac:chgData name="Daly Donnacha HSLU I" userId="0f22e960-400a-43ff-baeb-4828c8f5cd3a" providerId="ADAL" clId="{78138B16-7BCD-AB47-9B5F-6CC7C46E94E4}" dt="2021-04-11T16:05:56.169" v="8054" actId="1036"/>
          <ac:spMkLst>
            <pc:docMk/>
            <pc:sldMk cId="1672326396" sldId="638"/>
            <ac:spMk id="4" creationId="{805BFAF1-8EC1-C54B-9ECB-1A67FC92F823}"/>
          </ac:spMkLst>
        </pc:spChg>
      </pc:sldChg>
      <pc:sldChg chg="addSp modSp new del mod">
        <pc:chgData name="Daly Donnacha HSLU I" userId="0f22e960-400a-43ff-baeb-4828c8f5cd3a" providerId="ADAL" clId="{78138B16-7BCD-AB47-9B5F-6CC7C46E94E4}" dt="2021-04-11T15:33:09.756" v="7460" actId="2696"/>
        <pc:sldMkLst>
          <pc:docMk/>
          <pc:sldMk cId="2062025392" sldId="639"/>
        </pc:sldMkLst>
        <pc:spChg chg="mod">
          <ac:chgData name="Daly Donnacha HSLU I" userId="0f22e960-400a-43ff-baeb-4828c8f5cd3a" providerId="ADAL" clId="{78138B16-7BCD-AB47-9B5F-6CC7C46E94E4}" dt="2021-04-11T15:12:58.300" v="6515" actId="20577"/>
          <ac:spMkLst>
            <pc:docMk/>
            <pc:sldMk cId="2062025392" sldId="639"/>
            <ac:spMk id="2" creationId="{E8732578-89A7-AA49-BF44-6EC312DF7388}"/>
          </ac:spMkLst>
        </pc:spChg>
        <pc:spChg chg="add mod">
          <ac:chgData name="Daly Donnacha HSLU I" userId="0f22e960-400a-43ff-baeb-4828c8f5cd3a" providerId="ADAL" clId="{78138B16-7BCD-AB47-9B5F-6CC7C46E94E4}" dt="2021-04-11T15:26:18.166" v="6992" actId="20577"/>
          <ac:spMkLst>
            <pc:docMk/>
            <pc:sldMk cId="2062025392" sldId="639"/>
            <ac:spMk id="3" creationId="{AB0471BB-9727-6544-B67A-6D9EB25FD093}"/>
          </ac:spMkLst>
        </pc:spChg>
        <pc:spChg chg="add mod">
          <ac:chgData name="Daly Donnacha HSLU I" userId="0f22e960-400a-43ff-baeb-4828c8f5cd3a" providerId="ADAL" clId="{78138B16-7BCD-AB47-9B5F-6CC7C46E94E4}" dt="2021-04-11T15:26:02.532" v="6985"/>
          <ac:spMkLst>
            <pc:docMk/>
            <pc:sldMk cId="2062025392" sldId="639"/>
            <ac:spMk id="4" creationId="{E64A42DA-93B2-F442-A5EC-7912A10732C1}"/>
          </ac:spMkLst>
        </pc:spChg>
        <pc:picChg chg="add mod">
          <ac:chgData name="Daly Donnacha HSLU I" userId="0f22e960-400a-43ff-baeb-4828c8f5cd3a" providerId="ADAL" clId="{78138B16-7BCD-AB47-9B5F-6CC7C46E94E4}" dt="2021-04-11T15:13:10.586" v="6521" actId="14100"/>
          <ac:picMkLst>
            <pc:docMk/>
            <pc:sldMk cId="2062025392" sldId="639"/>
            <ac:picMk id="1026" creationId="{8BA28E4F-D896-B54B-BA38-ADB18A83DED2}"/>
          </ac:picMkLst>
        </pc:picChg>
      </pc:sldChg>
      <pc:sldChg chg="addSp delSp modSp new mod">
        <pc:chgData name="Daly Donnacha HSLU I" userId="0f22e960-400a-43ff-baeb-4828c8f5cd3a" providerId="ADAL" clId="{78138B16-7BCD-AB47-9B5F-6CC7C46E94E4}" dt="2021-04-11T18:04:36.207" v="9123"/>
        <pc:sldMkLst>
          <pc:docMk/>
          <pc:sldMk cId="3809461176" sldId="639"/>
        </pc:sldMkLst>
        <pc:spChg chg="mod">
          <ac:chgData name="Daly Donnacha HSLU I" userId="0f22e960-400a-43ff-baeb-4828c8f5cd3a" providerId="ADAL" clId="{78138B16-7BCD-AB47-9B5F-6CC7C46E94E4}" dt="2021-04-11T16:26:45.121" v="8644" actId="20577"/>
          <ac:spMkLst>
            <pc:docMk/>
            <pc:sldMk cId="3809461176" sldId="639"/>
            <ac:spMk id="2" creationId="{02792E4D-E952-8248-B335-2EEE3A3F4FCC}"/>
          </ac:spMkLst>
        </pc:spChg>
        <pc:spChg chg="add mod">
          <ac:chgData name="Daly Donnacha HSLU I" userId="0f22e960-400a-43ff-baeb-4828c8f5cd3a" providerId="ADAL" clId="{78138B16-7BCD-AB47-9B5F-6CC7C46E94E4}" dt="2021-04-11T17:42:32.913" v="8978" actId="207"/>
          <ac:spMkLst>
            <pc:docMk/>
            <pc:sldMk cId="3809461176" sldId="639"/>
            <ac:spMk id="4" creationId="{BD10E0A5-9E62-AE46-8550-FFBF46B2E22D}"/>
          </ac:spMkLst>
        </pc:spChg>
        <pc:spChg chg="add del mod">
          <ac:chgData name="Daly Donnacha HSLU I" userId="0f22e960-400a-43ff-baeb-4828c8f5cd3a" providerId="ADAL" clId="{78138B16-7BCD-AB47-9B5F-6CC7C46E94E4}" dt="2021-04-11T17:38:58.529" v="8884" actId="478"/>
          <ac:spMkLst>
            <pc:docMk/>
            <pc:sldMk cId="3809461176" sldId="639"/>
            <ac:spMk id="5" creationId="{FA30458C-279E-5440-9874-2992E39BA40B}"/>
          </ac:spMkLst>
        </pc:spChg>
        <pc:spChg chg="add del mod">
          <ac:chgData name="Daly Donnacha HSLU I" userId="0f22e960-400a-43ff-baeb-4828c8f5cd3a" providerId="ADAL" clId="{78138B16-7BCD-AB47-9B5F-6CC7C46E94E4}" dt="2021-04-11T17:38:58.529" v="8884" actId="478"/>
          <ac:spMkLst>
            <pc:docMk/>
            <pc:sldMk cId="3809461176" sldId="639"/>
            <ac:spMk id="6" creationId="{CE91834C-BCBF-6B48-B8C2-2F9530298B3F}"/>
          </ac:spMkLst>
        </pc:spChg>
        <pc:spChg chg="add del mod">
          <ac:chgData name="Daly Donnacha HSLU I" userId="0f22e960-400a-43ff-baeb-4828c8f5cd3a" providerId="ADAL" clId="{78138B16-7BCD-AB47-9B5F-6CC7C46E94E4}" dt="2021-04-11T17:38:58.529" v="8884" actId="478"/>
          <ac:spMkLst>
            <pc:docMk/>
            <pc:sldMk cId="3809461176" sldId="639"/>
            <ac:spMk id="7" creationId="{C7004469-656F-E24B-A280-AEFA1F30A130}"/>
          </ac:spMkLst>
        </pc:spChg>
        <pc:spChg chg="add del mod">
          <ac:chgData name="Daly Donnacha HSLU I" userId="0f22e960-400a-43ff-baeb-4828c8f5cd3a" providerId="ADAL" clId="{78138B16-7BCD-AB47-9B5F-6CC7C46E94E4}" dt="2021-04-11T17:38:58.529" v="8884" actId="478"/>
          <ac:spMkLst>
            <pc:docMk/>
            <pc:sldMk cId="3809461176" sldId="639"/>
            <ac:spMk id="8" creationId="{C2A99731-438E-8349-B4C6-36209096B39B}"/>
          </ac:spMkLst>
        </pc:spChg>
        <pc:spChg chg="add del mod">
          <ac:chgData name="Daly Donnacha HSLU I" userId="0f22e960-400a-43ff-baeb-4828c8f5cd3a" providerId="ADAL" clId="{78138B16-7BCD-AB47-9B5F-6CC7C46E94E4}" dt="2021-04-11T17:38:58.529" v="8884" actId="478"/>
          <ac:spMkLst>
            <pc:docMk/>
            <pc:sldMk cId="3809461176" sldId="639"/>
            <ac:spMk id="13" creationId="{94E0351B-8E12-EA45-9F88-979FE3585F13}"/>
          </ac:spMkLst>
        </pc:spChg>
        <pc:spChg chg="add del mod">
          <ac:chgData name="Daly Donnacha HSLU I" userId="0f22e960-400a-43ff-baeb-4828c8f5cd3a" providerId="ADAL" clId="{78138B16-7BCD-AB47-9B5F-6CC7C46E94E4}" dt="2021-04-11T17:38:58.529" v="8884" actId="478"/>
          <ac:spMkLst>
            <pc:docMk/>
            <pc:sldMk cId="3809461176" sldId="639"/>
            <ac:spMk id="14" creationId="{18C9DB2D-5977-7342-A208-5B86CD3DB80F}"/>
          </ac:spMkLst>
        </pc:spChg>
        <pc:spChg chg="add del mod">
          <ac:chgData name="Daly Donnacha HSLU I" userId="0f22e960-400a-43ff-baeb-4828c8f5cd3a" providerId="ADAL" clId="{78138B16-7BCD-AB47-9B5F-6CC7C46E94E4}" dt="2021-04-11T17:38:58.529" v="8884" actId="478"/>
          <ac:spMkLst>
            <pc:docMk/>
            <pc:sldMk cId="3809461176" sldId="639"/>
            <ac:spMk id="19" creationId="{AC4B834A-D7D2-6546-A96D-1FA77A881992}"/>
          </ac:spMkLst>
        </pc:spChg>
        <pc:spChg chg="add del">
          <ac:chgData name="Daly Donnacha HSLU I" userId="0f22e960-400a-43ff-baeb-4828c8f5cd3a" providerId="ADAL" clId="{78138B16-7BCD-AB47-9B5F-6CC7C46E94E4}" dt="2021-04-11T17:40:23.349" v="8886"/>
          <ac:spMkLst>
            <pc:docMk/>
            <pc:sldMk cId="3809461176" sldId="639"/>
            <ac:spMk id="24" creationId="{F1D21ADB-4EB5-AF42-8C56-44DAC87B9695}"/>
          </ac:spMkLst>
        </pc:spChg>
        <pc:spChg chg="add mod">
          <ac:chgData name="Daly Donnacha HSLU I" userId="0f22e960-400a-43ff-baeb-4828c8f5cd3a" providerId="ADAL" clId="{78138B16-7BCD-AB47-9B5F-6CC7C46E94E4}" dt="2021-04-11T17:42:05.703" v="8971" actId="20577"/>
          <ac:spMkLst>
            <pc:docMk/>
            <pc:sldMk cId="3809461176" sldId="639"/>
            <ac:spMk id="26" creationId="{0DAC419C-145F-C346-9EDA-B1D71AD782C2}"/>
          </ac:spMkLst>
        </pc:spChg>
        <pc:spChg chg="add mod">
          <ac:chgData name="Daly Donnacha HSLU I" userId="0f22e960-400a-43ff-baeb-4828c8f5cd3a" providerId="ADAL" clId="{78138B16-7BCD-AB47-9B5F-6CC7C46E94E4}" dt="2021-04-11T17:43:20.987" v="8987" actId="1076"/>
          <ac:spMkLst>
            <pc:docMk/>
            <pc:sldMk cId="3809461176" sldId="639"/>
            <ac:spMk id="27" creationId="{933FF7F8-BEDA-6D4B-A0B9-8338724A6DF6}"/>
          </ac:spMkLst>
        </pc:spChg>
        <pc:picChg chg="add del mod">
          <ac:chgData name="Daly Donnacha HSLU I" userId="0f22e960-400a-43ff-baeb-4828c8f5cd3a" providerId="ADAL" clId="{78138B16-7BCD-AB47-9B5F-6CC7C46E94E4}" dt="2021-04-11T18:04:35.877" v="9122" actId="478"/>
          <ac:picMkLst>
            <pc:docMk/>
            <pc:sldMk cId="3809461176" sldId="639"/>
            <ac:picMk id="3" creationId="{E88ACA6C-91DE-114F-9BEC-DBE6BA8B6AC8}"/>
          </ac:picMkLst>
        </pc:picChg>
        <pc:picChg chg="add mod">
          <ac:chgData name="Daly Donnacha HSLU I" userId="0f22e960-400a-43ff-baeb-4828c8f5cd3a" providerId="ADAL" clId="{78138B16-7BCD-AB47-9B5F-6CC7C46E94E4}" dt="2021-04-11T17:42:18.310" v="8976" actId="1035"/>
          <ac:picMkLst>
            <pc:docMk/>
            <pc:sldMk cId="3809461176" sldId="639"/>
            <ac:picMk id="25" creationId="{8B2CE96E-E97D-B446-BE2B-C46747FA9777}"/>
          </ac:picMkLst>
        </pc:picChg>
        <pc:picChg chg="add mod">
          <ac:chgData name="Daly Donnacha HSLU I" userId="0f22e960-400a-43ff-baeb-4828c8f5cd3a" providerId="ADAL" clId="{78138B16-7BCD-AB47-9B5F-6CC7C46E94E4}" dt="2021-04-11T18:04:36.207" v="9123"/>
          <ac:picMkLst>
            <pc:docMk/>
            <pc:sldMk cId="3809461176" sldId="639"/>
            <ac:picMk id="28" creationId="{281B5D1A-24C0-4749-A8DC-D3A37D32E7CC}"/>
          </ac:picMkLst>
        </pc:picChg>
        <pc:cxnChg chg="add del mod">
          <ac:chgData name="Daly Donnacha HSLU I" userId="0f22e960-400a-43ff-baeb-4828c8f5cd3a" providerId="ADAL" clId="{78138B16-7BCD-AB47-9B5F-6CC7C46E94E4}" dt="2021-04-11T17:38:58.529" v="8884" actId="478"/>
          <ac:cxnSpMkLst>
            <pc:docMk/>
            <pc:sldMk cId="3809461176" sldId="639"/>
            <ac:cxnSpMk id="9" creationId="{A781B4E1-D31B-8140-AB32-C5AC2E0D83DF}"/>
          </ac:cxnSpMkLst>
        </pc:cxnChg>
        <pc:cxnChg chg="add del mod">
          <ac:chgData name="Daly Donnacha HSLU I" userId="0f22e960-400a-43ff-baeb-4828c8f5cd3a" providerId="ADAL" clId="{78138B16-7BCD-AB47-9B5F-6CC7C46E94E4}" dt="2021-04-11T17:38:58.529" v="8884" actId="478"/>
          <ac:cxnSpMkLst>
            <pc:docMk/>
            <pc:sldMk cId="3809461176" sldId="639"/>
            <ac:cxnSpMk id="10" creationId="{AC8E37A1-83AB-5242-8A99-5C40444DCE5C}"/>
          </ac:cxnSpMkLst>
        </pc:cxnChg>
        <pc:cxnChg chg="add del mod">
          <ac:chgData name="Daly Donnacha HSLU I" userId="0f22e960-400a-43ff-baeb-4828c8f5cd3a" providerId="ADAL" clId="{78138B16-7BCD-AB47-9B5F-6CC7C46E94E4}" dt="2021-04-11T17:38:58.529" v="8884" actId="478"/>
          <ac:cxnSpMkLst>
            <pc:docMk/>
            <pc:sldMk cId="3809461176" sldId="639"/>
            <ac:cxnSpMk id="11" creationId="{DA8C3AE1-8FE4-A043-AFCE-967ECCF9D392}"/>
          </ac:cxnSpMkLst>
        </pc:cxnChg>
        <pc:cxnChg chg="add del mod">
          <ac:chgData name="Daly Donnacha HSLU I" userId="0f22e960-400a-43ff-baeb-4828c8f5cd3a" providerId="ADAL" clId="{78138B16-7BCD-AB47-9B5F-6CC7C46E94E4}" dt="2021-04-11T17:38:58.529" v="8884" actId="478"/>
          <ac:cxnSpMkLst>
            <pc:docMk/>
            <pc:sldMk cId="3809461176" sldId="639"/>
            <ac:cxnSpMk id="12" creationId="{B7FE5E2A-EE8D-CD47-8210-F2B3044628E4}"/>
          </ac:cxnSpMkLst>
        </pc:cxnChg>
        <pc:cxnChg chg="add del mod">
          <ac:chgData name="Daly Donnacha HSLU I" userId="0f22e960-400a-43ff-baeb-4828c8f5cd3a" providerId="ADAL" clId="{78138B16-7BCD-AB47-9B5F-6CC7C46E94E4}" dt="2021-04-11T17:38:58.529" v="8884" actId="478"/>
          <ac:cxnSpMkLst>
            <pc:docMk/>
            <pc:sldMk cId="3809461176" sldId="639"/>
            <ac:cxnSpMk id="15" creationId="{DFC695C3-B3C6-9342-8117-1CD7910C44A3}"/>
          </ac:cxnSpMkLst>
        </pc:cxnChg>
        <pc:cxnChg chg="add del mod">
          <ac:chgData name="Daly Donnacha HSLU I" userId="0f22e960-400a-43ff-baeb-4828c8f5cd3a" providerId="ADAL" clId="{78138B16-7BCD-AB47-9B5F-6CC7C46E94E4}" dt="2021-04-11T17:38:58.529" v="8884" actId="478"/>
          <ac:cxnSpMkLst>
            <pc:docMk/>
            <pc:sldMk cId="3809461176" sldId="639"/>
            <ac:cxnSpMk id="16" creationId="{67ACC05F-0A51-CC4F-B9D1-A487A1E7A341}"/>
          </ac:cxnSpMkLst>
        </pc:cxnChg>
        <pc:cxnChg chg="add del mod">
          <ac:chgData name="Daly Donnacha HSLU I" userId="0f22e960-400a-43ff-baeb-4828c8f5cd3a" providerId="ADAL" clId="{78138B16-7BCD-AB47-9B5F-6CC7C46E94E4}" dt="2021-04-11T17:38:58.529" v="8884" actId="478"/>
          <ac:cxnSpMkLst>
            <pc:docMk/>
            <pc:sldMk cId="3809461176" sldId="639"/>
            <ac:cxnSpMk id="17" creationId="{78C76C9A-CC8B-1C4B-94DA-0193A66B5290}"/>
          </ac:cxnSpMkLst>
        </pc:cxnChg>
        <pc:cxnChg chg="add del mod">
          <ac:chgData name="Daly Donnacha HSLU I" userId="0f22e960-400a-43ff-baeb-4828c8f5cd3a" providerId="ADAL" clId="{78138B16-7BCD-AB47-9B5F-6CC7C46E94E4}" dt="2021-04-11T17:38:58.529" v="8884" actId="478"/>
          <ac:cxnSpMkLst>
            <pc:docMk/>
            <pc:sldMk cId="3809461176" sldId="639"/>
            <ac:cxnSpMk id="18" creationId="{EF11DC19-CD64-454A-9DE3-97A763A0E54E}"/>
          </ac:cxnSpMkLst>
        </pc:cxnChg>
        <pc:cxnChg chg="add del mod">
          <ac:chgData name="Daly Donnacha HSLU I" userId="0f22e960-400a-43ff-baeb-4828c8f5cd3a" providerId="ADAL" clId="{78138B16-7BCD-AB47-9B5F-6CC7C46E94E4}" dt="2021-04-11T17:38:58.529" v="8884" actId="478"/>
          <ac:cxnSpMkLst>
            <pc:docMk/>
            <pc:sldMk cId="3809461176" sldId="639"/>
            <ac:cxnSpMk id="20" creationId="{C02C4C7E-D6B0-F848-A5E0-3416435D3DD7}"/>
          </ac:cxnSpMkLst>
        </pc:cxnChg>
        <pc:cxnChg chg="add del mod">
          <ac:chgData name="Daly Donnacha HSLU I" userId="0f22e960-400a-43ff-baeb-4828c8f5cd3a" providerId="ADAL" clId="{78138B16-7BCD-AB47-9B5F-6CC7C46E94E4}" dt="2021-04-11T17:38:58.529" v="8884" actId="478"/>
          <ac:cxnSpMkLst>
            <pc:docMk/>
            <pc:sldMk cId="3809461176" sldId="639"/>
            <ac:cxnSpMk id="21" creationId="{62469350-6EE6-1143-B4B0-6626CC9B625F}"/>
          </ac:cxnSpMkLst>
        </pc:cxnChg>
        <pc:cxnChg chg="add del mod">
          <ac:chgData name="Daly Donnacha HSLU I" userId="0f22e960-400a-43ff-baeb-4828c8f5cd3a" providerId="ADAL" clId="{78138B16-7BCD-AB47-9B5F-6CC7C46E94E4}" dt="2021-04-11T17:38:58.529" v="8884" actId="478"/>
          <ac:cxnSpMkLst>
            <pc:docMk/>
            <pc:sldMk cId="3809461176" sldId="639"/>
            <ac:cxnSpMk id="22" creationId="{565F556E-5688-7D4F-9A8F-8D3956BDC600}"/>
          </ac:cxnSpMkLst>
        </pc:cxnChg>
        <pc:cxnChg chg="add del mod">
          <ac:chgData name="Daly Donnacha HSLU I" userId="0f22e960-400a-43ff-baeb-4828c8f5cd3a" providerId="ADAL" clId="{78138B16-7BCD-AB47-9B5F-6CC7C46E94E4}" dt="2021-04-11T17:38:58.529" v="8884" actId="478"/>
          <ac:cxnSpMkLst>
            <pc:docMk/>
            <pc:sldMk cId="3809461176" sldId="639"/>
            <ac:cxnSpMk id="23" creationId="{D078BA6C-5ABD-2440-BF01-689F991709F3}"/>
          </ac:cxnSpMkLst>
        </pc:cxnChg>
      </pc:sldChg>
      <pc:sldChg chg="addSp delSp modSp new mod ord">
        <pc:chgData name="Daly Donnacha HSLU I" userId="0f22e960-400a-43ff-baeb-4828c8f5cd3a" providerId="ADAL" clId="{78138B16-7BCD-AB47-9B5F-6CC7C46E94E4}" dt="2021-04-11T15:59:44.205" v="7915" actId="14100"/>
        <pc:sldMkLst>
          <pc:docMk/>
          <pc:sldMk cId="2395231572" sldId="640"/>
        </pc:sldMkLst>
        <pc:spChg chg="mod">
          <ac:chgData name="Daly Donnacha HSLU I" userId="0f22e960-400a-43ff-baeb-4828c8f5cd3a" providerId="ADAL" clId="{78138B16-7BCD-AB47-9B5F-6CC7C46E94E4}" dt="2021-04-11T15:33:39.515" v="7504" actId="20577"/>
          <ac:spMkLst>
            <pc:docMk/>
            <pc:sldMk cId="2395231572" sldId="640"/>
            <ac:spMk id="2" creationId="{9ED2173E-E904-2044-A88C-E219030690D4}"/>
          </ac:spMkLst>
        </pc:spChg>
        <pc:spChg chg="add mod">
          <ac:chgData name="Daly Donnacha HSLU I" userId="0f22e960-400a-43ff-baeb-4828c8f5cd3a" providerId="ADAL" clId="{78138B16-7BCD-AB47-9B5F-6CC7C46E94E4}" dt="2021-04-11T15:59:44.205" v="7915" actId="14100"/>
          <ac:spMkLst>
            <pc:docMk/>
            <pc:sldMk cId="2395231572" sldId="640"/>
            <ac:spMk id="3" creationId="{81C5AE69-A67E-BB48-A885-B5725A16F5C5}"/>
          </ac:spMkLst>
        </pc:spChg>
        <pc:spChg chg="add mod">
          <ac:chgData name="Daly Donnacha HSLU I" userId="0f22e960-400a-43ff-baeb-4828c8f5cd3a" providerId="ADAL" clId="{78138B16-7BCD-AB47-9B5F-6CC7C46E94E4}" dt="2021-04-11T15:46:42.247" v="7564" actId="1076"/>
          <ac:spMkLst>
            <pc:docMk/>
            <pc:sldMk cId="2395231572" sldId="640"/>
            <ac:spMk id="4" creationId="{9F2084DC-E1DE-5F4F-B58D-81FCCED16E09}"/>
          </ac:spMkLst>
        </pc:spChg>
        <pc:spChg chg="add del mod">
          <ac:chgData name="Daly Donnacha HSLU I" userId="0f22e960-400a-43ff-baeb-4828c8f5cd3a" providerId="ADAL" clId="{78138B16-7BCD-AB47-9B5F-6CC7C46E94E4}" dt="2021-04-11T15:57:53.077" v="7874" actId="478"/>
          <ac:spMkLst>
            <pc:docMk/>
            <pc:sldMk cId="2395231572" sldId="640"/>
            <ac:spMk id="8" creationId="{2F36E1A4-AFE5-B54C-AFBA-0AE850E3DA16}"/>
          </ac:spMkLst>
        </pc:spChg>
        <pc:picChg chg="add mod">
          <ac:chgData name="Daly Donnacha HSLU I" userId="0f22e960-400a-43ff-baeb-4828c8f5cd3a" providerId="ADAL" clId="{78138B16-7BCD-AB47-9B5F-6CC7C46E94E4}" dt="2021-04-11T15:59:39.538" v="7914" actId="1076"/>
          <ac:picMkLst>
            <pc:docMk/>
            <pc:sldMk cId="2395231572" sldId="640"/>
            <ac:picMk id="5" creationId="{66488EFF-23D2-FF40-B6A5-2389D15EDF72}"/>
          </ac:picMkLst>
        </pc:picChg>
        <pc:picChg chg="add del mod">
          <ac:chgData name="Daly Donnacha HSLU I" userId="0f22e960-400a-43ff-baeb-4828c8f5cd3a" providerId="ADAL" clId="{78138B16-7BCD-AB47-9B5F-6CC7C46E94E4}" dt="2021-04-11T15:48:03.761" v="7571" actId="21"/>
          <ac:picMkLst>
            <pc:docMk/>
            <pc:sldMk cId="2395231572" sldId="640"/>
            <ac:picMk id="6" creationId="{B23DA315-1597-7640-BB7A-508099DA83F1}"/>
          </ac:picMkLst>
        </pc:picChg>
        <pc:picChg chg="add mod">
          <ac:chgData name="Daly Donnacha HSLU I" userId="0f22e960-400a-43ff-baeb-4828c8f5cd3a" providerId="ADAL" clId="{78138B16-7BCD-AB47-9B5F-6CC7C46E94E4}" dt="2021-04-11T15:58:50.013" v="7901" actId="1036"/>
          <ac:picMkLst>
            <pc:docMk/>
            <pc:sldMk cId="2395231572" sldId="640"/>
            <ac:picMk id="7" creationId="{B18C7705-9A23-3841-A28B-CA0A2ADA24E2}"/>
          </ac:picMkLst>
        </pc:picChg>
        <pc:picChg chg="add mod">
          <ac:chgData name="Daly Donnacha HSLU I" userId="0f22e960-400a-43ff-baeb-4828c8f5cd3a" providerId="ADAL" clId="{78138B16-7BCD-AB47-9B5F-6CC7C46E94E4}" dt="2021-04-11T15:58:50.013" v="7901" actId="1036"/>
          <ac:picMkLst>
            <pc:docMk/>
            <pc:sldMk cId="2395231572" sldId="640"/>
            <ac:picMk id="9" creationId="{8C6E5278-D3AA-464B-A9D5-121E622D3BB9}"/>
          </ac:picMkLst>
        </pc:picChg>
      </pc:sldChg>
      <pc:sldChg chg="addSp delSp modSp add mod">
        <pc:chgData name="Daly Donnacha HSLU I" userId="0f22e960-400a-43ff-baeb-4828c8f5cd3a" providerId="ADAL" clId="{78138B16-7BCD-AB47-9B5F-6CC7C46E94E4}" dt="2021-04-11T16:15:18.116" v="8382" actId="6549"/>
        <pc:sldMkLst>
          <pc:docMk/>
          <pc:sldMk cId="1476795691" sldId="641"/>
        </pc:sldMkLst>
        <pc:spChg chg="mod">
          <ac:chgData name="Daly Donnacha HSLU I" userId="0f22e960-400a-43ff-baeb-4828c8f5cd3a" providerId="ADAL" clId="{78138B16-7BCD-AB47-9B5F-6CC7C46E94E4}" dt="2021-04-11T15:59:59.531" v="7926" actId="20577"/>
          <ac:spMkLst>
            <pc:docMk/>
            <pc:sldMk cId="1476795691" sldId="641"/>
            <ac:spMk id="2" creationId="{9ED2173E-E904-2044-A88C-E219030690D4}"/>
          </ac:spMkLst>
        </pc:spChg>
        <pc:spChg chg="mod">
          <ac:chgData name="Daly Donnacha HSLU I" userId="0f22e960-400a-43ff-baeb-4828c8f5cd3a" providerId="ADAL" clId="{78138B16-7BCD-AB47-9B5F-6CC7C46E94E4}" dt="2021-04-11T16:11:43.021" v="8212" actId="6549"/>
          <ac:spMkLst>
            <pc:docMk/>
            <pc:sldMk cId="1476795691" sldId="641"/>
            <ac:spMk id="3" creationId="{81C5AE69-A67E-BB48-A885-B5725A16F5C5}"/>
          </ac:spMkLst>
        </pc:spChg>
        <pc:spChg chg="mod">
          <ac:chgData name="Daly Donnacha HSLU I" userId="0f22e960-400a-43ff-baeb-4828c8f5cd3a" providerId="ADAL" clId="{78138B16-7BCD-AB47-9B5F-6CC7C46E94E4}" dt="2021-04-11T16:13:15.399" v="8230" actId="6549"/>
          <ac:spMkLst>
            <pc:docMk/>
            <pc:sldMk cId="1476795691" sldId="641"/>
            <ac:spMk id="4" creationId="{9F2084DC-E1DE-5F4F-B58D-81FCCED16E09}"/>
          </ac:spMkLst>
        </pc:spChg>
        <pc:spChg chg="add mod">
          <ac:chgData name="Daly Donnacha HSLU I" userId="0f22e960-400a-43ff-baeb-4828c8f5cd3a" providerId="ADAL" clId="{78138B16-7BCD-AB47-9B5F-6CC7C46E94E4}" dt="2021-04-11T16:15:18.116" v="8382" actId="6549"/>
          <ac:spMkLst>
            <pc:docMk/>
            <pc:sldMk cId="1476795691" sldId="641"/>
            <ac:spMk id="11" creationId="{86DE97D9-0F35-3947-A726-7AD5B1539163}"/>
          </ac:spMkLst>
        </pc:spChg>
        <pc:spChg chg="add mod">
          <ac:chgData name="Daly Donnacha HSLU I" userId="0f22e960-400a-43ff-baeb-4828c8f5cd3a" providerId="ADAL" clId="{78138B16-7BCD-AB47-9B5F-6CC7C46E94E4}" dt="2021-04-11T16:14:38.480" v="8339" actId="207"/>
          <ac:spMkLst>
            <pc:docMk/>
            <pc:sldMk cId="1476795691" sldId="641"/>
            <ac:spMk id="12" creationId="{79932C17-2E19-9E4E-A4E0-83D1FCDE4A8C}"/>
          </ac:spMkLst>
        </pc:spChg>
        <pc:picChg chg="del">
          <ac:chgData name="Daly Donnacha HSLU I" userId="0f22e960-400a-43ff-baeb-4828c8f5cd3a" providerId="ADAL" clId="{78138B16-7BCD-AB47-9B5F-6CC7C46E94E4}" dt="2021-04-11T16:00:14.493" v="7928" actId="478"/>
          <ac:picMkLst>
            <pc:docMk/>
            <pc:sldMk cId="1476795691" sldId="641"/>
            <ac:picMk id="5" creationId="{66488EFF-23D2-FF40-B6A5-2389D15EDF72}"/>
          </ac:picMkLst>
        </pc:picChg>
        <pc:picChg chg="del">
          <ac:chgData name="Daly Donnacha HSLU I" userId="0f22e960-400a-43ff-baeb-4828c8f5cd3a" providerId="ADAL" clId="{78138B16-7BCD-AB47-9B5F-6CC7C46E94E4}" dt="2021-04-11T16:00:12.301" v="7927" actId="478"/>
          <ac:picMkLst>
            <pc:docMk/>
            <pc:sldMk cId="1476795691" sldId="641"/>
            <ac:picMk id="7" creationId="{B18C7705-9A23-3841-A28B-CA0A2ADA24E2}"/>
          </ac:picMkLst>
        </pc:picChg>
        <pc:picChg chg="add mod">
          <ac:chgData name="Daly Donnacha HSLU I" userId="0f22e960-400a-43ff-baeb-4828c8f5cd3a" providerId="ADAL" clId="{78138B16-7BCD-AB47-9B5F-6CC7C46E94E4}" dt="2021-04-11T16:01:50.822" v="7945" actId="1076"/>
          <ac:picMkLst>
            <pc:docMk/>
            <pc:sldMk cId="1476795691" sldId="641"/>
            <ac:picMk id="8" creationId="{7D0250FF-53E7-3448-ACF5-4CDD0C394ED4}"/>
          </ac:picMkLst>
        </pc:picChg>
        <pc:picChg chg="del">
          <ac:chgData name="Daly Donnacha HSLU I" userId="0f22e960-400a-43ff-baeb-4828c8f5cd3a" providerId="ADAL" clId="{78138B16-7BCD-AB47-9B5F-6CC7C46E94E4}" dt="2021-04-11T16:00:12.301" v="7927" actId="478"/>
          <ac:picMkLst>
            <pc:docMk/>
            <pc:sldMk cId="1476795691" sldId="641"/>
            <ac:picMk id="9" creationId="{8C6E5278-D3AA-464B-A9D5-121E622D3BB9}"/>
          </ac:picMkLst>
        </pc:picChg>
        <pc:picChg chg="add mod">
          <ac:chgData name="Daly Donnacha HSLU I" userId="0f22e960-400a-43ff-baeb-4828c8f5cd3a" providerId="ADAL" clId="{78138B16-7BCD-AB47-9B5F-6CC7C46E94E4}" dt="2021-04-11T16:01:55.184" v="7947" actId="1076"/>
          <ac:picMkLst>
            <pc:docMk/>
            <pc:sldMk cId="1476795691" sldId="641"/>
            <ac:picMk id="10" creationId="{3BFF1857-9EA1-CD42-AFC1-2E14BA3DC546}"/>
          </ac:picMkLst>
        </pc:picChg>
      </pc:sldChg>
      <pc:sldChg chg="addSp modSp new mod">
        <pc:chgData name="Daly Donnacha HSLU I" userId="0f22e960-400a-43ff-baeb-4828c8f5cd3a" providerId="ADAL" clId="{78138B16-7BCD-AB47-9B5F-6CC7C46E94E4}" dt="2021-04-11T18:07:22.115" v="9212" actId="20577"/>
        <pc:sldMkLst>
          <pc:docMk/>
          <pc:sldMk cId="716158382" sldId="642"/>
        </pc:sldMkLst>
        <pc:spChg chg="mod">
          <ac:chgData name="Daly Donnacha HSLU I" userId="0f22e960-400a-43ff-baeb-4828c8f5cd3a" providerId="ADAL" clId="{78138B16-7BCD-AB47-9B5F-6CC7C46E94E4}" dt="2021-04-11T18:07:22.115" v="9212" actId="20577"/>
          <ac:spMkLst>
            <pc:docMk/>
            <pc:sldMk cId="716158382" sldId="642"/>
            <ac:spMk id="2" creationId="{FC432D1D-57A2-FF40-BE38-48F7ED5E4A51}"/>
          </ac:spMkLst>
        </pc:spChg>
        <pc:spChg chg="add mod">
          <ac:chgData name="Daly Donnacha HSLU I" userId="0f22e960-400a-43ff-baeb-4828c8f5cd3a" providerId="ADAL" clId="{78138B16-7BCD-AB47-9B5F-6CC7C46E94E4}" dt="2021-04-11T17:50:06.924" v="9064" actId="14100"/>
          <ac:spMkLst>
            <pc:docMk/>
            <pc:sldMk cId="716158382" sldId="642"/>
            <ac:spMk id="3" creationId="{BE8FE8E3-066A-144B-AC5D-A5D8B4A8A096}"/>
          </ac:spMkLst>
        </pc:spChg>
        <pc:spChg chg="add mod">
          <ac:chgData name="Daly Donnacha HSLU I" userId="0f22e960-400a-43ff-baeb-4828c8f5cd3a" providerId="ADAL" clId="{78138B16-7BCD-AB47-9B5F-6CC7C46E94E4}" dt="2021-04-11T18:06:57.891" v="9164" actId="14100"/>
          <ac:spMkLst>
            <pc:docMk/>
            <pc:sldMk cId="716158382" sldId="642"/>
            <ac:spMk id="5" creationId="{06403897-2538-9E48-9C84-3E4B54AB2B9C}"/>
          </ac:spMkLst>
        </pc:spChg>
        <pc:spChg chg="add mod">
          <ac:chgData name="Daly Donnacha HSLU I" userId="0f22e960-400a-43ff-baeb-4828c8f5cd3a" providerId="ADAL" clId="{78138B16-7BCD-AB47-9B5F-6CC7C46E94E4}" dt="2021-04-11T18:00:04.842" v="9086" actId="1076"/>
          <ac:spMkLst>
            <pc:docMk/>
            <pc:sldMk cId="716158382" sldId="642"/>
            <ac:spMk id="6" creationId="{EBADF53A-B5EA-5941-940F-AC85ECB89B21}"/>
          </ac:spMkLst>
        </pc:spChg>
        <pc:spChg chg="add mod">
          <ac:chgData name="Daly Donnacha HSLU I" userId="0f22e960-400a-43ff-baeb-4828c8f5cd3a" providerId="ADAL" clId="{78138B16-7BCD-AB47-9B5F-6CC7C46E94E4}" dt="2021-04-11T18:04:45.207" v="9124" actId="167"/>
          <ac:spMkLst>
            <pc:docMk/>
            <pc:sldMk cId="716158382" sldId="642"/>
            <ac:spMk id="7" creationId="{1FF70C93-018C-4140-A9B1-FACCA942F7A2}"/>
          </ac:spMkLst>
        </pc:spChg>
        <pc:picChg chg="add mod modCrop">
          <ac:chgData name="Daly Donnacha HSLU I" userId="0f22e960-400a-43ff-baeb-4828c8f5cd3a" providerId="ADAL" clId="{78138B16-7BCD-AB47-9B5F-6CC7C46E94E4}" dt="2021-04-11T18:04:29.352" v="9121" actId="1076"/>
          <ac:picMkLst>
            <pc:docMk/>
            <pc:sldMk cId="716158382" sldId="642"/>
            <ac:picMk id="4" creationId="{F26B21EB-20D2-124A-8042-181CCB57C0D3}"/>
          </ac:picMkLst>
        </pc:picChg>
      </pc:sldChg>
      <pc:sldChg chg="addSp delSp modSp add mod">
        <pc:chgData name="Daly Donnacha HSLU I" userId="0f22e960-400a-43ff-baeb-4828c8f5cd3a" providerId="ADAL" clId="{78138B16-7BCD-AB47-9B5F-6CC7C46E94E4}" dt="2021-04-11T18:08:17.813" v="9250" actId="1076"/>
        <pc:sldMkLst>
          <pc:docMk/>
          <pc:sldMk cId="2688564484" sldId="643"/>
        </pc:sldMkLst>
        <pc:spChg chg="mod">
          <ac:chgData name="Daly Donnacha HSLU I" userId="0f22e960-400a-43ff-baeb-4828c8f5cd3a" providerId="ADAL" clId="{78138B16-7BCD-AB47-9B5F-6CC7C46E94E4}" dt="2021-04-11T18:07:32.837" v="9239" actId="20577"/>
          <ac:spMkLst>
            <pc:docMk/>
            <pc:sldMk cId="2688564484" sldId="643"/>
            <ac:spMk id="2" creationId="{FC432D1D-57A2-FF40-BE38-48F7ED5E4A51}"/>
          </ac:spMkLst>
        </pc:spChg>
        <pc:spChg chg="del">
          <ac:chgData name="Daly Donnacha HSLU I" userId="0f22e960-400a-43ff-baeb-4828c8f5cd3a" providerId="ADAL" clId="{78138B16-7BCD-AB47-9B5F-6CC7C46E94E4}" dt="2021-04-11T18:07:35.882" v="9240" actId="478"/>
          <ac:spMkLst>
            <pc:docMk/>
            <pc:sldMk cId="2688564484" sldId="643"/>
            <ac:spMk id="3" creationId="{BE8FE8E3-066A-144B-AC5D-A5D8B4A8A096}"/>
          </ac:spMkLst>
        </pc:spChg>
        <pc:spChg chg="del">
          <ac:chgData name="Daly Donnacha HSLU I" userId="0f22e960-400a-43ff-baeb-4828c8f5cd3a" providerId="ADAL" clId="{78138B16-7BCD-AB47-9B5F-6CC7C46E94E4}" dt="2021-04-11T18:07:35.882" v="9240" actId="478"/>
          <ac:spMkLst>
            <pc:docMk/>
            <pc:sldMk cId="2688564484" sldId="643"/>
            <ac:spMk id="5" creationId="{06403897-2538-9E48-9C84-3E4B54AB2B9C}"/>
          </ac:spMkLst>
        </pc:spChg>
        <pc:spChg chg="del">
          <ac:chgData name="Daly Donnacha HSLU I" userId="0f22e960-400a-43ff-baeb-4828c8f5cd3a" providerId="ADAL" clId="{78138B16-7BCD-AB47-9B5F-6CC7C46E94E4}" dt="2021-04-11T18:07:35.882" v="9240" actId="478"/>
          <ac:spMkLst>
            <pc:docMk/>
            <pc:sldMk cId="2688564484" sldId="643"/>
            <ac:spMk id="7" creationId="{1FF70C93-018C-4140-A9B1-FACCA942F7A2}"/>
          </ac:spMkLst>
        </pc:spChg>
        <pc:picChg chg="del">
          <ac:chgData name="Daly Donnacha HSLU I" userId="0f22e960-400a-43ff-baeb-4828c8f5cd3a" providerId="ADAL" clId="{78138B16-7BCD-AB47-9B5F-6CC7C46E94E4}" dt="2021-04-11T18:07:35.882" v="9240" actId="478"/>
          <ac:picMkLst>
            <pc:docMk/>
            <pc:sldMk cId="2688564484" sldId="643"/>
            <ac:picMk id="4" creationId="{F26B21EB-20D2-124A-8042-181CCB57C0D3}"/>
          </ac:picMkLst>
        </pc:picChg>
        <pc:picChg chg="add mod">
          <ac:chgData name="Daly Donnacha HSLU I" userId="0f22e960-400a-43ff-baeb-4828c8f5cd3a" providerId="ADAL" clId="{78138B16-7BCD-AB47-9B5F-6CC7C46E94E4}" dt="2021-04-11T18:08:17.813" v="9250" actId="1076"/>
          <ac:picMkLst>
            <pc:docMk/>
            <pc:sldMk cId="2688564484" sldId="643"/>
            <ac:picMk id="5122" creationId="{185CAB75-566F-5048-9570-CB6233D4D848}"/>
          </ac:picMkLst>
        </pc:picChg>
      </pc:sldChg>
    </pc:docChg>
  </pc:docChgLst>
  <pc:docChgLst>
    <pc:chgData name="Daly Donnacha HSLU I" userId="0f22e960-400a-43ff-baeb-4828c8f5cd3a" providerId="ADAL" clId="{0107A2AC-E230-6340-9D00-A45E25ACF2AC}"/>
    <pc:docChg chg="undo redo custSel addSld delSld modSld sldOrd">
      <pc:chgData name="Daly Donnacha HSLU I" userId="0f22e960-400a-43ff-baeb-4828c8f5cd3a" providerId="ADAL" clId="{0107A2AC-E230-6340-9D00-A45E25ACF2AC}" dt="2021-03-19T17:13:49.050" v="16874" actId="1076"/>
      <pc:docMkLst>
        <pc:docMk/>
      </pc:docMkLst>
      <pc:sldChg chg="modSp mod">
        <pc:chgData name="Daly Donnacha HSLU I" userId="0f22e960-400a-43ff-baeb-4828c8f5cd3a" providerId="ADAL" clId="{0107A2AC-E230-6340-9D00-A45E25ACF2AC}" dt="2021-03-18T16:59:07.919" v="238" actId="20577"/>
        <pc:sldMkLst>
          <pc:docMk/>
          <pc:sldMk cId="0" sldId="256"/>
        </pc:sldMkLst>
        <pc:spChg chg="mod">
          <ac:chgData name="Daly Donnacha HSLU I" userId="0f22e960-400a-43ff-baeb-4828c8f5cd3a" providerId="ADAL" clId="{0107A2AC-E230-6340-9D00-A45E25ACF2AC}" dt="2021-03-18T16:59:07.919" v="238" actId="20577"/>
          <ac:spMkLst>
            <pc:docMk/>
            <pc:sldMk cId="0" sldId="256"/>
            <ac:spMk id="3075" creationId="{00000000-0000-0000-0000-000000000000}"/>
          </ac:spMkLst>
        </pc:spChg>
      </pc:sldChg>
      <pc:sldChg chg="addSp delSp modSp mod">
        <pc:chgData name="Daly Donnacha HSLU I" userId="0f22e960-400a-43ff-baeb-4828c8f5cd3a" providerId="ADAL" clId="{0107A2AC-E230-6340-9D00-A45E25ACF2AC}" dt="2021-03-18T17:00:21.252" v="289" actId="478"/>
        <pc:sldMkLst>
          <pc:docMk/>
          <pc:sldMk cId="2069180595" sldId="293"/>
        </pc:sldMkLst>
        <pc:spChg chg="del">
          <ac:chgData name="Daly Donnacha HSLU I" userId="0f22e960-400a-43ff-baeb-4828c8f5cd3a" providerId="ADAL" clId="{0107A2AC-E230-6340-9D00-A45E25ACF2AC}" dt="2021-03-18T16:54:18.120" v="199" actId="478"/>
          <ac:spMkLst>
            <pc:docMk/>
            <pc:sldMk cId="2069180595" sldId="293"/>
            <ac:spMk id="3" creationId="{958270BE-2BB0-C145-8595-2D7828D8E1C7}"/>
          </ac:spMkLst>
        </pc:spChg>
        <pc:spChg chg="mod">
          <ac:chgData name="Daly Donnacha HSLU I" userId="0f22e960-400a-43ff-baeb-4828c8f5cd3a" providerId="ADAL" clId="{0107A2AC-E230-6340-9D00-A45E25ACF2AC}" dt="2021-03-18T16:54:04.886" v="198" actId="57"/>
          <ac:spMkLst>
            <pc:docMk/>
            <pc:sldMk cId="2069180595" sldId="293"/>
            <ac:spMk id="6" creationId="{C5894721-95A2-7141-8609-521552539517}"/>
          </ac:spMkLst>
        </pc:spChg>
        <pc:spChg chg="add mod">
          <ac:chgData name="Daly Donnacha HSLU I" userId="0f22e960-400a-43ff-baeb-4828c8f5cd3a" providerId="ADAL" clId="{0107A2AC-E230-6340-9D00-A45E25ACF2AC}" dt="2021-03-18T16:58:31.978" v="220" actId="1076"/>
          <ac:spMkLst>
            <pc:docMk/>
            <pc:sldMk cId="2069180595" sldId="293"/>
            <ac:spMk id="8" creationId="{BD2BFAB6-7E37-3A4E-B684-EA585DBB5A3E}"/>
          </ac:spMkLst>
        </pc:spChg>
        <pc:picChg chg="add del mod">
          <ac:chgData name="Daly Donnacha HSLU I" userId="0f22e960-400a-43ff-baeb-4828c8f5cd3a" providerId="ADAL" clId="{0107A2AC-E230-6340-9D00-A45E25ACF2AC}" dt="2021-03-18T16:55:27.848" v="204" actId="478"/>
          <ac:picMkLst>
            <pc:docMk/>
            <pc:sldMk cId="2069180595" sldId="293"/>
            <ac:picMk id="5" creationId="{AD84A24A-533B-CB45-BDE8-715989CE6F2B}"/>
          </ac:picMkLst>
        </pc:picChg>
        <pc:picChg chg="add mod">
          <ac:chgData name="Daly Donnacha HSLU I" userId="0f22e960-400a-43ff-baeb-4828c8f5cd3a" providerId="ADAL" clId="{0107A2AC-E230-6340-9D00-A45E25ACF2AC}" dt="2021-03-18T16:57:39.966" v="213" actId="1076"/>
          <ac:picMkLst>
            <pc:docMk/>
            <pc:sldMk cId="2069180595" sldId="293"/>
            <ac:picMk id="7" creationId="{2F5BE01C-81A9-4946-94FD-37E20474598D}"/>
          </ac:picMkLst>
        </pc:picChg>
        <pc:picChg chg="del">
          <ac:chgData name="Daly Donnacha HSLU I" userId="0f22e960-400a-43ff-baeb-4828c8f5cd3a" providerId="ADAL" clId="{0107A2AC-E230-6340-9D00-A45E25ACF2AC}" dt="2021-03-18T16:50:43.425" v="0" actId="478"/>
          <ac:picMkLst>
            <pc:docMk/>
            <pc:sldMk cId="2069180595" sldId="293"/>
            <ac:picMk id="1026" creationId="{D050CF12-FAA3-7844-9C87-F285E8EA3E0E}"/>
          </ac:picMkLst>
        </pc:picChg>
        <pc:cxnChg chg="add del">
          <ac:chgData name="Daly Donnacha HSLU I" userId="0f22e960-400a-43ff-baeb-4828c8f5cd3a" providerId="ADAL" clId="{0107A2AC-E230-6340-9D00-A45E25ACF2AC}" dt="2021-03-18T17:00:21.252" v="289" actId="478"/>
          <ac:cxnSpMkLst>
            <pc:docMk/>
            <pc:sldMk cId="2069180595" sldId="293"/>
            <ac:cxnSpMk id="10" creationId="{67675DA2-9EFC-4E43-B854-4BFE43E65975}"/>
          </ac:cxnSpMkLst>
        </pc:cxnChg>
      </pc:sldChg>
      <pc:sldChg chg="addSp delSp modSp mod">
        <pc:chgData name="Daly Donnacha HSLU I" userId="0f22e960-400a-43ff-baeb-4828c8f5cd3a" providerId="ADAL" clId="{0107A2AC-E230-6340-9D00-A45E25ACF2AC}" dt="2021-03-18T17:11:21.187" v="370" actId="1076"/>
        <pc:sldMkLst>
          <pc:docMk/>
          <pc:sldMk cId="1191410536" sldId="298"/>
        </pc:sldMkLst>
        <pc:spChg chg="del">
          <ac:chgData name="Daly Donnacha HSLU I" userId="0f22e960-400a-43ff-baeb-4828c8f5cd3a" providerId="ADAL" clId="{0107A2AC-E230-6340-9D00-A45E25ACF2AC}" dt="2021-03-18T17:09:14.318" v="359" actId="478"/>
          <ac:spMkLst>
            <pc:docMk/>
            <pc:sldMk cId="1191410536" sldId="298"/>
            <ac:spMk id="4" creationId="{AB0B17E6-3C04-F148-ACB4-327229BBF3B6}"/>
          </ac:spMkLst>
        </pc:spChg>
        <pc:spChg chg="del">
          <ac:chgData name="Daly Donnacha HSLU I" userId="0f22e960-400a-43ff-baeb-4828c8f5cd3a" providerId="ADAL" clId="{0107A2AC-E230-6340-9D00-A45E25ACF2AC}" dt="2021-03-18T17:09:11.039" v="358" actId="478"/>
          <ac:spMkLst>
            <pc:docMk/>
            <pc:sldMk cId="1191410536" sldId="298"/>
            <ac:spMk id="6" creationId="{3318DE80-A006-4247-9ADC-D9C15EB9271A}"/>
          </ac:spMkLst>
        </pc:spChg>
        <pc:spChg chg="add mod">
          <ac:chgData name="Daly Donnacha HSLU I" userId="0f22e960-400a-43ff-baeb-4828c8f5cd3a" providerId="ADAL" clId="{0107A2AC-E230-6340-9D00-A45E25ACF2AC}" dt="2021-03-18T17:09:21.973" v="361"/>
          <ac:spMkLst>
            <pc:docMk/>
            <pc:sldMk cId="1191410536" sldId="298"/>
            <ac:spMk id="7" creationId="{BB202C82-DDFE-C44D-B9DF-B94AEFBC9916}"/>
          </ac:spMkLst>
        </pc:spChg>
        <pc:spChg chg="add mod">
          <ac:chgData name="Daly Donnacha HSLU I" userId="0f22e960-400a-43ff-baeb-4828c8f5cd3a" providerId="ADAL" clId="{0107A2AC-E230-6340-9D00-A45E25ACF2AC}" dt="2021-03-18T17:11:21.187" v="370" actId="1076"/>
          <ac:spMkLst>
            <pc:docMk/>
            <pc:sldMk cId="1191410536" sldId="298"/>
            <ac:spMk id="8" creationId="{003E815D-B0A3-8B42-983D-38FDFA4B9886}"/>
          </ac:spMkLst>
        </pc:spChg>
        <pc:spChg chg="del">
          <ac:chgData name="Daly Donnacha HSLU I" userId="0f22e960-400a-43ff-baeb-4828c8f5cd3a" providerId="ADAL" clId="{0107A2AC-E230-6340-9D00-A45E25ACF2AC}" dt="2021-03-18T17:09:21.645" v="360" actId="478"/>
          <ac:spMkLst>
            <pc:docMk/>
            <pc:sldMk cId="1191410536" sldId="298"/>
            <ac:spMk id="9" creationId="{F47F2A8B-8802-1644-A599-945BECDEAE6C}"/>
          </ac:spMkLst>
        </pc:spChg>
        <pc:picChg chg="add mod">
          <ac:chgData name="Daly Donnacha HSLU I" userId="0f22e960-400a-43ff-baeb-4828c8f5cd3a" providerId="ADAL" clId="{0107A2AC-E230-6340-9D00-A45E25ACF2AC}" dt="2021-03-18T17:10:47.569" v="364" actId="14100"/>
          <ac:picMkLst>
            <pc:docMk/>
            <pc:sldMk cId="1191410536" sldId="298"/>
            <ac:picMk id="5" creationId="{22DFAED9-DCA9-4541-82DA-5C8CC8CBFA7A}"/>
          </ac:picMkLst>
        </pc:picChg>
        <pc:picChg chg="del mod">
          <ac:chgData name="Daly Donnacha HSLU I" userId="0f22e960-400a-43ff-baeb-4828c8f5cd3a" providerId="ADAL" clId="{0107A2AC-E230-6340-9D00-A45E25ACF2AC}" dt="2021-03-18T17:09:08.060" v="357" actId="478"/>
          <ac:picMkLst>
            <pc:docMk/>
            <pc:sldMk cId="1191410536" sldId="298"/>
            <ac:picMk id="3076" creationId="{04DDF7EB-E469-3E4B-BB40-75B2975BC2A1}"/>
          </ac:picMkLst>
        </pc:picChg>
      </pc:sldChg>
      <pc:sldChg chg="addSp delSp modSp mod">
        <pc:chgData name="Daly Donnacha HSLU I" userId="0f22e960-400a-43ff-baeb-4828c8f5cd3a" providerId="ADAL" clId="{0107A2AC-E230-6340-9D00-A45E25ACF2AC}" dt="2021-03-18T17:16:36.091" v="448" actId="14100"/>
        <pc:sldMkLst>
          <pc:docMk/>
          <pc:sldMk cId="3661452517" sldId="314"/>
        </pc:sldMkLst>
        <pc:spChg chg="del">
          <ac:chgData name="Daly Donnacha HSLU I" userId="0f22e960-400a-43ff-baeb-4828c8f5cd3a" providerId="ADAL" clId="{0107A2AC-E230-6340-9D00-A45E25ACF2AC}" dt="2021-03-18T17:14:53.142" v="431" actId="478"/>
          <ac:spMkLst>
            <pc:docMk/>
            <pc:sldMk cId="3661452517" sldId="314"/>
            <ac:spMk id="4" creationId="{08104162-0A5A-C04E-A4E0-90895A085508}"/>
          </ac:spMkLst>
        </pc:spChg>
        <pc:spChg chg="del">
          <ac:chgData name="Daly Donnacha HSLU I" userId="0f22e960-400a-43ff-baeb-4828c8f5cd3a" providerId="ADAL" clId="{0107A2AC-E230-6340-9D00-A45E25ACF2AC}" dt="2021-03-18T17:14:53.142" v="431" actId="478"/>
          <ac:spMkLst>
            <pc:docMk/>
            <pc:sldMk cId="3661452517" sldId="314"/>
            <ac:spMk id="28" creationId="{D3F2DC5E-47C6-784D-BA68-4D2288D24342}"/>
          </ac:spMkLst>
        </pc:spChg>
        <pc:spChg chg="del">
          <ac:chgData name="Daly Donnacha HSLU I" userId="0f22e960-400a-43ff-baeb-4828c8f5cd3a" providerId="ADAL" clId="{0107A2AC-E230-6340-9D00-A45E25ACF2AC}" dt="2021-03-18T17:14:53.142" v="431" actId="478"/>
          <ac:spMkLst>
            <pc:docMk/>
            <pc:sldMk cId="3661452517" sldId="314"/>
            <ac:spMk id="29" creationId="{41C01782-7B50-2943-A0CA-C3EAAF83368F}"/>
          </ac:spMkLst>
        </pc:spChg>
        <pc:spChg chg="del">
          <ac:chgData name="Daly Donnacha HSLU I" userId="0f22e960-400a-43ff-baeb-4828c8f5cd3a" providerId="ADAL" clId="{0107A2AC-E230-6340-9D00-A45E25ACF2AC}" dt="2021-03-18T17:14:53.142" v="431" actId="478"/>
          <ac:spMkLst>
            <pc:docMk/>
            <pc:sldMk cId="3661452517" sldId="314"/>
            <ac:spMk id="30" creationId="{FCDC9EC9-3D3D-8947-ACB9-2536D638D4BB}"/>
          </ac:spMkLst>
        </pc:spChg>
        <pc:spChg chg="del">
          <ac:chgData name="Daly Donnacha HSLU I" userId="0f22e960-400a-43ff-baeb-4828c8f5cd3a" providerId="ADAL" clId="{0107A2AC-E230-6340-9D00-A45E25ACF2AC}" dt="2021-03-18T17:14:53.142" v="431" actId="478"/>
          <ac:spMkLst>
            <pc:docMk/>
            <pc:sldMk cId="3661452517" sldId="314"/>
            <ac:spMk id="31" creationId="{853C3A8A-B61F-CA43-B4ED-480A8112FB45}"/>
          </ac:spMkLst>
        </pc:spChg>
        <pc:spChg chg="del">
          <ac:chgData name="Daly Donnacha HSLU I" userId="0f22e960-400a-43ff-baeb-4828c8f5cd3a" providerId="ADAL" clId="{0107A2AC-E230-6340-9D00-A45E25ACF2AC}" dt="2021-03-18T17:14:53.142" v="431" actId="478"/>
          <ac:spMkLst>
            <pc:docMk/>
            <pc:sldMk cId="3661452517" sldId="314"/>
            <ac:spMk id="32" creationId="{26F3EDFD-9991-EC4A-AD4B-E13D9FE80D5E}"/>
          </ac:spMkLst>
        </pc:spChg>
        <pc:spChg chg="del">
          <ac:chgData name="Daly Donnacha HSLU I" userId="0f22e960-400a-43ff-baeb-4828c8f5cd3a" providerId="ADAL" clId="{0107A2AC-E230-6340-9D00-A45E25ACF2AC}" dt="2021-03-18T17:14:53.142" v="431" actId="478"/>
          <ac:spMkLst>
            <pc:docMk/>
            <pc:sldMk cId="3661452517" sldId="314"/>
            <ac:spMk id="33" creationId="{1B2FD63D-2885-F64A-88E8-000748F15374}"/>
          </ac:spMkLst>
        </pc:spChg>
        <pc:spChg chg="del">
          <ac:chgData name="Daly Donnacha HSLU I" userId="0f22e960-400a-43ff-baeb-4828c8f5cd3a" providerId="ADAL" clId="{0107A2AC-E230-6340-9D00-A45E25ACF2AC}" dt="2021-03-18T17:14:53.142" v="431" actId="478"/>
          <ac:spMkLst>
            <pc:docMk/>
            <pc:sldMk cId="3661452517" sldId="314"/>
            <ac:spMk id="34" creationId="{4D9C6F31-6289-F745-A4C0-83AC6A6F5644}"/>
          </ac:spMkLst>
        </pc:spChg>
        <pc:spChg chg="add mod">
          <ac:chgData name="Daly Donnacha HSLU I" userId="0f22e960-400a-43ff-baeb-4828c8f5cd3a" providerId="ADAL" clId="{0107A2AC-E230-6340-9D00-A45E25ACF2AC}" dt="2021-03-18T17:16:36.091" v="448" actId="14100"/>
          <ac:spMkLst>
            <pc:docMk/>
            <pc:sldMk cId="3661452517" sldId="314"/>
            <ac:spMk id="35" creationId="{637C3971-2241-B242-B78A-14017D9E54BF}"/>
          </ac:spMkLst>
        </pc:spChg>
        <pc:spChg chg="del">
          <ac:chgData name="Daly Donnacha HSLU I" userId="0f22e960-400a-43ff-baeb-4828c8f5cd3a" providerId="ADAL" clId="{0107A2AC-E230-6340-9D00-A45E25ACF2AC}" dt="2021-03-18T17:14:53.142" v="431" actId="478"/>
          <ac:spMkLst>
            <pc:docMk/>
            <pc:sldMk cId="3661452517" sldId="314"/>
            <ac:spMk id="36" creationId="{EFE2EC9E-00A1-D541-B562-D8DF5EA60823}"/>
          </ac:spMkLst>
        </pc:spChg>
        <pc:spChg chg="add mod">
          <ac:chgData name="Daly Donnacha HSLU I" userId="0f22e960-400a-43ff-baeb-4828c8f5cd3a" providerId="ADAL" clId="{0107A2AC-E230-6340-9D00-A45E25ACF2AC}" dt="2021-03-18T17:14:54.281" v="432"/>
          <ac:spMkLst>
            <pc:docMk/>
            <pc:sldMk cId="3661452517" sldId="314"/>
            <ac:spMk id="37" creationId="{94CB89AB-69B3-4B46-A59F-5DBDC68C2FB1}"/>
          </ac:spMkLst>
        </pc:spChg>
        <pc:spChg chg="del">
          <ac:chgData name="Daly Donnacha HSLU I" userId="0f22e960-400a-43ff-baeb-4828c8f5cd3a" providerId="ADAL" clId="{0107A2AC-E230-6340-9D00-A45E25ACF2AC}" dt="2021-03-18T17:14:53.142" v="431" actId="478"/>
          <ac:spMkLst>
            <pc:docMk/>
            <pc:sldMk cId="3661452517" sldId="314"/>
            <ac:spMk id="39" creationId="{3A80CB17-DE5C-BE4C-A775-2E8EB28A22A6}"/>
          </ac:spMkLst>
        </pc:spChg>
        <pc:spChg chg="del">
          <ac:chgData name="Daly Donnacha HSLU I" userId="0f22e960-400a-43ff-baeb-4828c8f5cd3a" providerId="ADAL" clId="{0107A2AC-E230-6340-9D00-A45E25ACF2AC}" dt="2021-03-18T17:14:53.142" v="431" actId="478"/>
          <ac:spMkLst>
            <pc:docMk/>
            <pc:sldMk cId="3661452517" sldId="314"/>
            <ac:spMk id="40" creationId="{102E0B40-3FC2-6C4D-A0B0-01295D5A2964}"/>
          </ac:spMkLst>
        </pc:spChg>
        <pc:spChg chg="del">
          <ac:chgData name="Daly Donnacha HSLU I" userId="0f22e960-400a-43ff-baeb-4828c8f5cd3a" providerId="ADAL" clId="{0107A2AC-E230-6340-9D00-A45E25ACF2AC}" dt="2021-03-18T17:14:53.142" v="431" actId="478"/>
          <ac:spMkLst>
            <pc:docMk/>
            <pc:sldMk cId="3661452517" sldId="314"/>
            <ac:spMk id="41" creationId="{4FC5EC44-0382-D34C-8E10-500B89155D65}"/>
          </ac:spMkLst>
        </pc:spChg>
        <pc:spChg chg="del">
          <ac:chgData name="Daly Donnacha HSLU I" userId="0f22e960-400a-43ff-baeb-4828c8f5cd3a" providerId="ADAL" clId="{0107A2AC-E230-6340-9D00-A45E25ACF2AC}" dt="2021-03-18T17:14:53.142" v="431" actId="478"/>
          <ac:spMkLst>
            <pc:docMk/>
            <pc:sldMk cId="3661452517" sldId="314"/>
            <ac:spMk id="42" creationId="{87C3161A-631B-E145-831D-6D51DC1B13A2}"/>
          </ac:spMkLst>
        </pc:spChg>
        <pc:spChg chg="del">
          <ac:chgData name="Daly Donnacha HSLU I" userId="0f22e960-400a-43ff-baeb-4828c8f5cd3a" providerId="ADAL" clId="{0107A2AC-E230-6340-9D00-A45E25ACF2AC}" dt="2021-03-18T17:14:53.142" v="431" actId="478"/>
          <ac:spMkLst>
            <pc:docMk/>
            <pc:sldMk cId="3661452517" sldId="314"/>
            <ac:spMk id="43" creationId="{10EBC451-E733-8348-8D74-FB2ACE4098B3}"/>
          </ac:spMkLst>
        </pc:spChg>
        <pc:spChg chg="del">
          <ac:chgData name="Daly Donnacha HSLU I" userId="0f22e960-400a-43ff-baeb-4828c8f5cd3a" providerId="ADAL" clId="{0107A2AC-E230-6340-9D00-A45E25ACF2AC}" dt="2021-03-18T17:14:53.142" v="431" actId="478"/>
          <ac:spMkLst>
            <pc:docMk/>
            <pc:sldMk cId="3661452517" sldId="314"/>
            <ac:spMk id="44" creationId="{4DD16ADD-1737-F54B-85AE-117E9E159D2D}"/>
          </ac:spMkLst>
        </pc:spChg>
        <pc:spChg chg="del">
          <ac:chgData name="Daly Donnacha HSLU I" userId="0f22e960-400a-43ff-baeb-4828c8f5cd3a" providerId="ADAL" clId="{0107A2AC-E230-6340-9D00-A45E25ACF2AC}" dt="2021-03-18T17:14:53.142" v="431" actId="478"/>
          <ac:spMkLst>
            <pc:docMk/>
            <pc:sldMk cId="3661452517" sldId="314"/>
            <ac:spMk id="45" creationId="{DB1C0BBC-5561-7147-938C-256D7224785C}"/>
          </ac:spMkLst>
        </pc:spChg>
        <pc:picChg chg="add mod">
          <ac:chgData name="Daly Donnacha HSLU I" userId="0f22e960-400a-43ff-baeb-4828c8f5cd3a" providerId="ADAL" clId="{0107A2AC-E230-6340-9D00-A45E25ACF2AC}" dt="2021-03-18T17:16:05.486" v="445" actId="1076"/>
          <ac:picMkLst>
            <pc:docMk/>
            <pc:sldMk cId="3661452517" sldId="314"/>
            <ac:picMk id="38" creationId="{2DE470DE-EB89-C140-93FF-5C9423B5C2F1}"/>
          </ac:picMkLst>
        </pc:picChg>
        <pc:cxnChg chg="del">
          <ac:chgData name="Daly Donnacha HSLU I" userId="0f22e960-400a-43ff-baeb-4828c8f5cd3a" providerId="ADAL" clId="{0107A2AC-E230-6340-9D00-A45E25ACF2AC}" dt="2021-03-18T17:14:53.142" v="431" actId="478"/>
          <ac:cxnSpMkLst>
            <pc:docMk/>
            <pc:sldMk cId="3661452517" sldId="314"/>
            <ac:cxnSpMk id="19" creationId="{A1F17A91-8960-0F40-8AD4-62261484A261}"/>
          </ac:cxnSpMkLst>
        </pc:cxnChg>
        <pc:cxnChg chg="del">
          <ac:chgData name="Daly Donnacha HSLU I" userId="0f22e960-400a-43ff-baeb-4828c8f5cd3a" providerId="ADAL" clId="{0107A2AC-E230-6340-9D00-A45E25ACF2AC}" dt="2021-03-18T17:14:53.142" v="431" actId="478"/>
          <ac:cxnSpMkLst>
            <pc:docMk/>
            <pc:sldMk cId="3661452517" sldId="314"/>
            <ac:cxnSpMk id="21" creationId="{6B172202-312A-3D43-996B-E95D8222DBFC}"/>
          </ac:cxnSpMkLst>
        </pc:cxnChg>
        <pc:cxnChg chg="del">
          <ac:chgData name="Daly Donnacha HSLU I" userId="0f22e960-400a-43ff-baeb-4828c8f5cd3a" providerId="ADAL" clId="{0107A2AC-E230-6340-9D00-A45E25ACF2AC}" dt="2021-03-18T17:14:53.142" v="431" actId="478"/>
          <ac:cxnSpMkLst>
            <pc:docMk/>
            <pc:sldMk cId="3661452517" sldId="314"/>
            <ac:cxnSpMk id="24" creationId="{6EE1657A-D143-6146-99F5-16D0532CFFA7}"/>
          </ac:cxnSpMkLst>
        </pc:cxnChg>
        <pc:cxnChg chg="del">
          <ac:chgData name="Daly Donnacha HSLU I" userId="0f22e960-400a-43ff-baeb-4828c8f5cd3a" providerId="ADAL" clId="{0107A2AC-E230-6340-9D00-A45E25ACF2AC}" dt="2021-03-18T17:14:53.142" v="431" actId="478"/>
          <ac:cxnSpMkLst>
            <pc:docMk/>
            <pc:sldMk cId="3661452517" sldId="314"/>
            <ac:cxnSpMk id="25" creationId="{E3ED02F9-11C1-0D4D-BED9-673B7F8693D8}"/>
          </ac:cxnSpMkLst>
        </pc:cxnChg>
        <pc:cxnChg chg="del">
          <ac:chgData name="Daly Donnacha HSLU I" userId="0f22e960-400a-43ff-baeb-4828c8f5cd3a" providerId="ADAL" clId="{0107A2AC-E230-6340-9D00-A45E25ACF2AC}" dt="2021-03-18T17:14:53.142" v="431" actId="478"/>
          <ac:cxnSpMkLst>
            <pc:docMk/>
            <pc:sldMk cId="3661452517" sldId="314"/>
            <ac:cxnSpMk id="26" creationId="{07948C00-9D6E-A84C-95ED-CE9FF8BA7BFC}"/>
          </ac:cxnSpMkLst>
        </pc:cxnChg>
        <pc:cxnChg chg="del">
          <ac:chgData name="Daly Donnacha HSLU I" userId="0f22e960-400a-43ff-baeb-4828c8f5cd3a" providerId="ADAL" clId="{0107A2AC-E230-6340-9D00-A45E25ACF2AC}" dt="2021-03-18T17:14:53.142" v="431" actId="478"/>
          <ac:cxnSpMkLst>
            <pc:docMk/>
            <pc:sldMk cId="3661452517" sldId="314"/>
            <ac:cxnSpMk id="27" creationId="{65FDDB6D-4972-DB48-B0E8-F664454D8100}"/>
          </ac:cxnSpMkLst>
        </pc:cxnChg>
      </pc:sldChg>
      <pc:sldChg chg="modSp mod">
        <pc:chgData name="Daly Donnacha HSLU I" userId="0f22e960-400a-43ff-baeb-4828c8f5cd3a" providerId="ADAL" clId="{0107A2AC-E230-6340-9D00-A45E25ACF2AC}" dt="2021-03-18T16:59:39.206" v="264" actId="20577"/>
        <pc:sldMkLst>
          <pc:docMk/>
          <pc:sldMk cId="2208137706" sldId="315"/>
        </pc:sldMkLst>
        <pc:spChg chg="mod">
          <ac:chgData name="Daly Donnacha HSLU I" userId="0f22e960-400a-43ff-baeb-4828c8f5cd3a" providerId="ADAL" clId="{0107A2AC-E230-6340-9D00-A45E25ACF2AC}" dt="2021-03-18T16:59:39.206" v="264" actId="20577"/>
          <ac:spMkLst>
            <pc:docMk/>
            <pc:sldMk cId="2208137706" sldId="315"/>
            <ac:spMk id="3" creationId="{63132F41-5235-6647-AE60-DA2A6069816C}"/>
          </ac:spMkLst>
        </pc:spChg>
      </pc:sldChg>
      <pc:sldChg chg="modSp del mod">
        <pc:chgData name="Daly Donnacha HSLU I" userId="0f22e960-400a-43ff-baeb-4828c8f5cd3a" providerId="ADAL" clId="{0107A2AC-E230-6340-9D00-A45E25ACF2AC}" dt="2021-03-18T17:13:16.345" v="430" actId="2696"/>
        <pc:sldMkLst>
          <pc:docMk/>
          <pc:sldMk cId="2409819955" sldId="350"/>
        </pc:sldMkLst>
        <pc:spChg chg="mod">
          <ac:chgData name="Daly Donnacha HSLU I" userId="0f22e960-400a-43ff-baeb-4828c8f5cd3a" providerId="ADAL" clId="{0107A2AC-E230-6340-9D00-A45E25ACF2AC}" dt="2021-03-18T17:12:14.643" v="429" actId="20577"/>
          <ac:spMkLst>
            <pc:docMk/>
            <pc:sldMk cId="2409819955" sldId="350"/>
            <ac:spMk id="3" creationId="{84F7EB68-49D7-E946-9C97-7F725AFD1637}"/>
          </ac:spMkLst>
        </pc:spChg>
      </pc:sldChg>
      <pc:sldChg chg="modSp add mod">
        <pc:chgData name="Daly Donnacha HSLU I" userId="0f22e960-400a-43ff-baeb-4828c8f5cd3a" providerId="ADAL" clId="{0107A2AC-E230-6340-9D00-A45E25ACF2AC}" dt="2021-03-19T09:35:56.981" v="10291" actId="20577"/>
        <pc:sldMkLst>
          <pc:docMk/>
          <pc:sldMk cId="412963255" sldId="351"/>
        </pc:sldMkLst>
        <pc:spChg chg="mod">
          <ac:chgData name="Daly Donnacha HSLU I" userId="0f22e960-400a-43ff-baeb-4828c8f5cd3a" providerId="ADAL" clId="{0107A2AC-E230-6340-9D00-A45E25ACF2AC}" dt="2021-03-18T17:00:55.148" v="291" actId="20577"/>
          <ac:spMkLst>
            <pc:docMk/>
            <pc:sldMk cId="412963255" sldId="351"/>
            <ac:spMk id="2" creationId="{069B8F1E-027C-6440-9E6A-40BB8DAAAB65}"/>
          </ac:spMkLst>
        </pc:spChg>
        <pc:spChg chg="mod">
          <ac:chgData name="Daly Donnacha HSLU I" userId="0f22e960-400a-43ff-baeb-4828c8f5cd3a" providerId="ADAL" clId="{0107A2AC-E230-6340-9D00-A45E25ACF2AC}" dt="2021-03-19T09:35:56.981" v="10291" actId="20577"/>
          <ac:spMkLst>
            <pc:docMk/>
            <pc:sldMk cId="412963255" sldId="351"/>
            <ac:spMk id="3" creationId="{63132F41-5235-6647-AE60-DA2A6069816C}"/>
          </ac:spMkLst>
        </pc:spChg>
      </pc:sldChg>
      <pc:sldChg chg="modSp add mod">
        <pc:chgData name="Daly Donnacha HSLU I" userId="0f22e960-400a-43ff-baeb-4828c8f5cd3a" providerId="ADAL" clId="{0107A2AC-E230-6340-9D00-A45E25ACF2AC}" dt="2021-03-19T09:36:25.540" v="10298" actId="57"/>
        <pc:sldMkLst>
          <pc:docMk/>
          <pc:sldMk cId="946872943" sldId="352"/>
        </pc:sldMkLst>
        <pc:spChg chg="mod">
          <ac:chgData name="Daly Donnacha HSLU I" userId="0f22e960-400a-43ff-baeb-4828c8f5cd3a" providerId="ADAL" clId="{0107A2AC-E230-6340-9D00-A45E25ACF2AC}" dt="2021-03-18T17:01:04.774" v="292" actId="20577"/>
          <ac:spMkLst>
            <pc:docMk/>
            <pc:sldMk cId="946872943" sldId="352"/>
            <ac:spMk id="2" creationId="{069B8F1E-027C-6440-9E6A-40BB8DAAAB65}"/>
          </ac:spMkLst>
        </pc:spChg>
        <pc:spChg chg="mod">
          <ac:chgData name="Daly Donnacha HSLU I" userId="0f22e960-400a-43ff-baeb-4828c8f5cd3a" providerId="ADAL" clId="{0107A2AC-E230-6340-9D00-A45E25ACF2AC}" dt="2021-03-19T09:36:25.540" v="10298" actId="57"/>
          <ac:spMkLst>
            <pc:docMk/>
            <pc:sldMk cId="946872943" sldId="352"/>
            <ac:spMk id="3" creationId="{63132F41-5235-6647-AE60-DA2A6069816C}"/>
          </ac:spMkLst>
        </pc:spChg>
      </pc:sldChg>
      <pc:sldChg chg="modSp new del mod">
        <pc:chgData name="Daly Donnacha HSLU I" userId="0f22e960-400a-43ff-baeb-4828c8f5cd3a" providerId="ADAL" clId="{0107A2AC-E230-6340-9D00-A45E25ACF2AC}" dt="2021-03-18T17:08:00.658" v="322" actId="2696"/>
        <pc:sldMkLst>
          <pc:docMk/>
          <pc:sldMk cId="1659749582" sldId="353"/>
        </pc:sldMkLst>
        <pc:spChg chg="mod">
          <ac:chgData name="Daly Donnacha HSLU I" userId="0f22e960-400a-43ff-baeb-4828c8f5cd3a" providerId="ADAL" clId="{0107A2AC-E230-6340-9D00-A45E25ACF2AC}" dt="2021-03-18T17:07:56.337" v="321" actId="20577"/>
          <ac:spMkLst>
            <pc:docMk/>
            <pc:sldMk cId="1659749582" sldId="353"/>
            <ac:spMk id="2" creationId="{A793C21E-31F4-EE4A-9D0A-E6DE9CD9C92A}"/>
          </ac:spMkLst>
        </pc:spChg>
      </pc:sldChg>
      <pc:sldChg chg="modSp add mod">
        <pc:chgData name="Daly Donnacha HSLU I" userId="0f22e960-400a-43ff-baeb-4828c8f5cd3a" providerId="ADAL" clId="{0107A2AC-E230-6340-9D00-A45E25ACF2AC}" dt="2021-03-18T17:08:59.438" v="355" actId="20577"/>
        <pc:sldMkLst>
          <pc:docMk/>
          <pc:sldMk cId="3131368487" sldId="353"/>
        </pc:sldMkLst>
        <pc:spChg chg="mod">
          <ac:chgData name="Daly Donnacha HSLU I" userId="0f22e960-400a-43ff-baeb-4828c8f5cd3a" providerId="ADAL" clId="{0107A2AC-E230-6340-9D00-A45E25ACF2AC}" dt="2021-03-18T17:08:07.390" v="324" actId="20577"/>
          <ac:spMkLst>
            <pc:docMk/>
            <pc:sldMk cId="3131368487" sldId="353"/>
            <ac:spMk id="2" creationId="{069B8F1E-027C-6440-9E6A-40BB8DAAAB65}"/>
          </ac:spMkLst>
        </pc:spChg>
        <pc:spChg chg="mod">
          <ac:chgData name="Daly Donnacha HSLU I" userId="0f22e960-400a-43ff-baeb-4828c8f5cd3a" providerId="ADAL" clId="{0107A2AC-E230-6340-9D00-A45E25ACF2AC}" dt="2021-03-18T17:08:59.438" v="355" actId="20577"/>
          <ac:spMkLst>
            <pc:docMk/>
            <pc:sldMk cId="3131368487" sldId="353"/>
            <ac:spMk id="3" creationId="{63132F41-5235-6647-AE60-DA2A6069816C}"/>
          </ac:spMkLst>
        </pc:spChg>
      </pc:sldChg>
      <pc:sldChg chg="addSp delSp modSp new mod">
        <pc:chgData name="Daly Donnacha HSLU I" userId="0f22e960-400a-43ff-baeb-4828c8f5cd3a" providerId="ADAL" clId="{0107A2AC-E230-6340-9D00-A45E25ACF2AC}" dt="2021-03-18T19:51:56.909" v="2919" actId="20577"/>
        <pc:sldMkLst>
          <pc:docMk/>
          <pc:sldMk cId="3745397138" sldId="354"/>
        </pc:sldMkLst>
        <pc:spChg chg="mod">
          <ac:chgData name="Daly Donnacha HSLU I" userId="0f22e960-400a-43ff-baeb-4828c8f5cd3a" providerId="ADAL" clId="{0107A2AC-E230-6340-9D00-A45E25ACF2AC}" dt="2021-03-18T17:42:01.207" v="498" actId="6549"/>
          <ac:spMkLst>
            <pc:docMk/>
            <pc:sldMk cId="3745397138" sldId="354"/>
            <ac:spMk id="2" creationId="{67E0C155-7DEC-7442-A170-8A21AB5115BC}"/>
          </ac:spMkLst>
        </pc:spChg>
        <pc:spChg chg="add mod">
          <ac:chgData name="Daly Donnacha HSLU I" userId="0f22e960-400a-43ff-baeb-4828c8f5cd3a" providerId="ADAL" clId="{0107A2AC-E230-6340-9D00-A45E25ACF2AC}" dt="2021-03-18T19:51:56.909" v="2919" actId="20577"/>
          <ac:spMkLst>
            <pc:docMk/>
            <pc:sldMk cId="3745397138" sldId="354"/>
            <ac:spMk id="4" creationId="{6FFF7BA4-1FBD-1A47-8E1E-26A0F725752F}"/>
          </ac:spMkLst>
        </pc:spChg>
        <pc:picChg chg="add mod">
          <ac:chgData name="Daly Donnacha HSLU I" userId="0f22e960-400a-43ff-baeb-4828c8f5cd3a" providerId="ADAL" clId="{0107A2AC-E230-6340-9D00-A45E25ACF2AC}" dt="2021-03-18T18:29:09.382" v="1549" actId="14100"/>
          <ac:picMkLst>
            <pc:docMk/>
            <pc:sldMk cId="3745397138" sldId="354"/>
            <ac:picMk id="3074" creationId="{0E163F51-3E35-9446-A7AD-BAD95034AA50}"/>
          </ac:picMkLst>
        </pc:picChg>
        <pc:picChg chg="add del">
          <ac:chgData name="Daly Donnacha HSLU I" userId="0f22e960-400a-43ff-baeb-4828c8f5cd3a" providerId="ADAL" clId="{0107A2AC-E230-6340-9D00-A45E25ACF2AC}" dt="2021-03-18T18:06:24.904" v="1227" actId="478"/>
          <ac:picMkLst>
            <pc:docMk/>
            <pc:sldMk cId="3745397138" sldId="354"/>
            <ac:picMk id="3076" creationId="{A3A7BD9A-31BC-954D-8C1B-7A5F99861F5D}"/>
          </ac:picMkLst>
        </pc:picChg>
        <pc:picChg chg="add del mod">
          <ac:chgData name="Daly Donnacha HSLU I" userId="0f22e960-400a-43ff-baeb-4828c8f5cd3a" providerId="ADAL" clId="{0107A2AC-E230-6340-9D00-A45E25ACF2AC}" dt="2021-03-18T18:11:12.159" v="1336" actId="478"/>
          <ac:picMkLst>
            <pc:docMk/>
            <pc:sldMk cId="3745397138" sldId="354"/>
            <ac:picMk id="3078" creationId="{A2037741-6A5A-744C-AD9E-704B7CD45252}"/>
          </ac:picMkLst>
        </pc:picChg>
        <pc:picChg chg="add del mod">
          <ac:chgData name="Daly Donnacha HSLU I" userId="0f22e960-400a-43ff-baeb-4828c8f5cd3a" providerId="ADAL" clId="{0107A2AC-E230-6340-9D00-A45E25ACF2AC}" dt="2021-03-18T18:14:16.028" v="1454" actId="478"/>
          <ac:picMkLst>
            <pc:docMk/>
            <pc:sldMk cId="3745397138" sldId="354"/>
            <ac:picMk id="3080" creationId="{299AD498-B91B-0E45-B0EC-B5D8E9201665}"/>
          </ac:picMkLst>
        </pc:picChg>
        <pc:picChg chg="add del mod">
          <ac:chgData name="Daly Donnacha HSLU I" userId="0f22e960-400a-43ff-baeb-4828c8f5cd3a" providerId="ADAL" clId="{0107A2AC-E230-6340-9D00-A45E25ACF2AC}" dt="2021-03-18T18:17:38.947" v="1464" actId="478"/>
          <ac:picMkLst>
            <pc:docMk/>
            <pc:sldMk cId="3745397138" sldId="354"/>
            <ac:picMk id="3082" creationId="{89745F98-D548-1941-B1F5-50E905D81DF9}"/>
          </ac:picMkLst>
        </pc:picChg>
        <pc:picChg chg="add mod">
          <ac:chgData name="Daly Donnacha HSLU I" userId="0f22e960-400a-43ff-baeb-4828c8f5cd3a" providerId="ADAL" clId="{0107A2AC-E230-6340-9D00-A45E25ACF2AC}" dt="2021-03-18T18:29:34.867" v="1564" actId="1036"/>
          <ac:picMkLst>
            <pc:docMk/>
            <pc:sldMk cId="3745397138" sldId="354"/>
            <ac:picMk id="3084" creationId="{3D44BB45-570E-8640-B9CE-C960ABEB055B}"/>
          </ac:picMkLst>
        </pc:picChg>
        <pc:picChg chg="add del mod">
          <ac:chgData name="Daly Donnacha HSLU I" userId="0f22e960-400a-43ff-baeb-4828c8f5cd3a" providerId="ADAL" clId="{0107A2AC-E230-6340-9D00-A45E25ACF2AC}" dt="2021-03-18T18:20:45.612" v="1497" actId="478"/>
          <ac:picMkLst>
            <pc:docMk/>
            <pc:sldMk cId="3745397138" sldId="354"/>
            <ac:picMk id="3086" creationId="{079E4D0C-BB5E-724F-B21D-0A5D40A5EA30}"/>
          </ac:picMkLst>
        </pc:picChg>
        <pc:picChg chg="add del mod">
          <ac:chgData name="Daly Donnacha HSLU I" userId="0f22e960-400a-43ff-baeb-4828c8f5cd3a" providerId="ADAL" clId="{0107A2AC-E230-6340-9D00-A45E25ACF2AC}" dt="2021-03-18T18:23:05.868" v="1504" actId="478"/>
          <ac:picMkLst>
            <pc:docMk/>
            <pc:sldMk cId="3745397138" sldId="354"/>
            <ac:picMk id="3088" creationId="{1FB3E919-592B-4549-A381-9748B4A5E7DD}"/>
          </ac:picMkLst>
        </pc:picChg>
        <pc:picChg chg="add del">
          <ac:chgData name="Daly Donnacha HSLU I" userId="0f22e960-400a-43ff-baeb-4828c8f5cd3a" providerId="ADAL" clId="{0107A2AC-E230-6340-9D00-A45E25ACF2AC}" dt="2021-03-18T18:25:37.120" v="1506" actId="478"/>
          <ac:picMkLst>
            <pc:docMk/>
            <pc:sldMk cId="3745397138" sldId="354"/>
            <ac:picMk id="3090" creationId="{D5BAE15C-779A-0E42-9A07-3FBCA88272F5}"/>
          </ac:picMkLst>
        </pc:picChg>
        <pc:picChg chg="add del mod">
          <ac:chgData name="Daly Donnacha HSLU I" userId="0f22e960-400a-43ff-baeb-4828c8f5cd3a" providerId="ADAL" clId="{0107A2AC-E230-6340-9D00-A45E25ACF2AC}" dt="2021-03-18T18:27:27.979" v="1512" actId="478"/>
          <ac:picMkLst>
            <pc:docMk/>
            <pc:sldMk cId="3745397138" sldId="354"/>
            <ac:picMk id="3092" creationId="{A5481622-4D74-9246-A987-A7EFFC39B3F2}"/>
          </ac:picMkLst>
        </pc:picChg>
        <pc:picChg chg="add mod">
          <ac:chgData name="Daly Donnacha HSLU I" userId="0f22e960-400a-43ff-baeb-4828c8f5cd3a" providerId="ADAL" clId="{0107A2AC-E230-6340-9D00-A45E25ACF2AC}" dt="2021-03-18T18:29:05.563" v="1548" actId="1035"/>
          <ac:picMkLst>
            <pc:docMk/>
            <pc:sldMk cId="3745397138" sldId="354"/>
            <ac:picMk id="3094" creationId="{B0C3D9AB-B33C-B242-8E21-D68DF914212A}"/>
          </ac:picMkLst>
        </pc:picChg>
      </pc:sldChg>
      <pc:sldChg chg="addSp delSp modSp new mod ord">
        <pc:chgData name="Daly Donnacha HSLU I" userId="0f22e960-400a-43ff-baeb-4828c8f5cd3a" providerId="ADAL" clId="{0107A2AC-E230-6340-9D00-A45E25ACF2AC}" dt="2021-03-19T07:24:41.854" v="7493" actId="20577"/>
        <pc:sldMkLst>
          <pc:docMk/>
          <pc:sldMk cId="435394932" sldId="355"/>
        </pc:sldMkLst>
        <pc:spChg chg="mod">
          <ac:chgData name="Daly Donnacha HSLU I" userId="0f22e960-400a-43ff-baeb-4828c8f5cd3a" providerId="ADAL" clId="{0107A2AC-E230-6340-9D00-A45E25ACF2AC}" dt="2021-03-18T19:15:07.233" v="2411" actId="20577"/>
          <ac:spMkLst>
            <pc:docMk/>
            <pc:sldMk cId="435394932" sldId="355"/>
            <ac:spMk id="2" creationId="{3E890E55-BC10-A34A-AB8E-A3796F931126}"/>
          </ac:spMkLst>
        </pc:spChg>
        <pc:spChg chg="add del mod">
          <ac:chgData name="Daly Donnacha HSLU I" userId="0f22e960-400a-43ff-baeb-4828c8f5cd3a" providerId="ADAL" clId="{0107A2AC-E230-6340-9D00-A45E25ACF2AC}" dt="2021-03-18T19:14:32.138" v="2371" actId="478"/>
          <ac:spMkLst>
            <pc:docMk/>
            <pc:sldMk cId="435394932" sldId="355"/>
            <ac:spMk id="5" creationId="{026735D0-5801-F843-A52D-3218845960D5}"/>
          </ac:spMkLst>
        </pc:spChg>
        <pc:spChg chg="add mod">
          <ac:chgData name="Daly Donnacha HSLU I" userId="0f22e960-400a-43ff-baeb-4828c8f5cd3a" providerId="ADAL" clId="{0107A2AC-E230-6340-9D00-A45E25ACF2AC}" dt="2021-03-19T07:24:41.854" v="7493" actId="20577"/>
          <ac:spMkLst>
            <pc:docMk/>
            <pc:sldMk cId="435394932" sldId="355"/>
            <ac:spMk id="5" creationId="{90DAEBBE-91C6-6C4C-BAFE-B4BAB250D790}"/>
          </ac:spMkLst>
        </pc:spChg>
        <pc:spChg chg="add del mod">
          <ac:chgData name="Daly Donnacha HSLU I" userId="0f22e960-400a-43ff-baeb-4828c8f5cd3a" providerId="ADAL" clId="{0107A2AC-E230-6340-9D00-A45E25ACF2AC}" dt="2021-03-19T04:40:54.941" v="3605" actId="478"/>
          <ac:spMkLst>
            <pc:docMk/>
            <pc:sldMk cId="435394932" sldId="355"/>
            <ac:spMk id="6" creationId="{277D730B-355D-994A-8C2C-D39635C38424}"/>
          </ac:spMkLst>
        </pc:spChg>
        <pc:spChg chg="add del mod">
          <ac:chgData name="Daly Donnacha HSLU I" userId="0f22e960-400a-43ff-baeb-4828c8f5cd3a" providerId="ADAL" clId="{0107A2AC-E230-6340-9D00-A45E25ACF2AC}" dt="2021-03-18T19:14:40.217" v="2373" actId="478"/>
          <ac:spMkLst>
            <pc:docMk/>
            <pc:sldMk cId="435394932" sldId="355"/>
            <ac:spMk id="6" creationId="{DDC9FA84-4070-9042-8673-6F7D20B1F1C0}"/>
          </ac:spMkLst>
        </pc:spChg>
        <pc:spChg chg="add mod">
          <ac:chgData name="Daly Donnacha HSLU I" userId="0f22e960-400a-43ff-baeb-4828c8f5cd3a" providerId="ADAL" clId="{0107A2AC-E230-6340-9D00-A45E25ACF2AC}" dt="2021-03-18T19:14:23.823" v="2370"/>
          <ac:spMkLst>
            <pc:docMk/>
            <pc:sldMk cId="435394932" sldId="355"/>
            <ac:spMk id="7" creationId="{A6F2B0E3-7D83-3547-8FAE-DEBDE0B49266}"/>
          </ac:spMkLst>
        </pc:spChg>
        <pc:spChg chg="add mod">
          <ac:chgData name="Daly Donnacha HSLU I" userId="0f22e960-400a-43ff-baeb-4828c8f5cd3a" providerId="ADAL" clId="{0107A2AC-E230-6340-9D00-A45E25ACF2AC}" dt="2021-03-18T19:14:23.823" v="2370"/>
          <ac:spMkLst>
            <pc:docMk/>
            <pc:sldMk cId="435394932" sldId="355"/>
            <ac:spMk id="8" creationId="{B379167E-28B1-2A49-B8F4-6FC853C9BB7A}"/>
          </ac:spMkLst>
        </pc:spChg>
        <pc:spChg chg="add mod">
          <ac:chgData name="Daly Donnacha HSLU I" userId="0f22e960-400a-43ff-baeb-4828c8f5cd3a" providerId="ADAL" clId="{0107A2AC-E230-6340-9D00-A45E25ACF2AC}" dt="2021-03-18T19:14:23.823" v="2370"/>
          <ac:spMkLst>
            <pc:docMk/>
            <pc:sldMk cId="435394932" sldId="355"/>
            <ac:spMk id="9" creationId="{843048D0-5B70-094E-B0B6-7D29B78F18FF}"/>
          </ac:spMkLst>
        </pc:spChg>
        <pc:spChg chg="add mod">
          <ac:chgData name="Daly Donnacha HSLU I" userId="0f22e960-400a-43ff-baeb-4828c8f5cd3a" providerId="ADAL" clId="{0107A2AC-E230-6340-9D00-A45E25ACF2AC}" dt="2021-03-18T19:14:23.823" v="2370"/>
          <ac:spMkLst>
            <pc:docMk/>
            <pc:sldMk cId="435394932" sldId="355"/>
            <ac:spMk id="10" creationId="{D8EC5B10-E571-6D40-8AC3-AB4931F7C16B}"/>
          </ac:spMkLst>
        </pc:spChg>
        <pc:spChg chg="add mod">
          <ac:chgData name="Daly Donnacha HSLU I" userId="0f22e960-400a-43ff-baeb-4828c8f5cd3a" providerId="ADAL" clId="{0107A2AC-E230-6340-9D00-A45E25ACF2AC}" dt="2021-03-18T19:14:23.823" v="2370"/>
          <ac:spMkLst>
            <pc:docMk/>
            <pc:sldMk cId="435394932" sldId="355"/>
            <ac:spMk id="11" creationId="{FF3F3C52-D421-044F-B267-C52A39C4AD89}"/>
          </ac:spMkLst>
        </pc:spChg>
        <pc:spChg chg="add mod">
          <ac:chgData name="Daly Donnacha HSLU I" userId="0f22e960-400a-43ff-baeb-4828c8f5cd3a" providerId="ADAL" clId="{0107A2AC-E230-6340-9D00-A45E25ACF2AC}" dt="2021-03-18T19:14:23.823" v="2370"/>
          <ac:spMkLst>
            <pc:docMk/>
            <pc:sldMk cId="435394932" sldId="355"/>
            <ac:spMk id="12" creationId="{C4447302-0E6E-BE42-839D-620BFD8E5F60}"/>
          </ac:spMkLst>
        </pc:spChg>
        <pc:spChg chg="add mod">
          <ac:chgData name="Daly Donnacha HSLU I" userId="0f22e960-400a-43ff-baeb-4828c8f5cd3a" providerId="ADAL" clId="{0107A2AC-E230-6340-9D00-A45E25ACF2AC}" dt="2021-03-18T19:14:23.823" v="2370"/>
          <ac:spMkLst>
            <pc:docMk/>
            <pc:sldMk cId="435394932" sldId="355"/>
            <ac:spMk id="13" creationId="{D475D251-9606-0C49-B96D-A4B5E49D853F}"/>
          </ac:spMkLst>
        </pc:spChg>
        <pc:spChg chg="add mod">
          <ac:chgData name="Daly Donnacha HSLU I" userId="0f22e960-400a-43ff-baeb-4828c8f5cd3a" providerId="ADAL" clId="{0107A2AC-E230-6340-9D00-A45E25ACF2AC}" dt="2021-03-18T19:14:23.823" v="2370"/>
          <ac:spMkLst>
            <pc:docMk/>
            <pc:sldMk cId="435394932" sldId="355"/>
            <ac:spMk id="14" creationId="{218D0F4D-A9EA-EA47-980F-B4E456B529B3}"/>
          </ac:spMkLst>
        </pc:spChg>
        <pc:spChg chg="add mod">
          <ac:chgData name="Daly Donnacha HSLU I" userId="0f22e960-400a-43ff-baeb-4828c8f5cd3a" providerId="ADAL" clId="{0107A2AC-E230-6340-9D00-A45E25ACF2AC}" dt="2021-03-18T19:14:23.823" v="2370"/>
          <ac:spMkLst>
            <pc:docMk/>
            <pc:sldMk cId="435394932" sldId="355"/>
            <ac:spMk id="15" creationId="{0CF25CD2-04AE-3B40-AC7B-3D20CF6AA65F}"/>
          </ac:spMkLst>
        </pc:spChg>
        <pc:spChg chg="add mod">
          <ac:chgData name="Daly Donnacha HSLU I" userId="0f22e960-400a-43ff-baeb-4828c8f5cd3a" providerId="ADAL" clId="{0107A2AC-E230-6340-9D00-A45E25ACF2AC}" dt="2021-03-18T19:14:23.823" v="2370"/>
          <ac:spMkLst>
            <pc:docMk/>
            <pc:sldMk cId="435394932" sldId="355"/>
            <ac:spMk id="16" creationId="{3082113B-16B1-E54B-9FAD-7AE80F36AD4C}"/>
          </ac:spMkLst>
        </pc:spChg>
        <pc:spChg chg="add mod">
          <ac:chgData name="Daly Donnacha HSLU I" userId="0f22e960-400a-43ff-baeb-4828c8f5cd3a" providerId="ADAL" clId="{0107A2AC-E230-6340-9D00-A45E25ACF2AC}" dt="2021-03-18T19:14:23.823" v="2370"/>
          <ac:spMkLst>
            <pc:docMk/>
            <pc:sldMk cId="435394932" sldId="355"/>
            <ac:spMk id="17" creationId="{0DBA30FF-0B2F-0640-968F-ECFAB486651F}"/>
          </ac:spMkLst>
        </pc:spChg>
        <pc:spChg chg="add mod">
          <ac:chgData name="Daly Donnacha HSLU I" userId="0f22e960-400a-43ff-baeb-4828c8f5cd3a" providerId="ADAL" clId="{0107A2AC-E230-6340-9D00-A45E25ACF2AC}" dt="2021-03-18T19:14:23.823" v="2370"/>
          <ac:spMkLst>
            <pc:docMk/>
            <pc:sldMk cId="435394932" sldId="355"/>
            <ac:spMk id="18" creationId="{4C514455-EF90-C345-96E9-43885A19121B}"/>
          </ac:spMkLst>
        </pc:spChg>
        <pc:spChg chg="add mod">
          <ac:chgData name="Daly Donnacha HSLU I" userId="0f22e960-400a-43ff-baeb-4828c8f5cd3a" providerId="ADAL" clId="{0107A2AC-E230-6340-9D00-A45E25ACF2AC}" dt="2021-03-18T19:14:23.823" v="2370"/>
          <ac:spMkLst>
            <pc:docMk/>
            <pc:sldMk cId="435394932" sldId="355"/>
            <ac:spMk id="19" creationId="{68AC385B-07CC-1E4D-A251-9DF3E4886B66}"/>
          </ac:spMkLst>
        </pc:spChg>
        <pc:spChg chg="add mod">
          <ac:chgData name="Daly Donnacha HSLU I" userId="0f22e960-400a-43ff-baeb-4828c8f5cd3a" providerId="ADAL" clId="{0107A2AC-E230-6340-9D00-A45E25ACF2AC}" dt="2021-03-18T19:14:23.823" v="2370"/>
          <ac:spMkLst>
            <pc:docMk/>
            <pc:sldMk cId="435394932" sldId="355"/>
            <ac:spMk id="20" creationId="{BF52C5C6-5BE0-D246-8EBE-DFAE0CA8BCC4}"/>
          </ac:spMkLst>
        </pc:spChg>
        <pc:spChg chg="add mod">
          <ac:chgData name="Daly Donnacha HSLU I" userId="0f22e960-400a-43ff-baeb-4828c8f5cd3a" providerId="ADAL" clId="{0107A2AC-E230-6340-9D00-A45E25ACF2AC}" dt="2021-03-18T19:14:23.823" v="2370"/>
          <ac:spMkLst>
            <pc:docMk/>
            <pc:sldMk cId="435394932" sldId="355"/>
            <ac:spMk id="21" creationId="{12FDE0D6-DA2F-274B-9DDC-641E3414538D}"/>
          </ac:spMkLst>
        </pc:spChg>
        <pc:spChg chg="add mod">
          <ac:chgData name="Daly Donnacha HSLU I" userId="0f22e960-400a-43ff-baeb-4828c8f5cd3a" providerId="ADAL" clId="{0107A2AC-E230-6340-9D00-A45E25ACF2AC}" dt="2021-03-18T19:14:23.823" v="2370"/>
          <ac:spMkLst>
            <pc:docMk/>
            <pc:sldMk cId="435394932" sldId="355"/>
            <ac:spMk id="22" creationId="{C9E2ED07-D352-D648-A38D-7435FAC7811A}"/>
          </ac:spMkLst>
        </pc:spChg>
        <pc:spChg chg="add mod">
          <ac:chgData name="Daly Donnacha HSLU I" userId="0f22e960-400a-43ff-baeb-4828c8f5cd3a" providerId="ADAL" clId="{0107A2AC-E230-6340-9D00-A45E25ACF2AC}" dt="2021-03-18T19:14:23.823" v="2370"/>
          <ac:spMkLst>
            <pc:docMk/>
            <pc:sldMk cId="435394932" sldId="355"/>
            <ac:spMk id="23" creationId="{4F77349D-D4BD-5E41-9454-91145B2947D6}"/>
          </ac:spMkLst>
        </pc:spChg>
        <pc:spChg chg="add mod">
          <ac:chgData name="Daly Donnacha HSLU I" userId="0f22e960-400a-43ff-baeb-4828c8f5cd3a" providerId="ADAL" clId="{0107A2AC-E230-6340-9D00-A45E25ACF2AC}" dt="2021-03-18T19:14:23.823" v="2370"/>
          <ac:spMkLst>
            <pc:docMk/>
            <pc:sldMk cId="435394932" sldId="355"/>
            <ac:spMk id="24" creationId="{8817F4A2-2849-4C4A-90D7-20AB34680D6B}"/>
          </ac:spMkLst>
        </pc:spChg>
        <pc:spChg chg="add mod">
          <ac:chgData name="Daly Donnacha HSLU I" userId="0f22e960-400a-43ff-baeb-4828c8f5cd3a" providerId="ADAL" clId="{0107A2AC-E230-6340-9D00-A45E25ACF2AC}" dt="2021-03-18T19:14:23.823" v="2370"/>
          <ac:spMkLst>
            <pc:docMk/>
            <pc:sldMk cId="435394932" sldId="355"/>
            <ac:spMk id="25" creationId="{B9EDC8DB-DE99-794B-97DF-39105BF82C21}"/>
          </ac:spMkLst>
        </pc:spChg>
        <pc:spChg chg="add mod">
          <ac:chgData name="Daly Donnacha HSLU I" userId="0f22e960-400a-43ff-baeb-4828c8f5cd3a" providerId="ADAL" clId="{0107A2AC-E230-6340-9D00-A45E25ACF2AC}" dt="2021-03-18T19:14:23.823" v="2370"/>
          <ac:spMkLst>
            <pc:docMk/>
            <pc:sldMk cId="435394932" sldId="355"/>
            <ac:spMk id="26" creationId="{9F945734-1A3C-C44B-A7B9-AB001AA893CC}"/>
          </ac:spMkLst>
        </pc:spChg>
        <pc:spChg chg="add mod">
          <ac:chgData name="Daly Donnacha HSLU I" userId="0f22e960-400a-43ff-baeb-4828c8f5cd3a" providerId="ADAL" clId="{0107A2AC-E230-6340-9D00-A45E25ACF2AC}" dt="2021-03-18T19:14:23.823" v="2370"/>
          <ac:spMkLst>
            <pc:docMk/>
            <pc:sldMk cId="435394932" sldId="355"/>
            <ac:spMk id="27" creationId="{A4349411-5596-4A4F-B0B0-6535FDE4CB60}"/>
          </ac:spMkLst>
        </pc:spChg>
        <pc:spChg chg="add mod">
          <ac:chgData name="Daly Donnacha HSLU I" userId="0f22e960-400a-43ff-baeb-4828c8f5cd3a" providerId="ADAL" clId="{0107A2AC-E230-6340-9D00-A45E25ACF2AC}" dt="2021-03-18T19:14:23.823" v="2370"/>
          <ac:spMkLst>
            <pc:docMk/>
            <pc:sldMk cId="435394932" sldId="355"/>
            <ac:spMk id="28" creationId="{E5CE1C3D-5ABC-4E44-BBF7-43EF4EB83BFD}"/>
          </ac:spMkLst>
        </pc:spChg>
        <pc:spChg chg="add mod">
          <ac:chgData name="Daly Donnacha HSLU I" userId="0f22e960-400a-43ff-baeb-4828c8f5cd3a" providerId="ADAL" clId="{0107A2AC-E230-6340-9D00-A45E25ACF2AC}" dt="2021-03-18T19:14:23.823" v="2370"/>
          <ac:spMkLst>
            <pc:docMk/>
            <pc:sldMk cId="435394932" sldId="355"/>
            <ac:spMk id="29" creationId="{DE7F2938-0688-AF46-B81A-62C5615E14FE}"/>
          </ac:spMkLst>
        </pc:spChg>
        <pc:spChg chg="add mod">
          <ac:chgData name="Daly Donnacha HSLU I" userId="0f22e960-400a-43ff-baeb-4828c8f5cd3a" providerId="ADAL" clId="{0107A2AC-E230-6340-9D00-A45E25ACF2AC}" dt="2021-03-18T19:14:23.823" v="2370"/>
          <ac:spMkLst>
            <pc:docMk/>
            <pc:sldMk cId="435394932" sldId="355"/>
            <ac:spMk id="30" creationId="{518370C2-C61E-0F41-B7EE-ADBDE3403173}"/>
          </ac:spMkLst>
        </pc:spChg>
        <pc:spChg chg="add mod">
          <ac:chgData name="Daly Donnacha HSLU I" userId="0f22e960-400a-43ff-baeb-4828c8f5cd3a" providerId="ADAL" clId="{0107A2AC-E230-6340-9D00-A45E25ACF2AC}" dt="2021-03-18T19:14:23.823" v="2370"/>
          <ac:spMkLst>
            <pc:docMk/>
            <pc:sldMk cId="435394932" sldId="355"/>
            <ac:spMk id="31" creationId="{03333044-29C5-0E40-B873-83CA5164649E}"/>
          </ac:spMkLst>
        </pc:spChg>
        <pc:spChg chg="add mod">
          <ac:chgData name="Daly Donnacha HSLU I" userId="0f22e960-400a-43ff-baeb-4828c8f5cd3a" providerId="ADAL" clId="{0107A2AC-E230-6340-9D00-A45E25ACF2AC}" dt="2021-03-18T19:14:23.823" v="2370"/>
          <ac:spMkLst>
            <pc:docMk/>
            <pc:sldMk cId="435394932" sldId="355"/>
            <ac:spMk id="33" creationId="{EBA5D05A-9C5D-B84A-BF64-EACD0AE81692}"/>
          </ac:spMkLst>
        </pc:spChg>
        <pc:spChg chg="add mod">
          <ac:chgData name="Daly Donnacha HSLU I" userId="0f22e960-400a-43ff-baeb-4828c8f5cd3a" providerId="ADAL" clId="{0107A2AC-E230-6340-9D00-A45E25ACF2AC}" dt="2021-03-18T19:14:23.823" v="2370"/>
          <ac:spMkLst>
            <pc:docMk/>
            <pc:sldMk cId="435394932" sldId="355"/>
            <ac:spMk id="34" creationId="{9113076F-DD1F-6149-AD3F-89C49DF07B4D}"/>
          </ac:spMkLst>
        </pc:spChg>
        <pc:spChg chg="add mod">
          <ac:chgData name="Daly Donnacha HSLU I" userId="0f22e960-400a-43ff-baeb-4828c8f5cd3a" providerId="ADAL" clId="{0107A2AC-E230-6340-9D00-A45E25ACF2AC}" dt="2021-03-18T19:14:23.823" v="2370"/>
          <ac:spMkLst>
            <pc:docMk/>
            <pc:sldMk cId="435394932" sldId="355"/>
            <ac:spMk id="35" creationId="{16D29842-F901-7C49-B72B-9B6B8D253E8B}"/>
          </ac:spMkLst>
        </pc:spChg>
        <pc:spChg chg="add mod">
          <ac:chgData name="Daly Donnacha HSLU I" userId="0f22e960-400a-43ff-baeb-4828c8f5cd3a" providerId="ADAL" clId="{0107A2AC-E230-6340-9D00-A45E25ACF2AC}" dt="2021-03-18T19:14:23.823" v="2370"/>
          <ac:spMkLst>
            <pc:docMk/>
            <pc:sldMk cId="435394932" sldId="355"/>
            <ac:spMk id="38" creationId="{84C3ED4C-7463-0F4A-99C8-DC3B18DA64E6}"/>
          </ac:spMkLst>
        </pc:spChg>
        <pc:spChg chg="add mod">
          <ac:chgData name="Daly Donnacha HSLU I" userId="0f22e960-400a-43ff-baeb-4828c8f5cd3a" providerId="ADAL" clId="{0107A2AC-E230-6340-9D00-A45E25ACF2AC}" dt="2021-03-18T19:14:23.823" v="2370"/>
          <ac:spMkLst>
            <pc:docMk/>
            <pc:sldMk cId="435394932" sldId="355"/>
            <ac:spMk id="39" creationId="{F8428EBD-8B4E-0942-9AE5-A2AFEC2EB8C2}"/>
          </ac:spMkLst>
        </pc:spChg>
        <pc:spChg chg="add del mod">
          <ac:chgData name="Daly Donnacha HSLU I" userId="0f22e960-400a-43ff-baeb-4828c8f5cd3a" providerId="ADAL" clId="{0107A2AC-E230-6340-9D00-A45E25ACF2AC}" dt="2021-03-18T19:14:40.217" v="2373" actId="478"/>
          <ac:spMkLst>
            <pc:docMk/>
            <pc:sldMk cId="435394932" sldId="355"/>
            <ac:spMk id="43" creationId="{F233BD1F-D12D-8B4D-868D-F07902C3F6C8}"/>
          </ac:spMkLst>
        </pc:spChg>
        <pc:spChg chg="add mod">
          <ac:chgData name="Daly Donnacha HSLU I" userId="0f22e960-400a-43ff-baeb-4828c8f5cd3a" providerId="ADAL" clId="{0107A2AC-E230-6340-9D00-A45E25ACF2AC}" dt="2021-03-19T04:06:27.625" v="3008"/>
          <ac:spMkLst>
            <pc:docMk/>
            <pc:sldMk cId="435394932" sldId="355"/>
            <ac:spMk id="46" creationId="{603CEA5A-BE88-8C4C-893A-5BF869491AE1}"/>
          </ac:spMkLst>
        </pc:spChg>
        <pc:spChg chg="add del mod">
          <ac:chgData name="Daly Donnacha HSLU I" userId="0f22e960-400a-43ff-baeb-4828c8f5cd3a" providerId="ADAL" clId="{0107A2AC-E230-6340-9D00-A45E25ACF2AC}" dt="2021-03-18T19:14:36.574" v="2372" actId="478"/>
          <ac:spMkLst>
            <pc:docMk/>
            <pc:sldMk cId="435394932" sldId="355"/>
            <ac:spMk id="46" creationId="{A041F537-6A50-4B46-9463-F53CD8688013}"/>
          </ac:spMkLst>
        </pc:spChg>
        <pc:spChg chg="add mod">
          <ac:chgData name="Daly Donnacha HSLU I" userId="0f22e960-400a-43ff-baeb-4828c8f5cd3a" providerId="ADAL" clId="{0107A2AC-E230-6340-9D00-A45E25ACF2AC}" dt="2021-03-19T04:06:27.625" v="3008"/>
          <ac:spMkLst>
            <pc:docMk/>
            <pc:sldMk cId="435394932" sldId="355"/>
            <ac:spMk id="47" creationId="{8216A4EB-48CF-D74F-BEC5-052FE6A80506}"/>
          </ac:spMkLst>
        </pc:spChg>
        <pc:spChg chg="add del mod">
          <ac:chgData name="Daly Donnacha HSLU I" userId="0f22e960-400a-43ff-baeb-4828c8f5cd3a" providerId="ADAL" clId="{0107A2AC-E230-6340-9D00-A45E25ACF2AC}" dt="2021-03-18T19:20:36.607" v="2468" actId="478"/>
          <ac:spMkLst>
            <pc:docMk/>
            <pc:sldMk cId="435394932" sldId="355"/>
            <ac:spMk id="49" creationId="{191C914B-8A1F-FB45-B215-6DB29266414D}"/>
          </ac:spMkLst>
        </pc:spChg>
        <pc:spChg chg="add del mod">
          <ac:chgData name="Daly Donnacha HSLU I" userId="0f22e960-400a-43ff-baeb-4828c8f5cd3a" providerId="ADAL" clId="{0107A2AC-E230-6340-9D00-A45E25ACF2AC}" dt="2021-03-19T04:09:56.026" v="3123" actId="478"/>
          <ac:spMkLst>
            <pc:docMk/>
            <pc:sldMk cId="435394932" sldId="355"/>
            <ac:spMk id="49" creationId="{2FBCB4A3-3777-874A-8302-1400FA091175}"/>
          </ac:spMkLst>
        </pc:spChg>
        <pc:spChg chg="add del mod">
          <ac:chgData name="Daly Donnacha HSLU I" userId="0f22e960-400a-43ff-baeb-4828c8f5cd3a" providerId="ADAL" clId="{0107A2AC-E230-6340-9D00-A45E25ACF2AC}" dt="2021-03-19T04:06:26.574" v="3007" actId="478"/>
          <ac:spMkLst>
            <pc:docMk/>
            <pc:sldMk cId="435394932" sldId="355"/>
            <ac:spMk id="50" creationId="{B830EDE0-9A25-9A4C-A6D6-DE76EE256E3B}"/>
          </ac:spMkLst>
        </pc:spChg>
        <pc:spChg chg="add del mod">
          <ac:chgData name="Daly Donnacha HSLU I" userId="0f22e960-400a-43ff-baeb-4828c8f5cd3a" providerId="ADAL" clId="{0107A2AC-E230-6340-9D00-A45E25ACF2AC}" dt="2021-03-19T04:06:26.574" v="3007" actId="478"/>
          <ac:spMkLst>
            <pc:docMk/>
            <pc:sldMk cId="435394932" sldId="355"/>
            <ac:spMk id="51" creationId="{8950C863-C193-4D4C-A68A-28289DE9B3C3}"/>
          </ac:spMkLst>
        </pc:spChg>
        <pc:spChg chg="add mod">
          <ac:chgData name="Daly Donnacha HSLU I" userId="0f22e960-400a-43ff-baeb-4828c8f5cd3a" providerId="ADAL" clId="{0107A2AC-E230-6340-9D00-A45E25ACF2AC}" dt="2021-03-19T04:07:18.786" v="3021" actId="14100"/>
          <ac:spMkLst>
            <pc:docMk/>
            <pc:sldMk cId="435394932" sldId="355"/>
            <ac:spMk id="52" creationId="{EBCCBEBB-B6DD-9744-AC89-5CDD10140AF1}"/>
          </ac:spMkLst>
        </pc:spChg>
        <pc:spChg chg="add mod">
          <ac:chgData name="Daly Donnacha HSLU I" userId="0f22e960-400a-43ff-baeb-4828c8f5cd3a" providerId="ADAL" clId="{0107A2AC-E230-6340-9D00-A45E25ACF2AC}" dt="2021-03-18T19:20:36.923" v="2469"/>
          <ac:spMkLst>
            <pc:docMk/>
            <pc:sldMk cId="435394932" sldId="355"/>
            <ac:spMk id="53" creationId="{B3C18A7D-844E-F947-8CFA-EE3000D8458D}"/>
          </ac:spMkLst>
        </pc:spChg>
        <pc:spChg chg="add mod">
          <ac:chgData name="Daly Donnacha HSLU I" userId="0f22e960-400a-43ff-baeb-4828c8f5cd3a" providerId="ADAL" clId="{0107A2AC-E230-6340-9D00-A45E25ACF2AC}" dt="2021-03-19T04:06:37.830" v="3014" actId="1036"/>
          <ac:spMkLst>
            <pc:docMk/>
            <pc:sldMk cId="435394932" sldId="355"/>
            <ac:spMk id="54" creationId="{E7567FED-43E2-FB4F-98AC-A8D7DEB49AE9}"/>
          </ac:spMkLst>
        </pc:spChg>
        <pc:cxnChg chg="add mod">
          <ac:chgData name="Daly Donnacha HSLU I" userId="0f22e960-400a-43ff-baeb-4828c8f5cd3a" providerId="ADAL" clId="{0107A2AC-E230-6340-9D00-A45E25ACF2AC}" dt="2021-03-18T19:14:23.823" v="2370"/>
          <ac:cxnSpMkLst>
            <pc:docMk/>
            <pc:sldMk cId="435394932" sldId="355"/>
            <ac:cxnSpMk id="3" creationId="{CF35BBCF-CE69-8D40-BC53-281296A80189}"/>
          </ac:cxnSpMkLst>
        </pc:cxnChg>
        <pc:cxnChg chg="add mod">
          <ac:chgData name="Daly Donnacha HSLU I" userId="0f22e960-400a-43ff-baeb-4828c8f5cd3a" providerId="ADAL" clId="{0107A2AC-E230-6340-9D00-A45E25ACF2AC}" dt="2021-03-18T19:14:23.823" v="2370"/>
          <ac:cxnSpMkLst>
            <pc:docMk/>
            <pc:sldMk cId="435394932" sldId="355"/>
            <ac:cxnSpMk id="4" creationId="{A682EFE7-BAA4-4F4F-B24D-4C89FB761B8C}"/>
          </ac:cxnSpMkLst>
        </pc:cxnChg>
        <pc:cxnChg chg="add mod">
          <ac:chgData name="Daly Donnacha HSLU I" userId="0f22e960-400a-43ff-baeb-4828c8f5cd3a" providerId="ADAL" clId="{0107A2AC-E230-6340-9D00-A45E25ACF2AC}" dt="2021-03-18T19:14:23.823" v="2370"/>
          <ac:cxnSpMkLst>
            <pc:docMk/>
            <pc:sldMk cId="435394932" sldId="355"/>
            <ac:cxnSpMk id="32" creationId="{03B4FAAB-D04B-3141-B9E7-4EE56B7E0F93}"/>
          </ac:cxnSpMkLst>
        </pc:cxnChg>
        <pc:cxnChg chg="add mod">
          <ac:chgData name="Daly Donnacha HSLU I" userId="0f22e960-400a-43ff-baeb-4828c8f5cd3a" providerId="ADAL" clId="{0107A2AC-E230-6340-9D00-A45E25ACF2AC}" dt="2021-03-18T19:14:23.823" v="2370"/>
          <ac:cxnSpMkLst>
            <pc:docMk/>
            <pc:sldMk cId="435394932" sldId="355"/>
            <ac:cxnSpMk id="36" creationId="{9FE34401-9689-6B4A-BC8B-F8522EEAE3D5}"/>
          </ac:cxnSpMkLst>
        </pc:cxnChg>
        <pc:cxnChg chg="add mod">
          <ac:chgData name="Daly Donnacha HSLU I" userId="0f22e960-400a-43ff-baeb-4828c8f5cd3a" providerId="ADAL" clId="{0107A2AC-E230-6340-9D00-A45E25ACF2AC}" dt="2021-03-18T19:14:23.823" v="2370"/>
          <ac:cxnSpMkLst>
            <pc:docMk/>
            <pc:sldMk cId="435394932" sldId="355"/>
            <ac:cxnSpMk id="37" creationId="{9169E1C0-D3AD-5941-A1D0-C0F48A996778}"/>
          </ac:cxnSpMkLst>
        </pc:cxnChg>
        <pc:cxnChg chg="add mod">
          <ac:chgData name="Daly Donnacha HSLU I" userId="0f22e960-400a-43ff-baeb-4828c8f5cd3a" providerId="ADAL" clId="{0107A2AC-E230-6340-9D00-A45E25ACF2AC}" dt="2021-03-18T19:14:23.823" v="2370"/>
          <ac:cxnSpMkLst>
            <pc:docMk/>
            <pc:sldMk cId="435394932" sldId="355"/>
            <ac:cxnSpMk id="40" creationId="{6AD08394-60AC-1749-ABF0-6E02EB096A0B}"/>
          </ac:cxnSpMkLst>
        </pc:cxnChg>
        <pc:cxnChg chg="add mod">
          <ac:chgData name="Daly Donnacha HSLU I" userId="0f22e960-400a-43ff-baeb-4828c8f5cd3a" providerId="ADAL" clId="{0107A2AC-E230-6340-9D00-A45E25ACF2AC}" dt="2021-03-18T19:14:23.823" v="2370"/>
          <ac:cxnSpMkLst>
            <pc:docMk/>
            <pc:sldMk cId="435394932" sldId="355"/>
            <ac:cxnSpMk id="41" creationId="{1480EF0D-D748-FB4C-ABE4-FBF41A17FBAB}"/>
          </ac:cxnSpMkLst>
        </pc:cxnChg>
        <pc:cxnChg chg="add mod">
          <ac:chgData name="Daly Donnacha HSLU I" userId="0f22e960-400a-43ff-baeb-4828c8f5cd3a" providerId="ADAL" clId="{0107A2AC-E230-6340-9D00-A45E25ACF2AC}" dt="2021-03-18T19:14:23.823" v="2370"/>
          <ac:cxnSpMkLst>
            <pc:docMk/>
            <pc:sldMk cId="435394932" sldId="355"/>
            <ac:cxnSpMk id="42" creationId="{9E5E2817-433E-9942-B5AF-AAA2D1735791}"/>
          </ac:cxnSpMkLst>
        </pc:cxnChg>
        <pc:cxnChg chg="add mod">
          <ac:chgData name="Daly Donnacha HSLU I" userId="0f22e960-400a-43ff-baeb-4828c8f5cd3a" providerId="ADAL" clId="{0107A2AC-E230-6340-9D00-A45E25ACF2AC}" dt="2021-03-19T04:41:04.180" v="3607" actId="1076"/>
          <ac:cxnSpMkLst>
            <pc:docMk/>
            <pc:sldMk cId="435394932" sldId="355"/>
            <ac:cxnSpMk id="44" creationId="{928DB7B6-0EE4-6443-93DD-D36CDDD41B22}"/>
          </ac:cxnSpMkLst>
        </pc:cxnChg>
        <pc:cxnChg chg="add del mod">
          <ac:chgData name="Daly Donnacha HSLU I" userId="0f22e960-400a-43ff-baeb-4828c8f5cd3a" providerId="ADAL" clId="{0107A2AC-E230-6340-9D00-A45E25ACF2AC}" dt="2021-03-18T19:14:40.217" v="2373" actId="478"/>
          <ac:cxnSpMkLst>
            <pc:docMk/>
            <pc:sldMk cId="435394932" sldId="355"/>
            <ac:cxnSpMk id="44" creationId="{B1EE1D6B-3A19-354B-8927-09856EFE5C22}"/>
          </ac:cxnSpMkLst>
        </pc:cxnChg>
        <pc:cxnChg chg="add del mod">
          <ac:chgData name="Daly Donnacha HSLU I" userId="0f22e960-400a-43ff-baeb-4828c8f5cd3a" providerId="ADAL" clId="{0107A2AC-E230-6340-9D00-A45E25ACF2AC}" dt="2021-03-18T19:14:40.217" v="2373" actId="478"/>
          <ac:cxnSpMkLst>
            <pc:docMk/>
            <pc:sldMk cId="435394932" sldId="355"/>
            <ac:cxnSpMk id="45" creationId="{B47772E6-DD5C-7A47-8471-8BE372D6105C}"/>
          </ac:cxnSpMkLst>
        </pc:cxnChg>
        <pc:cxnChg chg="add del mod">
          <ac:chgData name="Daly Donnacha HSLU I" userId="0f22e960-400a-43ff-baeb-4828c8f5cd3a" providerId="ADAL" clId="{0107A2AC-E230-6340-9D00-A45E25ACF2AC}" dt="2021-03-18T19:14:36.574" v="2372" actId="478"/>
          <ac:cxnSpMkLst>
            <pc:docMk/>
            <pc:sldMk cId="435394932" sldId="355"/>
            <ac:cxnSpMk id="47" creationId="{DA9FED85-A4D1-654A-8300-21EEDEBE2CD6}"/>
          </ac:cxnSpMkLst>
        </pc:cxnChg>
        <pc:cxnChg chg="add del mod">
          <ac:chgData name="Daly Donnacha HSLU I" userId="0f22e960-400a-43ff-baeb-4828c8f5cd3a" providerId="ADAL" clId="{0107A2AC-E230-6340-9D00-A45E25ACF2AC}" dt="2021-03-18T19:14:36.574" v="2372" actId="478"/>
          <ac:cxnSpMkLst>
            <pc:docMk/>
            <pc:sldMk cId="435394932" sldId="355"/>
            <ac:cxnSpMk id="48" creationId="{B6995B42-3FF1-DD47-8947-3764A5CFF113}"/>
          </ac:cxnSpMkLst>
        </pc:cxnChg>
      </pc:sldChg>
      <pc:sldChg chg="addSp delSp modSp new mod">
        <pc:chgData name="Daly Donnacha HSLU I" userId="0f22e960-400a-43ff-baeb-4828c8f5cd3a" providerId="ADAL" clId="{0107A2AC-E230-6340-9D00-A45E25ACF2AC}" dt="2021-03-19T14:46:01.112" v="16839" actId="113"/>
        <pc:sldMkLst>
          <pc:docMk/>
          <pc:sldMk cId="2900242276" sldId="356"/>
        </pc:sldMkLst>
        <pc:spChg chg="mod">
          <ac:chgData name="Daly Donnacha HSLU I" userId="0f22e960-400a-43ff-baeb-4828c8f5cd3a" providerId="ADAL" clId="{0107A2AC-E230-6340-9D00-A45E25ACF2AC}" dt="2021-03-19T06:29:28.217" v="5943" actId="1076"/>
          <ac:spMkLst>
            <pc:docMk/>
            <pc:sldMk cId="2900242276" sldId="356"/>
            <ac:spMk id="2" creationId="{1C6A037B-2385-7944-8A04-E90DF8F6DA9F}"/>
          </ac:spMkLst>
        </pc:spChg>
        <pc:spChg chg="add mod">
          <ac:chgData name="Daly Donnacha HSLU I" userId="0f22e960-400a-43ff-baeb-4828c8f5cd3a" providerId="ADAL" clId="{0107A2AC-E230-6340-9D00-A45E25ACF2AC}" dt="2021-03-19T04:32:14.735" v="3490" actId="1035"/>
          <ac:spMkLst>
            <pc:docMk/>
            <pc:sldMk cId="2900242276" sldId="356"/>
            <ac:spMk id="14" creationId="{D70FC4CA-895D-6947-9B8B-5A6FCF00E5A7}"/>
          </ac:spMkLst>
        </pc:spChg>
        <pc:spChg chg="add mod">
          <ac:chgData name="Daly Donnacha HSLU I" userId="0f22e960-400a-43ff-baeb-4828c8f5cd3a" providerId="ADAL" clId="{0107A2AC-E230-6340-9D00-A45E25ACF2AC}" dt="2021-03-19T04:32:14.735" v="3490" actId="1035"/>
          <ac:spMkLst>
            <pc:docMk/>
            <pc:sldMk cId="2900242276" sldId="356"/>
            <ac:spMk id="16" creationId="{C0511D3B-36EE-B443-BC92-2C456BF55217}"/>
          </ac:spMkLst>
        </pc:spChg>
        <pc:spChg chg="add mod">
          <ac:chgData name="Daly Donnacha HSLU I" userId="0f22e960-400a-43ff-baeb-4828c8f5cd3a" providerId="ADAL" clId="{0107A2AC-E230-6340-9D00-A45E25ACF2AC}" dt="2021-03-19T04:32:14.735" v="3490" actId="1035"/>
          <ac:spMkLst>
            <pc:docMk/>
            <pc:sldMk cId="2900242276" sldId="356"/>
            <ac:spMk id="17" creationId="{DB2851B4-E8A1-1E40-A322-080FDB0BE913}"/>
          </ac:spMkLst>
        </pc:spChg>
        <pc:spChg chg="add mod">
          <ac:chgData name="Daly Donnacha HSLU I" userId="0f22e960-400a-43ff-baeb-4828c8f5cd3a" providerId="ADAL" clId="{0107A2AC-E230-6340-9D00-A45E25ACF2AC}" dt="2021-03-19T04:32:14.735" v="3490" actId="1035"/>
          <ac:spMkLst>
            <pc:docMk/>
            <pc:sldMk cId="2900242276" sldId="356"/>
            <ac:spMk id="18" creationId="{7D07FF25-F323-ED4D-B5B9-46C0C5CB4696}"/>
          </ac:spMkLst>
        </pc:spChg>
        <pc:spChg chg="add mod">
          <ac:chgData name="Daly Donnacha HSLU I" userId="0f22e960-400a-43ff-baeb-4828c8f5cd3a" providerId="ADAL" clId="{0107A2AC-E230-6340-9D00-A45E25ACF2AC}" dt="2021-03-19T04:32:14.735" v="3490" actId="1035"/>
          <ac:spMkLst>
            <pc:docMk/>
            <pc:sldMk cId="2900242276" sldId="356"/>
            <ac:spMk id="19" creationId="{97CD0993-8902-C04C-92EB-BCBA6674A56A}"/>
          </ac:spMkLst>
        </pc:spChg>
        <pc:spChg chg="add mod">
          <ac:chgData name="Daly Donnacha HSLU I" userId="0f22e960-400a-43ff-baeb-4828c8f5cd3a" providerId="ADAL" clId="{0107A2AC-E230-6340-9D00-A45E25ACF2AC}" dt="2021-03-19T04:32:14.735" v="3490" actId="1035"/>
          <ac:spMkLst>
            <pc:docMk/>
            <pc:sldMk cId="2900242276" sldId="356"/>
            <ac:spMk id="20" creationId="{C042DA6E-58B4-2B4A-A013-177654AF5333}"/>
          </ac:spMkLst>
        </pc:spChg>
        <pc:spChg chg="add mod">
          <ac:chgData name="Daly Donnacha HSLU I" userId="0f22e960-400a-43ff-baeb-4828c8f5cd3a" providerId="ADAL" clId="{0107A2AC-E230-6340-9D00-A45E25ACF2AC}" dt="2021-03-19T04:32:14.735" v="3490" actId="1035"/>
          <ac:spMkLst>
            <pc:docMk/>
            <pc:sldMk cId="2900242276" sldId="356"/>
            <ac:spMk id="21" creationId="{2A7977AF-787A-904A-8338-50B193340905}"/>
          </ac:spMkLst>
        </pc:spChg>
        <pc:spChg chg="add del mod">
          <ac:chgData name="Daly Donnacha HSLU I" userId="0f22e960-400a-43ff-baeb-4828c8f5cd3a" providerId="ADAL" clId="{0107A2AC-E230-6340-9D00-A45E25ACF2AC}" dt="2021-03-19T04:30:34.295" v="3371" actId="478"/>
          <ac:spMkLst>
            <pc:docMk/>
            <pc:sldMk cId="2900242276" sldId="356"/>
            <ac:spMk id="22" creationId="{A1FE0B60-75A5-C242-BECE-EAA81B595A26}"/>
          </ac:spMkLst>
        </pc:spChg>
        <pc:spChg chg="add mod">
          <ac:chgData name="Daly Donnacha HSLU I" userId="0f22e960-400a-43ff-baeb-4828c8f5cd3a" providerId="ADAL" clId="{0107A2AC-E230-6340-9D00-A45E25ACF2AC}" dt="2021-03-19T04:32:14.735" v="3490" actId="1035"/>
          <ac:spMkLst>
            <pc:docMk/>
            <pc:sldMk cId="2900242276" sldId="356"/>
            <ac:spMk id="23" creationId="{0CFE07E9-F8EA-0A4A-AC3F-1520613789F0}"/>
          </ac:spMkLst>
        </pc:spChg>
        <pc:spChg chg="add mod">
          <ac:chgData name="Daly Donnacha HSLU I" userId="0f22e960-400a-43ff-baeb-4828c8f5cd3a" providerId="ADAL" clId="{0107A2AC-E230-6340-9D00-A45E25ACF2AC}" dt="2021-03-19T04:32:14.735" v="3490" actId="1035"/>
          <ac:spMkLst>
            <pc:docMk/>
            <pc:sldMk cId="2900242276" sldId="356"/>
            <ac:spMk id="24" creationId="{29F21476-89F4-F746-8FC4-9981D8528B54}"/>
          </ac:spMkLst>
        </pc:spChg>
        <pc:spChg chg="add mod">
          <ac:chgData name="Daly Donnacha HSLU I" userId="0f22e960-400a-43ff-baeb-4828c8f5cd3a" providerId="ADAL" clId="{0107A2AC-E230-6340-9D00-A45E25ACF2AC}" dt="2021-03-19T04:32:14.735" v="3490" actId="1035"/>
          <ac:spMkLst>
            <pc:docMk/>
            <pc:sldMk cId="2900242276" sldId="356"/>
            <ac:spMk id="25" creationId="{A594C551-DA69-9342-BE47-A83856CACD1D}"/>
          </ac:spMkLst>
        </pc:spChg>
        <pc:spChg chg="add del mod">
          <ac:chgData name="Daly Donnacha HSLU I" userId="0f22e960-400a-43ff-baeb-4828c8f5cd3a" providerId="ADAL" clId="{0107A2AC-E230-6340-9D00-A45E25ACF2AC}" dt="2021-03-18T19:27:54.870" v="2559" actId="478"/>
          <ac:spMkLst>
            <pc:docMk/>
            <pc:sldMk cId="2900242276" sldId="356"/>
            <ac:spMk id="28" creationId="{5D9CADCC-4535-E94D-98FB-ACB163E1F18F}"/>
          </ac:spMkLst>
        </pc:spChg>
        <pc:spChg chg="add mod">
          <ac:chgData name="Daly Donnacha HSLU I" userId="0f22e960-400a-43ff-baeb-4828c8f5cd3a" providerId="ADAL" clId="{0107A2AC-E230-6340-9D00-A45E25ACF2AC}" dt="2021-03-19T14:46:01.112" v="16839" actId="113"/>
          <ac:spMkLst>
            <pc:docMk/>
            <pc:sldMk cId="2900242276" sldId="356"/>
            <ac:spMk id="28" creationId="{C673ADD1-4290-3B41-BEB6-BC2FB69B5F4E}"/>
          </ac:spMkLst>
        </pc:spChg>
        <pc:spChg chg="add mod">
          <ac:chgData name="Daly Donnacha HSLU I" userId="0f22e960-400a-43ff-baeb-4828c8f5cd3a" providerId="ADAL" clId="{0107A2AC-E230-6340-9D00-A45E25ACF2AC}" dt="2021-03-19T04:32:14.735" v="3490" actId="1035"/>
          <ac:spMkLst>
            <pc:docMk/>
            <pc:sldMk cId="2900242276" sldId="356"/>
            <ac:spMk id="31" creationId="{9B826099-A3A2-F243-9507-648B6934192D}"/>
          </ac:spMkLst>
        </pc:spChg>
        <pc:spChg chg="add mod">
          <ac:chgData name="Daly Donnacha HSLU I" userId="0f22e960-400a-43ff-baeb-4828c8f5cd3a" providerId="ADAL" clId="{0107A2AC-E230-6340-9D00-A45E25ACF2AC}" dt="2021-03-19T04:32:14.735" v="3490" actId="1035"/>
          <ac:spMkLst>
            <pc:docMk/>
            <pc:sldMk cId="2900242276" sldId="356"/>
            <ac:spMk id="33" creationId="{FD136B52-B8E1-DC45-A637-38DBB6CBFF07}"/>
          </ac:spMkLst>
        </pc:spChg>
        <pc:spChg chg="add mod">
          <ac:chgData name="Daly Donnacha HSLU I" userId="0f22e960-400a-43ff-baeb-4828c8f5cd3a" providerId="ADAL" clId="{0107A2AC-E230-6340-9D00-A45E25ACF2AC}" dt="2021-03-19T04:32:14.735" v="3490" actId="1035"/>
          <ac:spMkLst>
            <pc:docMk/>
            <pc:sldMk cId="2900242276" sldId="356"/>
            <ac:spMk id="34" creationId="{06A54572-B905-0243-959E-8A79C1B400E4}"/>
          </ac:spMkLst>
        </pc:spChg>
        <pc:spChg chg="add mod">
          <ac:chgData name="Daly Donnacha HSLU I" userId="0f22e960-400a-43ff-baeb-4828c8f5cd3a" providerId="ADAL" clId="{0107A2AC-E230-6340-9D00-A45E25ACF2AC}" dt="2021-03-19T04:32:14.735" v="3490" actId="1035"/>
          <ac:spMkLst>
            <pc:docMk/>
            <pc:sldMk cId="2900242276" sldId="356"/>
            <ac:spMk id="35" creationId="{FBCB41C2-3A35-2049-BDFB-B8B0627CB8B8}"/>
          </ac:spMkLst>
        </pc:spChg>
        <pc:spChg chg="add mod">
          <ac:chgData name="Daly Donnacha HSLU I" userId="0f22e960-400a-43ff-baeb-4828c8f5cd3a" providerId="ADAL" clId="{0107A2AC-E230-6340-9D00-A45E25ACF2AC}" dt="2021-03-19T04:32:14.735" v="3490" actId="1035"/>
          <ac:spMkLst>
            <pc:docMk/>
            <pc:sldMk cId="2900242276" sldId="356"/>
            <ac:spMk id="36" creationId="{9623E72E-1539-1345-ACA1-3794F9305327}"/>
          </ac:spMkLst>
        </pc:spChg>
        <pc:spChg chg="add mod">
          <ac:chgData name="Daly Donnacha HSLU I" userId="0f22e960-400a-43ff-baeb-4828c8f5cd3a" providerId="ADAL" clId="{0107A2AC-E230-6340-9D00-A45E25ACF2AC}" dt="2021-03-19T04:32:14.735" v="3490" actId="1035"/>
          <ac:spMkLst>
            <pc:docMk/>
            <pc:sldMk cId="2900242276" sldId="356"/>
            <ac:spMk id="37" creationId="{7787FEFB-F182-2348-BC70-E6EE19E96816}"/>
          </ac:spMkLst>
        </pc:spChg>
        <pc:spChg chg="add mod">
          <ac:chgData name="Daly Donnacha HSLU I" userId="0f22e960-400a-43ff-baeb-4828c8f5cd3a" providerId="ADAL" clId="{0107A2AC-E230-6340-9D00-A45E25ACF2AC}" dt="2021-03-19T04:32:14.735" v="3490" actId="1035"/>
          <ac:spMkLst>
            <pc:docMk/>
            <pc:sldMk cId="2900242276" sldId="356"/>
            <ac:spMk id="38" creationId="{A0A6B7AF-3E63-4141-89A4-EB4E182BB44B}"/>
          </ac:spMkLst>
        </pc:spChg>
        <pc:spChg chg="add mod">
          <ac:chgData name="Daly Donnacha HSLU I" userId="0f22e960-400a-43ff-baeb-4828c8f5cd3a" providerId="ADAL" clId="{0107A2AC-E230-6340-9D00-A45E25ACF2AC}" dt="2021-03-19T04:32:14.735" v="3490" actId="1035"/>
          <ac:spMkLst>
            <pc:docMk/>
            <pc:sldMk cId="2900242276" sldId="356"/>
            <ac:spMk id="39" creationId="{47AC9CEB-4410-0E46-BDD2-57BFC38B2A58}"/>
          </ac:spMkLst>
        </pc:spChg>
        <pc:spChg chg="add mod">
          <ac:chgData name="Daly Donnacha HSLU I" userId="0f22e960-400a-43ff-baeb-4828c8f5cd3a" providerId="ADAL" clId="{0107A2AC-E230-6340-9D00-A45E25ACF2AC}" dt="2021-03-19T04:32:14.735" v="3490" actId="1035"/>
          <ac:spMkLst>
            <pc:docMk/>
            <pc:sldMk cId="2900242276" sldId="356"/>
            <ac:spMk id="40" creationId="{E640AB8B-37D7-FA4F-B2EA-ECCC0270875A}"/>
          </ac:spMkLst>
        </pc:spChg>
        <pc:spChg chg="add mod">
          <ac:chgData name="Daly Donnacha HSLU I" userId="0f22e960-400a-43ff-baeb-4828c8f5cd3a" providerId="ADAL" clId="{0107A2AC-E230-6340-9D00-A45E25ACF2AC}" dt="2021-03-19T04:32:14.735" v="3490" actId="1035"/>
          <ac:spMkLst>
            <pc:docMk/>
            <pc:sldMk cId="2900242276" sldId="356"/>
            <ac:spMk id="41" creationId="{359D0D48-4C58-6C4C-8009-FEC163B6FB80}"/>
          </ac:spMkLst>
        </pc:spChg>
        <pc:spChg chg="add mod">
          <ac:chgData name="Daly Donnacha HSLU I" userId="0f22e960-400a-43ff-baeb-4828c8f5cd3a" providerId="ADAL" clId="{0107A2AC-E230-6340-9D00-A45E25ACF2AC}" dt="2021-03-19T05:08:52.706" v="4525" actId="20577"/>
          <ac:spMkLst>
            <pc:docMk/>
            <pc:sldMk cId="2900242276" sldId="356"/>
            <ac:spMk id="42" creationId="{9A8B3683-0534-4D48-9BCA-9DA98E74E60F}"/>
          </ac:spMkLst>
        </pc:spChg>
        <pc:spChg chg="add mod">
          <ac:chgData name="Daly Donnacha HSLU I" userId="0f22e960-400a-43ff-baeb-4828c8f5cd3a" providerId="ADAL" clId="{0107A2AC-E230-6340-9D00-A45E25ACF2AC}" dt="2021-03-19T04:32:14.735" v="3490" actId="1035"/>
          <ac:spMkLst>
            <pc:docMk/>
            <pc:sldMk cId="2900242276" sldId="356"/>
            <ac:spMk id="44" creationId="{C94D76F9-1629-E944-B440-F73AB37FFF59}"/>
          </ac:spMkLst>
        </pc:spChg>
        <pc:spChg chg="add mod">
          <ac:chgData name="Daly Donnacha HSLU I" userId="0f22e960-400a-43ff-baeb-4828c8f5cd3a" providerId="ADAL" clId="{0107A2AC-E230-6340-9D00-A45E25ACF2AC}" dt="2021-03-19T04:32:14.735" v="3490" actId="1035"/>
          <ac:spMkLst>
            <pc:docMk/>
            <pc:sldMk cId="2900242276" sldId="356"/>
            <ac:spMk id="45" creationId="{C5073561-1969-174D-A5F7-C605F78AE17F}"/>
          </ac:spMkLst>
        </pc:spChg>
        <pc:spChg chg="add del mod">
          <ac:chgData name="Daly Donnacha HSLU I" userId="0f22e960-400a-43ff-baeb-4828c8f5cd3a" providerId="ADAL" clId="{0107A2AC-E230-6340-9D00-A45E25ACF2AC}" dt="2021-03-19T04:37:50.310" v="3579" actId="478"/>
          <ac:spMkLst>
            <pc:docMk/>
            <pc:sldMk cId="2900242276" sldId="356"/>
            <ac:spMk id="46" creationId="{E0B4A655-A4A4-A343-93D9-644C9023066A}"/>
          </ac:spMkLst>
        </pc:spChg>
        <pc:spChg chg="add mod">
          <ac:chgData name="Daly Donnacha HSLU I" userId="0f22e960-400a-43ff-baeb-4828c8f5cd3a" providerId="ADAL" clId="{0107A2AC-E230-6340-9D00-A45E25ACF2AC}" dt="2021-03-19T04:34:42.942" v="3528" actId="20577"/>
          <ac:spMkLst>
            <pc:docMk/>
            <pc:sldMk cId="2900242276" sldId="356"/>
            <ac:spMk id="47" creationId="{4AEC68B8-984D-FB42-8645-A91965A985EF}"/>
          </ac:spMkLst>
        </pc:spChg>
        <pc:spChg chg="add del mod">
          <ac:chgData name="Daly Donnacha HSLU I" userId="0f22e960-400a-43ff-baeb-4828c8f5cd3a" providerId="ADAL" clId="{0107A2AC-E230-6340-9D00-A45E25ACF2AC}" dt="2021-03-18T19:27:54.870" v="2559" actId="478"/>
          <ac:spMkLst>
            <pc:docMk/>
            <pc:sldMk cId="2900242276" sldId="356"/>
            <ac:spMk id="47" creationId="{FC122C2A-890A-AC43-AC32-77D5AE028C37}"/>
          </ac:spMkLst>
        </pc:spChg>
        <pc:spChg chg="add mod">
          <ac:chgData name="Daly Donnacha HSLU I" userId="0f22e960-400a-43ff-baeb-4828c8f5cd3a" providerId="ADAL" clId="{0107A2AC-E230-6340-9D00-A45E25ACF2AC}" dt="2021-03-19T04:32:14.735" v="3490" actId="1035"/>
          <ac:spMkLst>
            <pc:docMk/>
            <pc:sldMk cId="2900242276" sldId="356"/>
            <ac:spMk id="48" creationId="{D5F88DFD-E99E-2F45-89C5-BFF83E9CEB4D}"/>
          </ac:spMkLst>
        </pc:spChg>
        <pc:spChg chg="add mod">
          <ac:chgData name="Daly Donnacha HSLU I" userId="0f22e960-400a-43ff-baeb-4828c8f5cd3a" providerId="ADAL" clId="{0107A2AC-E230-6340-9D00-A45E25ACF2AC}" dt="2021-03-19T04:32:14.735" v="3490" actId="1035"/>
          <ac:spMkLst>
            <pc:docMk/>
            <pc:sldMk cId="2900242276" sldId="356"/>
            <ac:spMk id="49" creationId="{EE6151A8-E69C-0B4C-970E-F3884332DA00}"/>
          </ac:spMkLst>
        </pc:spChg>
        <pc:spChg chg="add mod">
          <ac:chgData name="Daly Donnacha HSLU I" userId="0f22e960-400a-43ff-baeb-4828c8f5cd3a" providerId="ADAL" clId="{0107A2AC-E230-6340-9D00-A45E25ACF2AC}" dt="2021-03-19T04:32:14.735" v="3490" actId="1035"/>
          <ac:spMkLst>
            <pc:docMk/>
            <pc:sldMk cId="2900242276" sldId="356"/>
            <ac:spMk id="50" creationId="{71A29D89-2C05-E54B-954B-182166519507}"/>
          </ac:spMkLst>
        </pc:spChg>
        <pc:spChg chg="add mod">
          <ac:chgData name="Daly Donnacha HSLU I" userId="0f22e960-400a-43ff-baeb-4828c8f5cd3a" providerId="ADAL" clId="{0107A2AC-E230-6340-9D00-A45E25ACF2AC}" dt="2021-03-19T04:32:14.735" v="3490" actId="1035"/>
          <ac:spMkLst>
            <pc:docMk/>
            <pc:sldMk cId="2900242276" sldId="356"/>
            <ac:spMk id="51" creationId="{CA9DAF13-1317-294B-950F-3B051837C399}"/>
          </ac:spMkLst>
        </pc:spChg>
        <pc:spChg chg="add mod">
          <ac:chgData name="Daly Donnacha HSLU I" userId="0f22e960-400a-43ff-baeb-4828c8f5cd3a" providerId="ADAL" clId="{0107A2AC-E230-6340-9D00-A45E25ACF2AC}" dt="2021-03-19T05:09:06.757" v="4528" actId="20577"/>
          <ac:spMkLst>
            <pc:docMk/>
            <pc:sldMk cId="2900242276" sldId="356"/>
            <ac:spMk id="52" creationId="{359E64D1-9EFE-8545-97E9-CB621030A6A0}"/>
          </ac:spMkLst>
        </pc:spChg>
        <pc:spChg chg="add del mod">
          <ac:chgData name="Daly Donnacha HSLU I" userId="0f22e960-400a-43ff-baeb-4828c8f5cd3a" providerId="ADAL" clId="{0107A2AC-E230-6340-9D00-A45E25ACF2AC}" dt="2021-03-18T19:38:14.159" v="2881"/>
          <ac:spMkLst>
            <pc:docMk/>
            <pc:sldMk cId="2900242276" sldId="356"/>
            <ac:spMk id="53" creationId="{250017D2-5C2F-A240-8644-DB5BBFF6E014}"/>
          </ac:spMkLst>
        </pc:spChg>
        <pc:spChg chg="add del mod">
          <ac:chgData name="Daly Donnacha HSLU I" userId="0f22e960-400a-43ff-baeb-4828c8f5cd3a" providerId="ADAL" clId="{0107A2AC-E230-6340-9D00-A45E25ACF2AC}" dt="2021-03-18T19:38:14.159" v="2881"/>
          <ac:spMkLst>
            <pc:docMk/>
            <pc:sldMk cId="2900242276" sldId="356"/>
            <ac:spMk id="54" creationId="{2FE2F0A5-8797-5540-B651-8F032731D8D7}"/>
          </ac:spMkLst>
        </pc:spChg>
        <pc:spChg chg="add mod">
          <ac:chgData name="Daly Donnacha HSLU I" userId="0f22e960-400a-43ff-baeb-4828c8f5cd3a" providerId="ADAL" clId="{0107A2AC-E230-6340-9D00-A45E25ACF2AC}" dt="2021-03-19T04:32:14.735" v="3490" actId="1035"/>
          <ac:spMkLst>
            <pc:docMk/>
            <pc:sldMk cId="2900242276" sldId="356"/>
            <ac:spMk id="55" creationId="{0751CAAC-D2EB-8943-909E-EA84BD19B2D0}"/>
          </ac:spMkLst>
        </pc:spChg>
        <pc:spChg chg="add mod">
          <ac:chgData name="Daly Donnacha HSLU I" userId="0f22e960-400a-43ff-baeb-4828c8f5cd3a" providerId="ADAL" clId="{0107A2AC-E230-6340-9D00-A45E25ACF2AC}" dt="2021-03-19T04:32:14.735" v="3490" actId="1035"/>
          <ac:spMkLst>
            <pc:docMk/>
            <pc:sldMk cId="2900242276" sldId="356"/>
            <ac:spMk id="56" creationId="{9625BB7D-6B65-644C-8569-38B42FFF4992}"/>
          </ac:spMkLst>
        </pc:spChg>
        <pc:cxnChg chg="add mod">
          <ac:chgData name="Daly Donnacha HSLU I" userId="0f22e960-400a-43ff-baeb-4828c8f5cd3a" providerId="ADAL" clId="{0107A2AC-E230-6340-9D00-A45E25ACF2AC}" dt="2021-03-19T04:32:14.735" v="3490" actId="1035"/>
          <ac:cxnSpMkLst>
            <pc:docMk/>
            <pc:sldMk cId="2900242276" sldId="356"/>
            <ac:cxnSpMk id="3" creationId="{89EB4995-9331-F84B-9170-C769DF084C61}"/>
          </ac:cxnSpMkLst>
        </pc:cxnChg>
        <pc:cxnChg chg="add mod">
          <ac:chgData name="Daly Donnacha HSLU I" userId="0f22e960-400a-43ff-baeb-4828c8f5cd3a" providerId="ADAL" clId="{0107A2AC-E230-6340-9D00-A45E25ACF2AC}" dt="2021-03-19T04:32:14.735" v="3490" actId="1035"/>
          <ac:cxnSpMkLst>
            <pc:docMk/>
            <pc:sldMk cId="2900242276" sldId="356"/>
            <ac:cxnSpMk id="4" creationId="{E6EF6EDE-4793-CA4C-94F1-006BA790519F}"/>
          </ac:cxnSpMkLst>
        </pc:cxnChg>
        <pc:cxnChg chg="add mod">
          <ac:chgData name="Daly Donnacha HSLU I" userId="0f22e960-400a-43ff-baeb-4828c8f5cd3a" providerId="ADAL" clId="{0107A2AC-E230-6340-9D00-A45E25ACF2AC}" dt="2021-03-19T04:32:14.735" v="3490" actId="1035"/>
          <ac:cxnSpMkLst>
            <pc:docMk/>
            <pc:sldMk cId="2900242276" sldId="356"/>
            <ac:cxnSpMk id="5" creationId="{76457C46-2E78-094D-A339-7FCD719559A3}"/>
          </ac:cxnSpMkLst>
        </pc:cxnChg>
        <pc:cxnChg chg="add mod">
          <ac:chgData name="Daly Donnacha HSLU I" userId="0f22e960-400a-43ff-baeb-4828c8f5cd3a" providerId="ADAL" clId="{0107A2AC-E230-6340-9D00-A45E25ACF2AC}" dt="2021-03-19T04:32:14.735" v="3490" actId="1035"/>
          <ac:cxnSpMkLst>
            <pc:docMk/>
            <pc:sldMk cId="2900242276" sldId="356"/>
            <ac:cxnSpMk id="6" creationId="{81C4A218-CC75-1D47-839A-D71E1F280BFB}"/>
          </ac:cxnSpMkLst>
        </pc:cxnChg>
        <pc:cxnChg chg="add mod">
          <ac:chgData name="Daly Donnacha HSLU I" userId="0f22e960-400a-43ff-baeb-4828c8f5cd3a" providerId="ADAL" clId="{0107A2AC-E230-6340-9D00-A45E25ACF2AC}" dt="2021-03-19T04:32:14.735" v="3490" actId="1035"/>
          <ac:cxnSpMkLst>
            <pc:docMk/>
            <pc:sldMk cId="2900242276" sldId="356"/>
            <ac:cxnSpMk id="7" creationId="{DDE90FCB-E110-B242-AA80-9482569A8088}"/>
          </ac:cxnSpMkLst>
        </pc:cxnChg>
        <pc:cxnChg chg="add mod">
          <ac:chgData name="Daly Donnacha HSLU I" userId="0f22e960-400a-43ff-baeb-4828c8f5cd3a" providerId="ADAL" clId="{0107A2AC-E230-6340-9D00-A45E25ACF2AC}" dt="2021-03-19T04:32:14.735" v="3490" actId="1035"/>
          <ac:cxnSpMkLst>
            <pc:docMk/>
            <pc:sldMk cId="2900242276" sldId="356"/>
            <ac:cxnSpMk id="8" creationId="{AA49CF47-B35F-8549-9D2A-C715013320B7}"/>
          </ac:cxnSpMkLst>
        </pc:cxnChg>
        <pc:cxnChg chg="add mod">
          <ac:chgData name="Daly Donnacha HSLU I" userId="0f22e960-400a-43ff-baeb-4828c8f5cd3a" providerId="ADAL" clId="{0107A2AC-E230-6340-9D00-A45E25ACF2AC}" dt="2021-03-19T04:32:14.735" v="3490" actId="1035"/>
          <ac:cxnSpMkLst>
            <pc:docMk/>
            <pc:sldMk cId="2900242276" sldId="356"/>
            <ac:cxnSpMk id="9" creationId="{9BD497E1-807E-0741-B75F-4AA8EE112C01}"/>
          </ac:cxnSpMkLst>
        </pc:cxnChg>
        <pc:cxnChg chg="add mod">
          <ac:chgData name="Daly Donnacha HSLU I" userId="0f22e960-400a-43ff-baeb-4828c8f5cd3a" providerId="ADAL" clId="{0107A2AC-E230-6340-9D00-A45E25ACF2AC}" dt="2021-03-19T04:32:14.735" v="3490" actId="1035"/>
          <ac:cxnSpMkLst>
            <pc:docMk/>
            <pc:sldMk cId="2900242276" sldId="356"/>
            <ac:cxnSpMk id="10" creationId="{10558BAB-1AEA-E244-A0B1-E0502C1E930D}"/>
          </ac:cxnSpMkLst>
        </pc:cxnChg>
        <pc:cxnChg chg="add mod">
          <ac:chgData name="Daly Donnacha HSLU I" userId="0f22e960-400a-43ff-baeb-4828c8f5cd3a" providerId="ADAL" clId="{0107A2AC-E230-6340-9D00-A45E25ACF2AC}" dt="2021-03-19T04:32:14.735" v="3490" actId="1035"/>
          <ac:cxnSpMkLst>
            <pc:docMk/>
            <pc:sldMk cId="2900242276" sldId="356"/>
            <ac:cxnSpMk id="11" creationId="{8951E97E-C810-424D-A12E-459471CC4972}"/>
          </ac:cxnSpMkLst>
        </pc:cxnChg>
        <pc:cxnChg chg="add mod">
          <ac:chgData name="Daly Donnacha HSLU I" userId="0f22e960-400a-43ff-baeb-4828c8f5cd3a" providerId="ADAL" clId="{0107A2AC-E230-6340-9D00-A45E25ACF2AC}" dt="2021-03-19T04:32:14.735" v="3490" actId="1035"/>
          <ac:cxnSpMkLst>
            <pc:docMk/>
            <pc:sldMk cId="2900242276" sldId="356"/>
            <ac:cxnSpMk id="12" creationId="{197CE7B0-6E96-5A4A-9532-E76780F646E4}"/>
          </ac:cxnSpMkLst>
        </pc:cxnChg>
        <pc:cxnChg chg="add mod">
          <ac:chgData name="Daly Donnacha HSLU I" userId="0f22e960-400a-43ff-baeb-4828c8f5cd3a" providerId="ADAL" clId="{0107A2AC-E230-6340-9D00-A45E25ACF2AC}" dt="2021-03-19T04:32:14.735" v="3490" actId="1035"/>
          <ac:cxnSpMkLst>
            <pc:docMk/>
            <pc:sldMk cId="2900242276" sldId="356"/>
            <ac:cxnSpMk id="13" creationId="{C0740208-6312-7D4C-BD96-37C8BCFF1094}"/>
          </ac:cxnSpMkLst>
        </pc:cxnChg>
        <pc:cxnChg chg="add mod">
          <ac:chgData name="Daly Donnacha HSLU I" userId="0f22e960-400a-43ff-baeb-4828c8f5cd3a" providerId="ADAL" clId="{0107A2AC-E230-6340-9D00-A45E25ACF2AC}" dt="2021-03-19T04:32:14.735" v="3490" actId="1035"/>
          <ac:cxnSpMkLst>
            <pc:docMk/>
            <pc:sldMk cId="2900242276" sldId="356"/>
            <ac:cxnSpMk id="15" creationId="{F16CF00A-2DE0-F246-B322-5C3677DB97A9}"/>
          </ac:cxnSpMkLst>
        </pc:cxnChg>
        <pc:cxnChg chg="add mod">
          <ac:chgData name="Daly Donnacha HSLU I" userId="0f22e960-400a-43ff-baeb-4828c8f5cd3a" providerId="ADAL" clId="{0107A2AC-E230-6340-9D00-A45E25ACF2AC}" dt="2021-03-19T04:32:14.735" v="3490" actId="1035"/>
          <ac:cxnSpMkLst>
            <pc:docMk/>
            <pc:sldMk cId="2900242276" sldId="356"/>
            <ac:cxnSpMk id="26" creationId="{3020845E-C49E-8144-946B-22D8A67855BB}"/>
          </ac:cxnSpMkLst>
        </pc:cxnChg>
        <pc:cxnChg chg="add mod">
          <ac:chgData name="Daly Donnacha HSLU I" userId="0f22e960-400a-43ff-baeb-4828c8f5cd3a" providerId="ADAL" clId="{0107A2AC-E230-6340-9D00-A45E25ACF2AC}" dt="2021-03-19T04:32:14.735" v="3490" actId="1035"/>
          <ac:cxnSpMkLst>
            <pc:docMk/>
            <pc:sldMk cId="2900242276" sldId="356"/>
            <ac:cxnSpMk id="27" creationId="{3A632A56-14CA-4A4A-A86C-917D6EB29410}"/>
          </ac:cxnSpMkLst>
        </pc:cxnChg>
        <pc:cxnChg chg="add mod">
          <ac:chgData name="Daly Donnacha HSLU I" userId="0f22e960-400a-43ff-baeb-4828c8f5cd3a" providerId="ADAL" clId="{0107A2AC-E230-6340-9D00-A45E25ACF2AC}" dt="2021-03-19T04:32:14.735" v="3490" actId="1035"/>
          <ac:cxnSpMkLst>
            <pc:docMk/>
            <pc:sldMk cId="2900242276" sldId="356"/>
            <ac:cxnSpMk id="29" creationId="{18BB9EC7-4236-6142-9552-7BB6F0760B0B}"/>
          </ac:cxnSpMkLst>
        </pc:cxnChg>
        <pc:cxnChg chg="add mod">
          <ac:chgData name="Daly Donnacha HSLU I" userId="0f22e960-400a-43ff-baeb-4828c8f5cd3a" providerId="ADAL" clId="{0107A2AC-E230-6340-9D00-A45E25ACF2AC}" dt="2021-03-19T04:32:14.735" v="3490" actId="1035"/>
          <ac:cxnSpMkLst>
            <pc:docMk/>
            <pc:sldMk cId="2900242276" sldId="356"/>
            <ac:cxnSpMk id="30" creationId="{FA9155EA-5B60-2D40-9C2F-36EB312B6997}"/>
          </ac:cxnSpMkLst>
        </pc:cxnChg>
        <pc:cxnChg chg="add mod">
          <ac:chgData name="Daly Donnacha HSLU I" userId="0f22e960-400a-43ff-baeb-4828c8f5cd3a" providerId="ADAL" clId="{0107A2AC-E230-6340-9D00-A45E25ACF2AC}" dt="2021-03-19T04:32:14.735" v="3490" actId="1035"/>
          <ac:cxnSpMkLst>
            <pc:docMk/>
            <pc:sldMk cId="2900242276" sldId="356"/>
            <ac:cxnSpMk id="32" creationId="{803A6506-E91D-AD4D-A772-BA380D06B880}"/>
          </ac:cxnSpMkLst>
        </pc:cxnChg>
        <pc:cxnChg chg="add mod">
          <ac:chgData name="Daly Donnacha HSLU I" userId="0f22e960-400a-43ff-baeb-4828c8f5cd3a" providerId="ADAL" clId="{0107A2AC-E230-6340-9D00-A45E25ACF2AC}" dt="2021-03-19T04:32:14.735" v="3490" actId="1035"/>
          <ac:cxnSpMkLst>
            <pc:docMk/>
            <pc:sldMk cId="2900242276" sldId="356"/>
            <ac:cxnSpMk id="43" creationId="{11D95248-3D55-5A4E-9B1C-2E534F934424}"/>
          </ac:cxnSpMkLst>
        </pc:cxnChg>
      </pc:sldChg>
      <pc:sldChg chg="new del">
        <pc:chgData name="Daly Donnacha HSLU I" userId="0f22e960-400a-43ff-baeb-4828c8f5cd3a" providerId="ADAL" clId="{0107A2AC-E230-6340-9D00-A45E25ACF2AC}" dt="2021-03-18T19:40:11.079" v="2883" actId="2696"/>
        <pc:sldMkLst>
          <pc:docMk/>
          <pc:sldMk cId="2420815262" sldId="357"/>
        </pc:sldMkLst>
      </pc:sldChg>
      <pc:sldChg chg="addSp delSp modSp new del mod">
        <pc:chgData name="Daly Donnacha HSLU I" userId="0f22e960-400a-43ff-baeb-4828c8f5cd3a" providerId="ADAL" clId="{0107A2AC-E230-6340-9D00-A45E25ACF2AC}" dt="2021-03-19T05:27:21.733" v="4835" actId="2696"/>
        <pc:sldMkLst>
          <pc:docMk/>
          <pc:sldMk cId="727640036" sldId="358"/>
        </pc:sldMkLst>
        <pc:spChg chg="add del mod">
          <ac:chgData name="Daly Donnacha HSLU I" userId="0f22e960-400a-43ff-baeb-4828c8f5cd3a" providerId="ADAL" clId="{0107A2AC-E230-6340-9D00-A45E25ACF2AC}" dt="2021-03-18T19:50:12.278" v="2885"/>
          <ac:spMkLst>
            <pc:docMk/>
            <pc:sldMk cId="727640036" sldId="358"/>
            <ac:spMk id="3" creationId="{C7FF868F-D1E2-8340-B7E6-58AAEE349D30}"/>
          </ac:spMkLst>
        </pc:spChg>
        <pc:spChg chg="add del mod">
          <ac:chgData name="Daly Donnacha HSLU I" userId="0f22e960-400a-43ff-baeb-4828c8f5cd3a" providerId="ADAL" clId="{0107A2AC-E230-6340-9D00-A45E25ACF2AC}" dt="2021-03-18T19:50:12.278" v="2885"/>
          <ac:spMkLst>
            <pc:docMk/>
            <pc:sldMk cId="727640036" sldId="358"/>
            <ac:spMk id="4" creationId="{ABFF8F6D-295D-8849-975F-9D9EEF9A0A79}"/>
          </ac:spMkLst>
        </pc:spChg>
        <pc:spChg chg="add del mod">
          <ac:chgData name="Daly Donnacha HSLU I" userId="0f22e960-400a-43ff-baeb-4828c8f5cd3a" providerId="ADAL" clId="{0107A2AC-E230-6340-9D00-A45E25ACF2AC}" dt="2021-03-19T05:09:57.496" v="4530" actId="478"/>
          <ac:spMkLst>
            <pc:docMk/>
            <pc:sldMk cId="727640036" sldId="358"/>
            <ac:spMk id="5" creationId="{ED289771-6B23-714B-A3D8-0D23C58F7A3C}"/>
          </ac:spMkLst>
        </pc:spChg>
        <pc:spChg chg="add del mod">
          <ac:chgData name="Daly Donnacha HSLU I" userId="0f22e960-400a-43ff-baeb-4828c8f5cd3a" providerId="ADAL" clId="{0107A2AC-E230-6340-9D00-A45E25ACF2AC}" dt="2021-03-19T05:09:57.496" v="4530" actId="478"/>
          <ac:spMkLst>
            <pc:docMk/>
            <pc:sldMk cId="727640036" sldId="358"/>
            <ac:spMk id="15" creationId="{9749F16A-BD7D-4E45-B6A8-8A5483B2499D}"/>
          </ac:spMkLst>
        </pc:spChg>
        <pc:spChg chg="add del mod">
          <ac:chgData name="Daly Donnacha HSLU I" userId="0f22e960-400a-43ff-baeb-4828c8f5cd3a" providerId="ADAL" clId="{0107A2AC-E230-6340-9D00-A45E25ACF2AC}" dt="2021-03-19T05:06:41.642" v="4279" actId="478"/>
          <ac:spMkLst>
            <pc:docMk/>
            <pc:sldMk cId="727640036" sldId="358"/>
            <ac:spMk id="18" creationId="{D122ED7D-C1C1-1C4E-A7DE-1508D87F16C5}"/>
          </ac:spMkLst>
        </pc:spChg>
        <pc:spChg chg="add del mod">
          <ac:chgData name="Daly Donnacha HSLU I" userId="0f22e960-400a-43ff-baeb-4828c8f5cd3a" providerId="ADAL" clId="{0107A2AC-E230-6340-9D00-A45E25ACF2AC}" dt="2021-03-19T05:06:41.642" v="4279" actId="478"/>
          <ac:spMkLst>
            <pc:docMk/>
            <pc:sldMk cId="727640036" sldId="358"/>
            <ac:spMk id="20" creationId="{CC143045-7670-0848-A52F-BC1D6CBF92E1}"/>
          </ac:spMkLst>
        </pc:spChg>
        <pc:spChg chg="add del mod">
          <ac:chgData name="Daly Donnacha HSLU I" userId="0f22e960-400a-43ff-baeb-4828c8f5cd3a" providerId="ADAL" clId="{0107A2AC-E230-6340-9D00-A45E25ACF2AC}" dt="2021-03-19T05:06:41.642" v="4279" actId="478"/>
          <ac:spMkLst>
            <pc:docMk/>
            <pc:sldMk cId="727640036" sldId="358"/>
            <ac:spMk id="21" creationId="{B5C9F71F-27BE-E94C-8533-EA591A0D4A4C}"/>
          </ac:spMkLst>
        </pc:spChg>
        <pc:spChg chg="add del mod">
          <ac:chgData name="Daly Donnacha HSLU I" userId="0f22e960-400a-43ff-baeb-4828c8f5cd3a" providerId="ADAL" clId="{0107A2AC-E230-6340-9D00-A45E25ACF2AC}" dt="2021-03-19T05:06:41.642" v="4279" actId="478"/>
          <ac:spMkLst>
            <pc:docMk/>
            <pc:sldMk cId="727640036" sldId="358"/>
            <ac:spMk id="22" creationId="{77D134A2-BAA1-174F-9293-6DF30B75DB65}"/>
          </ac:spMkLst>
        </pc:spChg>
        <pc:spChg chg="add del mod">
          <ac:chgData name="Daly Donnacha HSLU I" userId="0f22e960-400a-43ff-baeb-4828c8f5cd3a" providerId="ADAL" clId="{0107A2AC-E230-6340-9D00-A45E25ACF2AC}" dt="2021-03-19T05:06:41.642" v="4279" actId="478"/>
          <ac:spMkLst>
            <pc:docMk/>
            <pc:sldMk cId="727640036" sldId="358"/>
            <ac:spMk id="23" creationId="{6D9D46F4-E4E2-6247-8C23-405EBE4685CC}"/>
          </ac:spMkLst>
        </pc:spChg>
        <pc:spChg chg="add del mod">
          <ac:chgData name="Daly Donnacha HSLU I" userId="0f22e960-400a-43ff-baeb-4828c8f5cd3a" providerId="ADAL" clId="{0107A2AC-E230-6340-9D00-A45E25ACF2AC}" dt="2021-03-19T05:06:41.642" v="4279" actId="478"/>
          <ac:spMkLst>
            <pc:docMk/>
            <pc:sldMk cId="727640036" sldId="358"/>
            <ac:spMk id="24" creationId="{2527DDB3-C14E-6047-B24A-DDAAD5431B01}"/>
          </ac:spMkLst>
        </pc:spChg>
        <pc:spChg chg="add del mod">
          <ac:chgData name="Daly Donnacha HSLU I" userId="0f22e960-400a-43ff-baeb-4828c8f5cd3a" providerId="ADAL" clId="{0107A2AC-E230-6340-9D00-A45E25ACF2AC}" dt="2021-03-19T05:06:41.642" v="4279" actId="478"/>
          <ac:spMkLst>
            <pc:docMk/>
            <pc:sldMk cId="727640036" sldId="358"/>
            <ac:spMk id="25" creationId="{1C11F2A5-BF7E-1446-BB81-B5C42DB5D1CE}"/>
          </ac:spMkLst>
        </pc:spChg>
        <pc:spChg chg="add del mod">
          <ac:chgData name="Daly Donnacha HSLU I" userId="0f22e960-400a-43ff-baeb-4828c8f5cd3a" providerId="ADAL" clId="{0107A2AC-E230-6340-9D00-A45E25ACF2AC}" dt="2021-03-19T05:06:41.642" v="4279" actId="478"/>
          <ac:spMkLst>
            <pc:docMk/>
            <pc:sldMk cId="727640036" sldId="358"/>
            <ac:spMk id="26" creationId="{F30026E8-DF6C-7E42-A5F5-5B1CCE50FFD2}"/>
          </ac:spMkLst>
        </pc:spChg>
        <pc:spChg chg="add del mod">
          <ac:chgData name="Daly Donnacha HSLU I" userId="0f22e960-400a-43ff-baeb-4828c8f5cd3a" providerId="ADAL" clId="{0107A2AC-E230-6340-9D00-A45E25ACF2AC}" dt="2021-03-19T05:06:41.642" v="4279" actId="478"/>
          <ac:spMkLst>
            <pc:docMk/>
            <pc:sldMk cId="727640036" sldId="358"/>
            <ac:spMk id="27" creationId="{0F67B8E3-71D0-C34E-9888-0EB56F06412A}"/>
          </ac:spMkLst>
        </pc:spChg>
        <pc:spChg chg="add del mod">
          <ac:chgData name="Daly Donnacha HSLU I" userId="0f22e960-400a-43ff-baeb-4828c8f5cd3a" providerId="ADAL" clId="{0107A2AC-E230-6340-9D00-A45E25ACF2AC}" dt="2021-03-19T05:06:41.642" v="4279" actId="478"/>
          <ac:spMkLst>
            <pc:docMk/>
            <pc:sldMk cId="727640036" sldId="358"/>
            <ac:spMk id="28" creationId="{D22239C3-21FA-BC47-9F9D-B47462902F15}"/>
          </ac:spMkLst>
        </pc:spChg>
        <pc:spChg chg="add del mod">
          <ac:chgData name="Daly Donnacha HSLU I" userId="0f22e960-400a-43ff-baeb-4828c8f5cd3a" providerId="ADAL" clId="{0107A2AC-E230-6340-9D00-A45E25ACF2AC}" dt="2021-03-19T05:06:41.642" v="4279" actId="478"/>
          <ac:spMkLst>
            <pc:docMk/>
            <pc:sldMk cId="727640036" sldId="358"/>
            <ac:spMk id="30" creationId="{EBBAA196-D909-934E-B109-1547B1805719}"/>
          </ac:spMkLst>
        </pc:spChg>
        <pc:spChg chg="add del mod">
          <ac:chgData name="Daly Donnacha HSLU I" userId="0f22e960-400a-43ff-baeb-4828c8f5cd3a" providerId="ADAL" clId="{0107A2AC-E230-6340-9D00-A45E25ACF2AC}" dt="2021-03-19T05:06:41.642" v="4279" actId="478"/>
          <ac:spMkLst>
            <pc:docMk/>
            <pc:sldMk cId="727640036" sldId="358"/>
            <ac:spMk id="31" creationId="{FE67F6E2-94BF-A543-B69C-29A270090401}"/>
          </ac:spMkLst>
        </pc:spChg>
        <pc:spChg chg="add del mod">
          <ac:chgData name="Daly Donnacha HSLU I" userId="0f22e960-400a-43ff-baeb-4828c8f5cd3a" providerId="ADAL" clId="{0107A2AC-E230-6340-9D00-A45E25ACF2AC}" dt="2021-03-19T05:06:41.642" v="4279" actId="478"/>
          <ac:spMkLst>
            <pc:docMk/>
            <pc:sldMk cId="727640036" sldId="358"/>
            <ac:spMk id="32" creationId="{5E644B80-840A-D247-9889-C3598836D569}"/>
          </ac:spMkLst>
        </pc:spChg>
        <pc:spChg chg="add del mod">
          <ac:chgData name="Daly Donnacha HSLU I" userId="0f22e960-400a-43ff-baeb-4828c8f5cd3a" providerId="ADAL" clId="{0107A2AC-E230-6340-9D00-A45E25ACF2AC}" dt="2021-03-19T05:09:57.496" v="4530" actId="478"/>
          <ac:spMkLst>
            <pc:docMk/>
            <pc:sldMk cId="727640036" sldId="358"/>
            <ac:spMk id="33" creationId="{1143A511-AAB7-5541-B872-153DE253E0B8}"/>
          </ac:spMkLst>
        </pc:spChg>
        <pc:spChg chg="add del mod">
          <ac:chgData name="Daly Donnacha HSLU I" userId="0f22e960-400a-43ff-baeb-4828c8f5cd3a" providerId="ADAL" clId="{0107A2AC-E230-6340-9D00-A45E25ACF2AC}" dt="2021-03-19T05:06:41.642" v="4279" actId="478"/>
          <ac:spMkLst>
            <pc:docMk/>
            <pc:sldMk cId="727640036" sldId="358"/>
            <ac:spMk id="34" creationId="{7AB71D10-C19D-0D4A-B9DA-DA2F54B84F04}"/>
          </ac:spMkLst>
        </pc:spChg>
        <pc:spChg chg="add del mod">
          <ac:chgData name="Daly Donnacha HSLU I" userId="0f22e960-400a-43ff-baeb-4828c8f5cd3a" providerId="ADAL" clId="{0107A2AC-E230-6340-9D00-A45E25ACF2AC}" dt="2021-03-19T05:06:41.642" v="4279" actId="478"/>
          <ac:spMkLst>
            <pc:docMk/>
            <pc:sldMk cId="727640036" sldId="358"/>
            <ac:spMk id="35" creationId="{AE5A9B96-2EAC-824E-9DC7-96A15785D6A4}"/>
          </ac:spMkLst>
        </pc:spChg>
        <pc:spChg chg="add del mod">
          <ac:chgData name="Daly Donnacha HSLU I" userId="0f22e960-400a-43ff-baeb-4828c8f5cd3a" providerId="ADAL" clId="{0107A2AC-E230-6340-9D00-A45E25ACF2AC}" dt="2021-03-19T05:06:41.642" v="4279" actId="478"/>
          <ac:spMkLst>
            <pc:docMk/>
            <pc:sldMk cId="727640036" sldId="358"/>
            <ac:spMk id="36" creationId="{A2032AB4-BF1B-7A4C-9BDA-BC66260A492A}"/>
          </ac:spMkLst>
        </pc:spChg>
        <pc:spChg chg="add del mod">
          <ac:chgData name="Daly Donnacha HSLU I" userId="0f22e960-400a-43ff-baeb-4828c8f5cd3a" providerId="ADAL" clId="{0107A2AC-E230-6340-9D00-A45E25ACF2AC}" dt="2021-03-19T05:06:41.642" v="4279" actId="478"/>
          <ac:spMkLst>
            <pc:docMk/>
            <pc:sldMk cId="727640036" sldId="358"/>
            <ac:spMk id="37" creationId="{0DE198DA-0856-D749-9394-57F4ED957348}"/>
          </ac:spMkLst>
        </pc:spChg>
        <pc:cxnChg chg="add del mod">
          <ac:chgData name="Daly Donnacha HSLU I" userId="0f22e960-400a-43ff-baeb-4828c8f5cd3a" providerId="ADAL" clId="{0107A2AC-E230-6340-9D00-A45E25ACF2AC}" dt="2021-03-19T05:06:41.642" v="4279" actId="478"/>
          <ac:cxnSpMkLst>
            <pc:docMk/>
            <pc:sldMk cId="727640036" sldId="358"/>
            <ac:cxnSpMk id="6" creationId="{BA968B30-EEA2-A44E-9641-DA00B7311B10}"/>
          </ac:cxnSpMkLst>
        </pc:cxnChg>
        <pc:cxnChg chg="add del mod">
          <ac:chgData name="Daly Donnacha HSLU I" userId="0f22e960-400a-43ff-baeb-4828c8f5cd3a" providerId="ADAL" clId="{0107A2AC-E230-6340-9D00-A45E25ACF2AC}" dt="2021-03-19T05:06:41.642" v="4279" actId="478"/>
          <ac:cxnSpMkLst>
            <pc:docMk/>
            <pc:sldMk cId="727640036" sldId="358"/>
            <ac:cxnSpMk id="7" creationId="{7FC3585A-37CD-6E4D-A94C-E685B7D52856}"/>
          </ac:cxnSpMkLst>
        </pc:cxnChg>
        <pc:cxnChg chg="add del mod">
          <ac:chgData name="Daly Donnacha HSLU I" userId="0f22e960-400a-43ff-baeb-4828c8f5cd3a" providerId="ADAL" clId="{0107A2AC-E230-6340-9D00-A45E25ACF2AC}" dt="2021-03-19T05:06:41.642" v="4279" actId="478"/>
          <ac:cxnSpMkLst>
            <pc:docMk/>
            <pc:sldMk cId="727640036" sldId="358"/>
            <ac:cxnSpMk id="8" creationId="{DB81B8E7-E397-114E-955F-524CE04C31EA}"/>
          </ac:cxnSpMkLst>
        </pc:cxnChg>
        <pc:cxnChg chg="add del mod">
          <ac:chgData name="Daly Donnacha HSLU I" userId="0f22e960-400a-43ff-baeb-4828c8f5cd3a" providerId="ADAL" clId="{0107A2AC-E230-6340-9D00-A45E25ACF2AC}" dt="2021-03-19T05:06:41.642" v="4279" actId="478"/>
          <ac:cxnSpMkLst>
            <pc:docMk/>
            <pc:sldMk cId="727640036" sldId="358"/>
            <ac:cxnSpMk id="9" creationId="{73BEAB47-4DDB-A94A-856A-79C18F1B6AB1}"/>
          </ac:cxnSpMkLst>
        </pc:cxnChg>
        <pc:cxnChg chg="add del mod">
          <ac:chgData name="Daly Donnacha HSLU I" userId="0f22e960-400a-43ff-baeb-4828c8f5cd3a" providerId="ADAL" clId="{0107A2AC-E230-6340-9D00-A45E25ACF2AC}" dt="2021-03-19T05:06:41.642" v="4279" actId="478"/>
          <ac:cxnSpMkLst>
            <pc:docMk/>
            <pc:sldMk cId="727640036" sldId="358"/>
            <ac:cxnSpMk id="10" creationId="{546595D6-6C9E-0244-BB66-A3A90D68C948}"/>
          </ac:cxnSpMkLst>
        </pc:cxnChg>
        <pc:cxnChg chg="add del mod">
          <ac:chgData name="Daly Donnacha HSLU I" userId="0f22e960-400a-43ff-baeb-4828c8f5cd3a" providerId="ADAL" clId="{0107A2AC-E230-6340-9D00-A45E25ACF2AC}" dt="2021-03-19T05:06:41.642" v="4279" actId="478"/>
          <ac:cxnSpMkLst>
            <pc:docMk/>
            <pc:sldMk cId="727640036" sldId="358"/>
            <ac:cxnSpMk id="11" creationId="{9CE0C27D-73E2-CC4D-A216-F7504DF0C919}"/>
          </ac:cxnSpMkLst>
        </pc:cxnChg>
        <pc:cxnChg chg="add del mod">
          <ac:chgData name="Daly Donnacha HSLU I" userId="0f22e960-400a-43ff-baeb-4828c8f5cd3a" providerId="ADAL" clId="{0107A2AC-E230-6340-9D00-A45E25ACF2AC}" dt="2021-03-19T05:06:41.642" v="4279" actId="478"/>
          <ac:cxnSpMkLst>
            <pc:docMk/>
            <pc:sldMk cId="727640036" sldId="358"/>
            <ac:cxnSpMk id="12" creationId="{ACB2178C-ED42-B240-BA81-C80E18DA891C}"/>
          </ac:cxnSpMkLst>
        </pc:cxnChg>
        <pc:cxnChg chg="add del mod">
          <ac:chgData name="Daly Donnacha HSLU I" userId="0f22e960-400a-43ff-baeb-4828c8f5cd3a" providerId="ADAL" clId="{0107A2AC-E230-6340-9D00-A45E25ACF2AC}" dt="2021-03-19T05:06:41.642" v="4279" actId="478"/>
          <ac:cxnSpMkLst>
            <pc:docMk/>
            <pc:sldMk cId="727640036" sldId="358"/>
            <ac:cxnSpMk id="13" creationId="{11AEF45C-E0F3-1848-A337-9514CB1608A8}"/>
          </ac:cxnSpMkLst>
        </pc:cxnChg>
        <pc:cxnChg chg="add del mod">
          <ac:chgData name="Daly Donnacha HSLU I" userId="0f22e960-400a-43ff-baeb-4828c8f5cd3a" providerId="ADAL" clId="{0107A2AC-E230-6340-9D00-A45E25ACF2AC}" dt="2021-03-19T05:06:41.642" v="4279" actId="478"/>
          <ac:cxnSpMkLst>
            <pc:docMk/>
            <pc:sldMk cId="727640036" sldId="358"/>
            <ac:cxnSpMk id="14" creationId="{FCFC30AA-176E-6141-BD66-6B7CCC784B82}"/>
          </ac:cxnSpMkLst>
        </pc:cxnChg>
        <pc:cxnChg chg="add del mod">
          <ac:chgData name="Daly Donnacha HSLU I" userId="0f22e960-400a-43ff-baeb-4828c8f5cd3a" providerId="ADAL" clId="{0107A2AC-E230-6340-9D00-A45E25ACF2AC}" dt="2021-03-19T05:06:41.642" v="4279" actId="478"/>
          <ac:cxnSpMkLst>
            <pc:docMk/>
            <pc:sldMk cId="727640036" sldId="358"/>
            <ac:cxnSpMk id="16" creationId="{B3C0F173-191D-044D-BA7C-446895DF64E0}"/>
          </ac:cxnSpMkLst>
        </pc:cxnChg>
        <pc:cxnChg chg="add del mod">
          <ac:chgData name="Daly Donnacha HSLU I" userId="0f22e960-400a-43ff-baeb-4828c8f5cd3a" providerId="ADAL" clId="{0107A2AC-E230-6340-9D00-A45E25ACF2AC}" dt="2021-03-19T05:06:41.642" v="4279" actId="478"/>
          <ac:cxnSpMkLst>
            <pc:docMk/>
            <pc:sldMk cId="727640036" sldId="358"/>
            <ac:cxnSpMk id="17" creationId="{FF4D3F4C-BFB7-C24E-9422-0252A99BCB92}"/>
          </ac:cxnSpMkLst>
        </pc:cxnChg>
        <pc:cxnChg chg="add del mod">
          <ac:chgData name="Daly Donnacha HSLU I" userId="0f22e960-400a-43ff-baeb-4828c8f5cd3a" providerId="ADAL" clId="{0107A2AC-E230-6340-9D00-A45E25ACF2AC}" dt="2021-03-19T05:06:41.642" v="4279" actId="478"/>
          <ac:cxnSpMkLst>
            <pc:docMk/>
            <pc:sldMk cId="727640036" sldId="358"/>
            <ac:cxnSpMk id="19" creationId="{60BEFFBC-145B-D147-982C-09E39FA0D831}"/>
          </ac:cxnSpMkLst>
        </pc:cxnChg>
        <pc:cxnChg chg="add del mod">
          <ac:chgData name="Daly Donnacha HSLU I" userId="0f22e960-400a-43ff-baeb-4828c8f5cd3a" providerId="ADAL" clId="{0107A2AC-E230-6340-9D00-A45E25ACF2AC}" dt="2021-03-19T05:06:41.642" v="4279" actId="478"/>
          <ac:cxnSpMkLst>
            <pc:docMk/>
            <pc:sldMk cId="727640036" sldId="358"/>
            <ac:cxnSpMk id="29" creationId="{B41AB6DC-AA7B-6B4A-BFE9-407244BB332C}"/>
          </ac:cxnSpMkLst>
        </pc:cxnChg>
      </pc:sldChg>
      <pc:sldChg chg="addSp delSp modSp new mod modNotesTx">
        <pc:chgData name="Daly Donnacha HSLU I" userId="0f22e960-400a-43ff-baeb-4828c8f5cd3a" providerId="ADAL" clId="{0107A2AC-E230-6340-9D00-A45E25ACF2AC}" dt="2021-03-19T06:32:10.717" v="6172" actId="1076"/>
        <pc:sldMkLst>
          <pc:docMk/>
          <pc:sldMk cId="2470199032" sldId="359"/>
        </pc:sldMkLst>
        <pc:spChg chg="mod">
          <ac:chgData name="Daly Donnacha HSLU I" userId="0f22e960-400a-43ff-baeb-4828c8f5cd3a" providerId="ADAL" clId="{0107A2AC-E230-6340-9D00-A45E25ACF2AC}" dt="2021-03-19T06:13:04.009" v="5638" actId="20577"/>
          <ac:spMkLst>
            <pc:docMk/>
            <pc:sldMk cId="2470199032" sldId="359"/>
            <ac:spMk id="2" creationId="{0107DC7A-C3D5-224D-BE8B-41EF9B3EF61E}"/>
          </ac:spMkLst>
        </pc:spChg>
        <pc:spChg chg="add del mod">
          <ac:chgData name="Daly Donnacha HSLU I" userId="0f22e960-400a-43ff-baeb-4828c8f5cd3a" providerId="ADAL" clId="{0107A2AC-E230-6340-9D00-A45E25ACF2AC}" dt="2021-03-19T05:29:02.916" v="4879" actId="21"/>
          <ac:spMkLst>
            <pc:docMk/>
            <pc:sldMk cId="2470199032" sldId="359"/>
            <ac:spMk id="3" creationId="{E38FFEB4-B41F-F84A-9B42-4AE673EA66CD}"/>
          </ac:spMkLst>
        </pc:spChg>
        <pc:spChg chg="add del mod">
          <ac:chgData name="Daly Donnacha HSLU I" userId="0f22e960-400a-43ff-baeb-4828c8f5cd3a" providerId="ADAL" clId="{0107A2AC-E230-6340-9D00-A45E25ACF2AC}" dt="2021-03-19T05:28:56.867" v="4877" actId="21"/>
          <ac:spMkLst>
            <pc:docMk/>
            <pc:sldMk cId="2470199032" sldId="359"/>
            <ac:spMk id="4" creationId="{547CB2BD-D9AD-C549-9E31-9E389D0B75FE}"/>
          </ac:spMkLst>
        </pc:spChg>
        <pc:spChg chg="add del mod">
          <ac:chgData name="Daly Donnacha HSLU I" userId="0f22e960-400a-43ff-baeb-4828c8f5cd3a" providerId="ADAL" clId="{0107A2AC-E230-6340-9D00-A45E25ACF2AC}" dt="2021-03-19T05:28:56.867" v="4877" actId="21"/>
          <ac:spMkLst>
            <pc:docMk/>
            <pc:sldMk cId="2470199032" sldId="359"/>
            <ac:spMk id="5" creationId="{DD6903E6-CF39-1E4F-8F6B-5B42A6FF1559}"/>
          </ac:spMkLst>
        </pc:spChg>
        <pc:spChg chg="add del mod">
          <ac:chgData name="Daly Donnacha HSLU I" userId="0f22e960-400a-43ff-baeb-4828c8f5cd3a" providerId="ADAL" clId="{0107A2AC-E230-6340-9D00-A45E25ACF2AC}" dt="2021-03-19T05:28:56.867" v="4877" actId="21"/>
          <ac:spMkLst>
            <pc:docMk/>
            <pc:sldMk cId="2470199032" sldId="359"/>
            <ac:spMk id="6" creationId="{20B4CE23-7110-AA44-A8F3-7B27FA71CA05}"/>
          </ac:spMkLst>
        </pc:spChg>
        <pc:spChg chg="add del mod">
          <ac:chgData name="Daly Donnacha HSLU I" userId="0f22e960-400a-43ff-baeb-4828c8f5cd3a" providerId="ADAL" clId="{0107A2AC-E230-6340-9D00-A45E25ACF2AC}" dt="2021-03-19T05:30:21.714" v="4883" actId="21"/>
          <ac:spMkLst>
            <pc:docMk/>
            <pc:sldMk cId="2470199032" sldId="359"/>
            <ac:spMk id="7" creationId="{721D7448-1D56-BC4B-BFB7-DAB85140F7D8}"/>
          </ac:spMkLst>
        </pc:spChg>
        <pc:spChg chg="add del mod">
          <ac:chgData name="Daly Donnacha HSLU I" userId="0f22e960-400a-43ff-baeb-4828c8f5cd3a" providerId="ADAL" clId="{0107A2AC-E230-6340-9D00-A45E25ACF2AC}" dt="2021-03-19T05:30:21.714" v="4883" actId="21"/>
          <ac:spMkLst>
            <pc:docMk/>
            <pc:sldMk cId="2470199032" sldId="359"/>
            <ac:spMk id="8" creationId="{8E62A0EE-8EAE-9D4F-BDD4-E7416C5BED5A}"/>
          </ac:spMkLst>
        </pc:spChg>
        <pc:spChg chg="add del mod">
          <ac:chgData name="Daly Donnacha HSLU I" userId="0f22e960-400a-43ff-baeb-4828c8f5cd3a" providerId="ADAL" clId="{0107A2AC-E230-6340-9D00-A45E25ACF2AC}" dt="2021-03-19T05:30:21.714" v="4883" actId="21"/>
          <ac:spMkLst>
            <pc:docMk/>
            <pc:sldMk cId="2470199032" sldId="359"/>
            <ac:spMk id="11" creationId="{3143D4F6-05CD-B94D-8A24-FBC2A5560672}"/>
          </ac:spMkLst>
        </pc:spChg>
        <pc:spChg chg="add del mod">
          <ac:chgData name="Daly Donnacha HSLU I" userId="0f22e960-400a-43ff-baeb-4828c8f5cd3a" providerId="ADAL" clId="{0107A2AC-E230-6340-9D00-A45E25ACF2AC}" dt="2021-03-19T05:30:21.714" v="4883" actId="21"/>
          <ac:spMkLst>
            <pc:docMk/>
            <pc:sldMk cId="2470199032" sldId="359"/>
            <ac:spMk id="12" creationId="{96870919-D7B6-214E-B7E6-D08A03D34B9E}"/>
          </ac:spMkLst>
        </pc:spChg>
        <pc:spChg chg="add mod">
          <ac:chgData name="Daly Donnacha HSLU I" userId="0f22e960-400a-43ff-baeb-4828c8f5cd3a" providerId="ADAL" clId="{0107A2AC-E230-6340-9D00-A45E25ACF2AC}" dt="2021-03-19T06:14:26.935" v="5674" actId="20577"/>
          <ac:spMkLst>
            <pc:docMk/>
            <pc:sldMk cId="2470199032" sldId="359"/>
            <ac:spMk id="14" creationId="{273EB83C-39CB-744C-8E6E-57D31A19EE4B}"/>
          </ac:spMkLst>
        </pc:spChg>
        <pc:spChg chg="add mod">
          <ac:chgData name="Daly Donnacha HSLU I" userId="0f22e960-400a-43ff-baeb-4828c8f5cd3a" providerId="ADAL" clId="{0107A2AC-E230-6340-9D00-A45E25ACF2AC}" dt="2021-03-19T06:14:30.999" v="5675" actId="20577"/>
          <ac:spMkLst>
            <pc:docMk/>
            <pc:sldMk cId="2470199032" sldId="359"/>
            <ac:spMk id="15" creationId="{64A69E60-72D5-834F-858E-33A57E9F13F2}"/>
          </ac:spMkLst>
        </pc:spChg>
        <pc:spChg chg="add del mod">
          <ac:chgData name="Daly Donnacha HSLU I" userId="0f22e960-400a-43ff-baeb-4828c8f5cd3a" providerId="ADAL" clId="{0107A2AC-E230-6340-9D00-A45E25ACF2AC}" dt="2021-03-19T05:55:32.971" v="5279" actId="478"/>
          <ac:spMkLst>
            <pc:docMk/>
            <pc:sldMk cId="2470199032" sldId="359"/>
            <ac:spMk id="16" creationId="{6DBF0305-5B64-9443-9D09-55043C4F4099}"/>
          </ac:spMkLst>
        </pc:spChg>
        <pc:spChg chg="add mod">
          <ac:chgData name="Daly Donnacha HSLU I" userId="0f22e960-400a-43ff-baeb-4828c8f5cd3a" providerId="ADAL" clId="{0107A2AC-E230-6340-9D00-A45E25ACF2AC}" dt="2021-03-19T06:04:12.555" v="5547" actId="1035"/>
          <ac:spMkLst>
            <pc:docMk/>
            <pc:sldMk cId="2470199032" sldId="359"/>
            <ac:spMk id="17" creationId="{1B5D5549-250B-B64A-AC66-2DA025E1B11D}"/>
          </ac:spMkLst>
        </pc:spChg>
        <pc:spChg chg="add mod">
          <ac:chgData name="Daly Donnacha HSLU I" userId="0f22e960-400a-43ff-baeb-4828c8f5cd3a" providerId="ADAL" clId="{0107A2AC-E230-6340-9D00-A45E25ACF2AC}" dt="2021-03-19T05:57:46.933" v="5377" actId="20577"/>
          <ac:spMkLst>
            <pc:docMk/>
            <pc:sldMk cId="2470199032" sldId="359"/>
            <ac:spMk id="18" creationId="{C6FF4A90-235B-D84C-BB64-50A91F749DC8}"/>
          </ac:spMkLst>
        </pc:spChg>
        <pc:spChg chg="add mod">
          <ac:chgData name="Daly Donnacha HSLU I" userId="0f22e960-400a-43ff-baeb-4828c8f5cd3a" providerId="ADAL" clId="{0107A2AC-E230-6340-9D00-A45E25ACF2AC}" dt="2021-03-19T06:04:17.227" v="5549" actId="1036"/>
          <ac:spMkLst>
            <pc:docMk/>
            <pc:sldMk cId="2470199032" sldId="359"/>
            <ac:spMk id="19" creationId="{94045584-F204-F747-BA88-C653DBEE220A}"/>
          </ac:spMkLst>
        </pc:spChg>
        <pc:spChg chg="add mod">
          <ac:chgData name="Daly Donnacha HSLU I" userId="0f22e960-400a-43ff-baeb-4828c8f5cd3a" providerId="ADAL" clId="{0107A2AC-E230-6340-9D00-A45E25ACF2AC}" dt="2021-03-19T06:04:12.555" v="5547" actId="1035"/>
          <ac:spMkLst>
            <pc:docMk/>
            <pc:sldMk cId="2470199032" sldId="359"/>
            <ac:spMk id="20" creationId="{CA478F02-AD28-CD4D-B173-C2BCE3B40C3A}"/>
          </ac:spMkLst>
        </pc:spChg>
        <pc:spChg chg="add mod">
          <ac:chgData name="Daly Donnacha HSLU I" userId="0f22e960-400a-43ff-baeb-4828c8f5cd3a" providerId="ADAL" clId="{0107A2AC-E230-6340-9D00-A45E25ACF2AC}" dt="2021-03-19T06:04:40.966" v="5553" actId="207"/>
          <ac:spMkLst>
            <pc:docMk/>
            <pc:sldMk cId="2470199032" sldId="359"/>
            <ac:spMk id="21" creationId="{B4456AD5-7191-B34A-ABE6-1856093ED776}"/>
          </ac:spMkLst>
        </pc:spChg>
        <pc:spChg chg="add mod">
          <ac:chgData name="Daly Donnacha HSLU I" userId="0f22e960-400a-43ff-baeb-4828c8f5cd3a" providerId="ADAL" clId="{0107A2AC-E230-6340-9D00-A45E25ACF2AC}" dt="2021-03-19T06:09:26.961" v="5604"/>
          <ac:spMkLst>
            <pc:docMk/>
            <pc:sldMk cId="2470199032" sldId="359"/>
            <ac:spMk id="22" creationId="{9040B3AB-AE27-CA4C-9D35-3F90E9DDECB3}"/>
          </ac:spMkLst>
        </pc:spChg>
        <pc:spChg chg="add del mod">
          <ac:chgData name="Daly Donnacha HSLU I" userId="0f22e960-400a-43ff-baeb-4828c8f5cd3a" providerId="ADAL" clId="{0107A2AC-E230-6340-9D00-A45E25ACF2AC}" dt="2021-03-19T06:13:30.267" v="5643" actId="478"/>
          <ac:spMkLst>
            <pc:docMk/>
            <pc:sldMk cId="2470199032" sldId="359"/>
            <ac:spMk id="42" creationId="{D898BF6B-51F6-D547-BCD2-869B1BF5DB63}"/>
          </ac:spMkLst>
        </pc:spChg>
        <pc:spChg chg="add mod">
          <ac:chgData name="Daly Donnacha HSLU I" userId="0f22e960-400a-43ff-baeb-4828c8f5cd3a" providerId="ADAL" clId="{0107A2AC-E230-6340-9D00-A45E25ACF2AC}" dt="2021-03-19T06:29:11.359" v="5940" actId="14100"/>
          <ac:spMkLst>
            <pc:docMk/>
            <pc:sldMk cId="2470199032" sldId="359"/>
            <ac:spMk id="43" creationId="{986B2FF1-8287-714D-9A2C-B8213AF1137F}"/>
          </ac:spMkLst>
        </pc:spChg>
        <pc:spChg chg="add del mod">
          <ac:chgData name="Daly Donnacha HSLU I" userId="0f22e960-400a-43ff-baeb-4828c8f5cd3a" providerId="ADAL" clId="{0107A2AC-E230-6340-9D00-A45E25ACF2AC}" dt="2021-03-19T06:26:18.272" v="5892" actId="478"/>
          <ac:spMkLst>
            <pc:docMk/>
            <pc:sldMk cId="2470199032" sldId="359"/>
            <ac:spMk id="44" creationId="{60F2603C-B244-834D-BEE7-4E3372660BB4}"/>
          </ac:spMkLst>
        </pc:spChg>
        <pc:spChg chg="add mod">
          <ac:chgData name="Daly Donnacha HSLU I" userId="0f22e960-400a-43ff-baeb-4828c8f5cd3a" providerId="ADAL" clId="{0107A2AC-E230-6340-9D00-A45E25ACF2AC}" dt="2021-03-19T06:29:18.793" v="5941" actId="14100"/>
          <ac:spMkLst>
            <pc:docMk/>
            <pc:sldMk cId="2470199032" sldId="359"/>
            <ac:spMk id="47" creationId="{A1B89D82-F20E-1246-873F-0016668B4C71}"/>
          </ac:spMkLst>
        </pc:spChg>
        <pc:spChg chg="add mod">
          <ac:chgData name="Daly Donnacha HSLU I" userId="0f22e960-400a-43ff-baeb-4828c8f5cd3a" providerId="ADAL" clId="{0107A2AC-E230-6340-9D00-A45E25ACF2AC}" dt="2021-03-19T06:31:45.338" v="6165" actId="1037"/>
          <ac:spMkLst>
            <pc:docMk/>
            <pc:sldMk cId="2470199032" sldId="359"/>
            <ac:spMk id="50" creationId="{973CE916-8B9B-474D-8F19-3020D683EB37}"/>
          </ac:spMkLst>
        </pc:spChg>
        <pc:spChg chg="add mod">
          <ac:chgData name="Daly Donnacha HSLU I" userId="0f22e960-400a-43ff-baeb-4828c8f5cd3a" providerId="ADAL" clId="{0107A2AC-E230-6340-9D00-A45E25ACF2AC}" dt="2021-03-19T06:31:45.338" v="6165" actId="1037"/>
          <ac:spMkLst>
            <pc:docMk/>
            <pc:sldMk cId="2470199032" sldId="359"/>
            <ac:spMk id="52" creationId="{B7623D01-03C5-614E-BFD8-CD7C6D5257DE}"/>
          </ac:spMkLst>
        </pc:spChg>
        <pc:spChg chg="add mod">
          <ac:chgData name="Daly Donnacha HSLU I" userId="0f22e960-400a-43ff-baeb-4828c8f5cd3a" providerId="ADAL" clId="{0107A2AC-E230-6340-9D00-A45E25ACF2AC}" dt="2021-03-19T06:31:45.338" v="6165" actId="1037"/>
          <ac:spMkLst>
            <pc:docMk/>
            <pc:sldMk cId="2470199032" sldId="359"/>
            <ac:spMk id="53" creationId="{2AF7A73A-4852-F741-828E-E49F29015D4E}"/>
          </ac:spMkLst>
        </pc:spChg>
        <pc:spChg chg="add mod">
          <ac:chgData name="Daly Donnacha HSLU I" userId="0f22e960-400a-43ff-baeb-4828c8f5cd3a" providerId="ADAL" clId="{0107A2AC-E230-6340-9D00-A45E25ACF2AC}" dt="2021-03-19T06:31:45.338" v="6165" actId="1037"/>
          <ac:spMkLst>
            <pc:docMk/>
            <pc:sldMk cId="2470199032" sldId="359"/>
            <ac:spMk id="54" creationId="{8DE09B97-876B-964E-9949-008D5812FBC8}"/>
          </ac:spMkLst>
        </pc:spChg>
        <pc:spChg chg="add mod">
          <ac:chgData name="Daly Donnacha HSLU I" userId="0f22e960-400a-43ff-baeb-4828c8f5cd3a" providerId="ADAL" clId="{0107A2AC-E230-6340-9D00-A45E25ACF2AC}" dt="2021-03-19T06:31:45.338" v="6165" actId="1037"/>
          <ac:spMkLst>
            <pc:docMk/>
            <pc:sldMk cId="2470199032" sldId="359"/>
            <ac:spMk id="55" creationId="{6953A8D4-E950-7147-BD50-6BA8B44CE19A}"/>
          </ac:spMkLst>
        </pc:spChg>
        <pc:spChg chg="add mod">
          <ac:chgData name="Daly Donnacha HSLU I" userId="0f22e960-400a-43ff-baeb-4828c8f5cd3a" providerId="ADAL" clId="{0107A2AC-E230-6340-9D00-A45E25ACF2AC}" dt="2021-03-19T06:31:45.338" v="6165" actId="1037"/>
          <ac:spMkLst>
            <pc:docMk/>
            <pc:sldMk cId="2470199032" sldId="359"/>
            <ac:spMk id="56" creationId="{3AB6447C-3D5A-6C47-B24D-877A06800EED}"/>
          </ac:spMkLst>
        </pc:spChg>
        <pc:spChg chg="add mod">
          <ac:chgData name="Daly Donnacha HSLU I" userId="0f22e960-400a-43ff-baeb-4828c8f5cd3a" providerId="ADAL" clId="{0107A2AC-E230-6340-9D00-A45E25ACF2AC}" dt="2021-03-19T06:31:45.338" v="6165" actId="1037"/>
          <ac:spMkLst>
            <pc:docMk/>
            <pc:sldMk cId="2470199032" sldId="359"/>
            <ac:spMk id="57" creationId="{7ED92D2A-E6DF-1849-B9B8-6E626BEACF76}"/>
          </ac:spMkLst>
        </pc:spChg>
        <pc:spChg chg="add mod">
          <ac:chgData name="Daly Donnacha HSLU I" userId="0f22e960-400a-43ff-baeb-4828c8f5cd3a" providerId="ADAL" clId="{0107A2AC-E230-6340-9D00-A45E25ACF2AC}" dt="2021-03-19T06:31:45.338" v="6165" actId="1037"/>
          <ac:spMkLst>
            <pc:docMk/>
            <pc:sldMk cId="2470199032" sldId="359"/>
            <ac:spMk id="58" creationId="{D285BAFD-A097-A343-A194-7B31DA46BBF9}"/>
          </ac:spMkLst>
        </pc:spChg>
        <pc:spChg chg="add mod">
          <ac:chgData name="Daly Donnacha HSLU I" userId="0f22e960-400a-43ff-baeb-4828c8f5cd3a" providerId="ADAL" clId="{0107A2AC-E230-6340-9D00-A45E25ACF2AC}" dt="2021-03-19T06:31:45.338" v="6165" actId="1037"/>
          <ac:spMkLst>
            <pc:docMk/>
            <pc:sldMk cId="2470199032" sldId="359"/>
            <ac:spMk id="59" creationId="{11ABD1A9-E18F-D74C-96DA-92797CC16054}"/>
          </ac:spMkLst>
        </pc:spChg>
        <pc:spChg chg="add mod">
          <ac:chgData name="Daly Donnacha HSLU I" userId="0f22e960-400a-43ff-baeb-4828c8f5cd3a" providerId="ADAL" clId="{0107A2AC-E230-6340-9D00-A45E25ACF2AC}" dt="2021-03-19T06:31:45.338" v="6165" actId="1037"/>
          <ac:spMkLst>
            <pc:docMk/>
            <pc:sldMk cId="2470199032" sldId="359"/>
            <ac:spMk id="60" creationId="{888D63B3-1386-3B4A-B747-7DEDD6F559C1}"/>
          </ac:spMkLst>
        </pc:spChg>
        <pc:spChg chg="add mod">
          <ac:chgData name="Daly Donnacha HSLU I" userId="0f22e960-400a-43ff-baeb-4828c8f5cd3a" providerId="ADAL" clId="{0107A2AC-E230-6340-9D00-A45E25ACF2AC}" dt="2021-03-19T06:31:45.338" v="6165" actId="1037"/>
          <ac:spMkLst>
            <pc:docMk/>
            <pc:sldMk cId="2470199032" sldId="359"/>
            <ac:spMk id="63" creationId="{3E81DA68-C3BB-2946-B5CC-7AC3B9CDFFEB}"/>
          </ac:spMkLst>
        </pc:spChg>
        <pc:spChg chg="add mod">
          <ac:chgData name="Daly Donnacha HSLU I" userId="0f22e960-400a-43ff-baeb-4828c8f5cd3a" providerId="ADAL" clId="{0107A2AC-E230-6340-9D00-A45E25ACF2AC}" dt="2021-03-19T06:31:52.249" v="6169" actId="1038"/>
          <ac:spMkLst>
            <pc:docMk/>
            <pc:sldMk cId="2470199032" sldId="359"/>
            <ac:spMk id="64" creationId="{66FA0EBE-8A0B-894E-8F77-6168CB393F7C}"/>
          </ac:spMkLst>
        </pc:spChg>
        <pc:spChg chg="add mod">
          <ac:chgData name="Daly Donnacha HSLU I" userId="0f22e960-400a-43ff-baeb-4828c8f5cd3a" providerId="ADAL" clId="{0107A2AC-E230-6340-9D00-A45E25ACF2AC}" dt="2021-03-19T06:32:10.717" v="6172" actId="1076"/>
          <ac:spMkLst>
            <pc:docMk/>
            <pc:sldMk cId="2470199032" sldId="359"/>
            <ac:spMk id="65" creationId="{452F18AC-F276-8B4F-A5BC-038E01716B83}"/>
          </ac:spMkLst>
        </pc:spChg>
        <pc:picChg chg="add mod">
          <ac:chgData name="Daly Donnacha HSLU I" userId="0f22e960-400a-43ff-baeb-4828c8f5cd3a" providerId="ADAL" clId="{0107A2AC-E230-6340-9D00-A45E25ACF2AC}" dt="2021-03-19T06:04:17.227" v="5549" actId="1036"/>
          <ac:picMkLst>
            <pc:docMk/>
            <pc:sldMk cId="2470199032" sldId="359"/>
            <ac:picMk id="13" creationId="{BC9A1D42-507A-9644-A40E-A7987F58D297}"/>
          </ac:picMkLst>
        </pc:picChg>
        <pc:cxnChg chg="add del mod">
          <ac:chgData name="Daly Donnacha HSLU I" userId="0f22e960-400a-43ff-baeb-4828c8f5cd3a" providerId="ADAL" clId="{0107A2AC-E230-6340-9D00-A45E25ACF2AC}" dt="2021-03-19T05:30:21.714" v="4883" actId="21"/>
          <ac:cxnSpMkLst>
            <pc:docMk/>
            <pc:sldMk cId="2470199032" sldId="359"/>
            <ac:cxnSpMk id="9" creationId="{37C62276-D4D0-D941-A217-7AD109141D04}"/>
          </ac:cxnSpMkLst>
        </pc:cxnChg>
        <pc:cxnChg chg="add del mod">
          <ac:chgData name="Daly Donnacha HSLU I" userId="0f22e960-400a-43ff-baeb-4828c8f5cd3a" providerId="ADAL" clId="{0107A2AC-E230-6340-9D00-A45E25ACF2AC}" dt="2021-03-19T05:30:21.714" v="4883" actId="21"/>
          <ac:cxnSpMkLst>
            <pc:docMk/>
            <pc:sldMk cId="2470199032" sldId="359"/>
            <ac:cxnSpMk id="10" creationId="{3E84C914-BBBC-0C49-9145-9EB630B858C1}"/>
          </ac:cxnSpMkLst>
        </pc:cxnChg>
        <pc:cxnChg chg="add mod">
          <ac:chgData name="Daly Donnacha HSLU I" userId="0f22e960-400a-43ff-baeb-4828c8f5cd3a" providerId="ADAL" clId="{0107A2AC-E230-6340-9D00-A45E25ACF2AC}" dt="2021-03-19T06:09:35.026" v="5605" actId="14100"/>
          <ac:cxnSpMkLst>
            <pc:docMk/>
            <pc:sldMk cId="2470199032" sldId="359"/>
            <ac:cxnSpMk id="24" creationId="{99AF215B-A714-9B42-8E03-5F122BA7D919}"/>
          </ac:cxnSpMkLst>
        </pc:cxnChg>
        <pc:cxnChg chg="add del mod">
          <ac:chgData name="Daly Donnacha HSLU I" userId="0f22e960-400a-43ff-baeb-4828c8f5cd3a" providerId="ADAL" clId="{0107A2AC-E230-6340-9D00-A45E25ACF2AC}" dt="2021-03-19T06:08:33.404" v="5598" actId="478"/>
          <ac:cxnSpMkLst>
            <pc:docMk/>
            <pc:sldMk cId="2470199032" sldId="359"/>
            <ac:cxnSpMk id="29" creationId="{9D84D284-2622-BB46-AAD2-5294EA4B6F76}"/>
          </ac:cxnSpMkLst>
        </pc:cxnChg>
        <pc:cxnChg chg="add mod">
          <ac:chgData name="Daly Donnacha HSLU I" userId="0f22e960-400a-43ff-baeb-4828c8f5cd3a" providerId="ADAL" clId="{0107A2AC-E230-6340-9D00-A45E25ACF2AC}" dt="2021-03-19T06:10:24.503" v="5610" actId="14100"/>
          <ac:cxnSpMkLst>
            <pc:docMk/>
            <pc:sldMk cId="2470199032" sldId="359"/>
            <ac:cxnSpMk id="31" creationId="{63C92170-C308-3646-8DBC-1E637CFB56D5}"/>
          </ac:cxnSpMkLst>
        </pc:cxnChg>
        <pc:cxnChg chg="add del mod">
          <ac:chgData name="Daly Donnacha HSLU I" userId="0f22e960-400a-43ff-baeb-4828c8f5cd3a" providerId="ADAL" clId="{0107A2AC-E230-6340-9D00-A45E25ACF2AC}" dt="2021-03-19T06:26:20.831" v="5893" actId="478"/>
          <ac:cxnSpMkLst>
            <pc:docMk/>
            <pc:sldMk cId="2470199032" sldId="359"/>
            <ac:cxnSpMk id="46" creationId="{016C5A1C-0AFA-5441-8119-59026C8C3CDC}"/>
          </ac:cxnSpMkLst>
        </pc:cxnChg>
        <pc:cxnChg chg="add mod">
          <ac:chgData name="Daly Donnacha HSLU I" userId="0f22e960-400a-43ff-baeb-4828c8f5cd3a" providerId="ADAL" clId="{0107A2AC-E230-6340-9D00-A45E25ACF2AC}" dt="2021-03-19T06:31:45.338" v="6165" actId="1037"/>
          <ac:cxnSpMkLst>
            <pc:docMk/>
            <pc:sldMk cId="2470199032" sldId="359"/>
            <ac:cxnSpMk id="48" creationId="{14F9DAF2-93D1-E945-9DBA-B03D7C6ABB3F}"/>
          </ac:cxnSpMkLst>
        </pc:cxnChg>
        <pc:cxnChg chg="add mod">
          <ac:chgData name="Daly Donnacha HSLU I" userId="0f22e960-400a-43ff-baeb-4828c8f5cd3a" providerId="ADAL" clId="{0107A2AC-E230-6340-9D00-A45E25ACF2AC}" dt="2021-03-19T06:31:45.338" v="6165" actId="1037"/>
          <ac:cxnSpMkLst>
            <pc:docMk/>
            <pc:sldMk cId="2470199032" sldId="359"/>
            <ac:cxnSpMk id="49" creationId="{6B3CB73F-309A-A846-B40C-669A1FF5DC8D}"/>
          </ac:cxnSpMkLst>
        </pc:cxnChg>
        <pc:cxnChg chg="add mod">
          <ac:chgData name="Daly Donnacha HSLU I" userId="0f22e960-400a-43ff-baeb-4828c8f5cd3a" providerId="ADAL" clId="{0107A2AC-E230-6340-9D00-A45E25ACF2AC}" dt="2021-03-19T06:31:45.338" v="6165" actId="1037"/>
          <ac:cxnSpMkLst>
            <pc:docMk/>
            <pc:sldMk cId="2470199032" sldId="359"/>
            <ac:cxnSpMk id="51" creationId="{5A436E51-F319-6A47-B996-B3A0F50BA95B}"/>
          </ac:cxnSpMkLst>
        </pc:cxnChg>
        <pc:cxnChg chg="add mod">
          <ac:chgData name="Daly Donnacha HSLU I" userId="0f22e960-400a-43ff-baeb-4828c8f5cd3a" providerId="ADAL" clId="{0107A2AC-E230-6340-9D00-A45E25ACF2AC}" dt="2021-03-19T06:31:45.338" v="6165" actId="1037"/>
          <ac:cxnSpMkLst>
            <pc:docMk/>
            <pc:sldMk cId="2470199032" sldId="359"/>
            <ac:cxnSpMk id="61" creationId="{35805DB5-531C-784B-918A-BA4BA2278D57}"/>
          </ac:cxnSpMkLst>
        </pc:cxnChg>
        <pc:cxnChg chg="add mod">
          <ac:chgData name="Daly Donnacha HSLU I" userId="0f22e960-400a-43ff-baeb-4828c8f5cd3a" providerId="ADAL" clId="{0107A2AC-E230-6340-9D00-A45E25ACF2AC}" dt="2021-03-19T06:31:45.338" v="6165" actId="1037"/>
          <ac:cxnSpMkLst>
            <pc:docMk/>
            <pc:sldMk cId="2470199032" sldId="359"/>
            <ac:cxnSpMk id="62" creationId="{0176840D-2493-6D43-95EC-76E0C8CAA132}"/>
          </ac:cxnSpMkLst>
        </pc:cxnChg>
      </pc:sldChg>
      <pc:sldChg chg="addSp delSp modSp new mod">
        <pc:chgData name="Daly Donnacha HSLU I" userId="0f22e960-400a-43ff-baeb-4828c8f5cd3a" providerId="ADAL" clId="{0107A2AC-E230-6340-9D00-A45E25ACF2AC}" dt="2021-03-19T12:12:40.775" v="13098" actId="1076"/>
        <pc:sldMkLst>
          <pc:docMk/>
          <pc:sldMk cId="3542632118" sldId="360"/>
        </pc:sldMkLst>
        <pc:spChg chg="mod">
          <ac:chgData name="Daly Donnacha HSLU I" userId="0f22e960-400a-43ff-baeb-4828c8f5cd3a" providerId="ADAL" clId="{0107A2AC-E230-6340-9D00-A45E25ACF2AC}" dt="2021-03-19T07:03:28.338" v="6982" actId="20577"/>
          <ac:spMkLst>
            <pc:docMk/>
            <pc:sldMk cId="3542632118" sldId="360"/>
            <ac:spMk id="2" creationId="{8A5F28E3-5116-FB4D-9EA9-0317C65F662C}"/>
          </ac:spMkLst>
        </pc:spChg>
        <pc:spChg chg="add del mod">
          <ac:chgData name="Daly Donnacha HSLU I" userId="0f22e960-400a-43ff-baeb-4828c8f5cd3a" providerId="ADAL" clId="{0107A2AC-E230-6340-9D00-A45E25ACF2AC}" dt="2021-03-19T06:46:56.029" v="6388" actId="478"/>
          <ac:spMkLst>
            <pc:docMk/>
            <pc:sldMk cId="3542632118" sldId="360"/>
            <ac:spMk id="3" creationId="{BDAB322C-BDAA-B944-9A0C-FF9B19E74737}"/>
          </ac:spMkLst>
        </pc:spChg>
        <pc:spChg chg="add del mod">
          <ac:chgData name="Daly Donnacha HSLU I" userId="0f22e960-400a-43ff-baeb-4828c8f5cd3a" providerId="ADAL" clId="{0107A2AC-E230-6340-9D00-A45E25ACF2AC}" dt="2021-03-19T06:46:56.029" v="6388" actId="478"/>
          <ac:spMkLst>
            <pc:docMk/>
            <pc:sldMk cId="3542632118" sldId="360"/>
            <ac:spMk id="4" creationId="{34D24107-94A4-664D-B380-9999F7F22ACA}"/>
          </ac:spMkLst>
        </pc:spChg>
        <pc:spChg chg="add del mod">
          <ac:chgData name="Daly Donnacha HSLU I" userId="0f22e960-400a-43ff-baeb-4828c8f5cd3a" providerId="ADAL" clId="{0107A2AC-E230-6340-9D00-A45E25ACF2AC}" dt="2021-03-19T06:46:56.029" v="6388" actId="478"/>
          <ac:spMkLst>
            <pc:docMk/>
            <pc:sldMk cId="3542632118" sldId="360"/>
            <ac:spMk id="5" creationId="{CB6CDA11-4465-D342-A262-F52D9193ADA9}"/>
          </ac:spMkLst>
        </pc:spChg>
        <pc:spChg chg="add del mod">
          <ac:chgData name="Daly Donnacha HSLU I" userId="0f22e960-400a-43ff-baeb-4828c8f5cd3a" providerId="ADAL" clId="{0107A2AC-E230-6340-9D00-A45E25ACF2AC}" dt="2021-03-19T05:55:05.776" v="5274" actId="21"/>
          <ac:spMkLst>
            <pc:docMk/>
            <pc:sldMk cId="3542632118" sldId="360"/>
            <ac:spMk id="7" creationId="{E316CD84-F186-6348-B506-71A6379F5232}"/>
          </ac:spMkLst>
        </pc:spChg>
        <pc:spChg chg="add del mod">
          <ac:chgData name="Daly Donnacha HSLU I" userId="0f22e960-400a-43ff-baeb-4828c8f5cd3a" providerId="ADAL" clId="{0107A2AC-E230-6340-9D00-A45E25ACF2AC}" dt="2021-03-19T05:55:05.776" v="5274" actId="21"/>
          <ac:spMkLst>
            <pc:docMk/>
            <pc:sldMk cId="3542632118" sldId="360"/>
            <ac:spMk id="8" creationId="{82F679E1-7064-384C-8FFC-8516784EA1AD}"/>
          </ac:spMkLst>
        </pc:spChg>
        <pc:spChg chg="add del mod">
          <ac:chgData name="Daly Donnacha HSLU I" userId="0f22e960-400a-43ff-baeb-4828c8f5cd3a" providerId="ADAL" clId="{0107A2AC-E230-6340-9D00-A45E25ACF2AC}" dt="2021-03-19T05:59:41.549" v="5404" actId="478"/>
          <ac:spMkLst>
            <pc:docMk/>
            <pc:sldMk cId="3542632118" sldId="360"/>
            <ac:spMk id="9" creationId="{53B49E9B-281A-134B-927E-FC57AC4E671E}"/>
          </ac:spMkLst>
        </pc:spChg>
        <pc:spChg chg="add del mod">
          <ac:chgData name="Daly Donnacha HSLU I" userId="0f22e960-400a-43ff-baeb-4828c8f5cd3a" providerId="ADAL" clId="{0107A2AC-E230-6340-9D00-A45E25ACF2AC}" dt="2021-03-19T06:46:59.078" v="6389" actId="21"/>
          <ac:spMkLst>
            <pc:docMk/>
            <pc:sldMk cId="3542632118" sldId="360"/>
            <ac:spMk id="10" creationId="{5E4B5DCA-B2FE-1741-83DA-80B16EBAC3FD}"/>
          </ac:spMkLst>
        </pc:spChg>
        <pc:spChg chg="add mod">
          <ac:chgData name="Daly Donnacha HSLU I" userId="0f22e960-400a-43ff-baeb-4828c8f5cd3a" providerId="ADAL" clId="{0107A2AC-E230-6340-9D00-A45E25ACF2AC}" dt="2021-03-19T07:19:32.506" v="7415" actId="20577"/>
          <ac:spMkLst>
            <pc:docMk/>
            <pc:sldMk cId="3542632118" sldId="360"/>
            <ac:spMk id="11" creationId="{192A1493-79A4-DC48-9F10-C6B137008D3A}"/>
          </ac:spMkLst>
        </pc:spChg>
        <pc:spChg chg="add del mod">
          <ac:chgData name="Daly Donnacha HSLU I" userId="0f22e960-400a-43ff-baeb-4828c8f5cd3a" providerId="ADAL" clId="{0107A2AC-E230-6340-9D00-A45E25ACF2AC}" dt="2021-03-19T07:16:30.672" v="7182" actId="478"/>
          <ac:spMkLst>
            <pc:docMk/>
            <pc:sldMk cId="3542632118" sldId="360"/>
            <ac:spMk id="12" creationId="{27E4397A-A9C7-B348-940E-C3278DEF26D3}"/>
          </ac:spMkLst>
        </pc:spChg>
        <pc:spChg chg="add del mod">
          <ac:chgData name="Daly Donnacha HSLU I" userId="0f22e960-400a-43ff-baeb-4828c8f5cd3a" providerId="ADAL" clId="{0107A2AC-E230-6340-9D00-A45E25ACF2AC}" dt="2021-03-19T06:46:56.029" v="6388" actId="478"/>
          <ac:spMkLst>
            <pc:docMk/>
            <pc:sldMk cId="3542632118" sldId="360"/>
            <ac:spMk id="13" creationId="{CDD1B005-77C1-3D49-8368-2DAAD78783CA}"/>
          </ac:spMkLst>
        </pc:spChg>
        <pc:spChg chg="add mod">
          <ac:chgData name="Daly Donnacha HSLU I" userId="0f22e960-400a-43ff-baeb-4828c8f5cd3a" providerId="ADAL" clId="{0107A2AC-E230-6340-9D00-A45E25ACF2AC}" dt="2021-03-19T07:19:48.863" v="7418" actId="20577"/>
          <ac:spMkLst>
            <pc:docMk/>
            <pc:sldMk cId="3542632118" sldId="360"/>
            <ac:spMk id="13" creationId="{D8E39766-1D44-0341-988E-33E6DE4157D5}"/>
          </ac:spMkLst>
        </pc:spChg>
        <pc:spChg chg="add mod">
          <ac:chgData name="Daly Donnacha HSLU I" userId="0f22e960-400a-43ff-baeb-4828c8f5cd3a" providerId="ADAL" clId="{0107A2AC-E230-6340-9D00-A45E25ACF2AC}" dt="2021-03-19T07:21:19.622" v="7452" actId="207"/>
          <ac:spMkLst>
            <pc:docMk/>
            <pc:sldMk cId="3542632118" sldId="360"/>
            <ac:spMk id="14" creationId="{C3DD447D-1B6A-8C49-BFEC-088D1E8D5105}"/>
          </ac:spMkLst>
        </pc:spChg>
        <pc:spChg chg="add del mod">
          <ac:chgData name="Daly Donnacha HSLU I" userId="0f22e960-400a-43ff-baeb-4828c8f5cd3a" providerId="ADAL" clId="{0107A2AC-E230-6340-9D00-A45E25ACF2AC}" dt="2021-03-19T06:46:56.029" v="6388" actId="478"/>
          <ac:spMkLst>
            <pc:docMk/>
            <pc:sldMk cId="3542632118" sldId="360"/>
            <ac:spMk id="14" creationId="{FE326F22-019E-A54C-B5B1-EFBAB7E43469}"/>
          </ac:spMkLst>
        </pc:spChg>
        <pc:spChg chg="add mod">
          <ac:chgData name="Daly Donnacha HSLU I" userId="0f22e960-400a-43ff-baeb-4828c8f5cd3a" providerId="ADAL" clId="{0107A2AC-E230-6340-9D00-A45E25ACF2AC}" dt="2021-03-19T07:04:08.289" v="7020" actId="20577"/>
          <ac:spMkLst>
            <pc:docMk/>
            <pc:sldMk cId="3542632118" sldId="360"/>
            <ac:spMk id="15" creationId="{0612F676-8399-2846-A0FD-5710D7AFB346}"/>
          </ac:spMkLst>
        </pc:spChg>
        <pc:spChg chg="add mod">
          <ac:chgData name="Daly Donnacha HSLU I" userId="0f22e960-400a-43ff-baeb-4828c8f5cd3a" providerId="ADAL" clId="{0107A2AC-E230-6340-9D00-A45E25ACF2AC}" dt="2021-03-19T07:36:20.994" v="7686" actId="14100"/>
          <ac:spMkLst>
            <pc:docMk/>
            <pc:sldMk cId="3542632118" sldId="360"/>
            <ac:spMk id="16" creationId="{FF98580D-1B93-0045-8C16-B0D74B7D2895}"/>
          </ac:spMkLst>
        </pc:spChg>
        <pc:spChg chg="add mod">
          <ac:chgData name="Daly Donnacha HSLU I" userId="0f22e960-400a-43ff-baeb-4828c8f5cd3a" providerId="ADAL" clId="{0107A2AC-E230-6340-9D00-A45E25ACF2AC}" dt="2021-03-19T12:09:00.189" v="13076" actId="113"/>
          <ac:spMkLst>
            <pc:docMk/>
            <pc:sldMk cId="3542632118" sldId="360"/>
            <ac:spMk id="17" creationId="{B75D3CC8-A57B-0D42-B81A-26CA802024CA}"/>
          </ac:spMkLst>
        </pc:spChg>
        <pc:spChg chg="add mod">
          <ac:chgData name="Daly Donnacha HSLU I" userId="0f22e960-400a-43ff-baeb-4828c8f5cd3a" providerId="ADAL" clId="{0107A2AC-E230-6340-9D00-A45E25ACF2AC}" dt="2021-03-19T12:12:40.775" v="13098" actId="1076"/>
          <ac:spMkLst>
            <pc:docMk/>
            <pc:sldMk cId="3542632118" sldId="360"/>
            <ac:spMk id="18" creationId="{F128E7E7-8F90-8D49-9FA5-2D44BC24DBD6}"/>
          </ac:spMkLst>
        </pc:spChg>
        <pc:spChg chg="add mod">
          <ac:chgData name="Daly Donnacha HSLU I" userId="0f22e960-400a-43ff-baeb-4828c8f5cd3a" providerId="ADAL" clId="{0107A2AC-E230-6340-9D00-A45E25ACF2AC}" dt="2021-03-19T07:05:08.928" v="7036"/>
          <ac:spMkLst>
            <pc:docMk/>
            <pc:sldMk cId="3542632118" sldId="360"/>
            <ac:spMk id="20" creationId="{F11DF78B-4FA8-B14E-88E5-2A25B4804A38}"/>
          </ac:spMkLst>
        </pc:spChg>
        <pc:spChg chg="add mod">
          <ac:chgData name="Daly Donnacha HSLU I" userId="0f22e960-400a-43ff-baeb-4828c8f5cd3a" providerId="ADAL" clId="{0107A2AC-E230-6340-9D00-A45E25ACF2AC}" dt="2021-03-19T07:05:08.928" v="7036"/>
          <ac:spMkLst>
            <pc:docMk/>
            <pc:sldMk cId="3542632118" sldId="360"/>
            <ac:spMk id="21" creationId="{644623DD-9C59-0D41-AB36-D52CB38F97B5}"/>
          </ac:spMkLst>
        </pc:spChg>
        <pc:spChg chg="add mod">
          <ac:chgData name="Daly Donnacha HSLU I" userId="0f22e960-400a-43ff-baeb-4828c8f5cd3a" providerId="ADAL" clId="{0107A2AC-E230-6340-9D00-A45E25ACF2AC}" dt="2021-03-19T07:05:08.928" v="7036"/>
          <ac:spMkLst>
            <pc:docMk/>
            <pc:sldMk cId="3542632118" sldId="360"/>
            <ac:spMk id="22" creationId="{39599BC4-B2AA-B44E-ACBC-BC4691D97375}"/>
          </ac:spMkLst>
        </pc:spChg>
        <pc:spChg chg="add del mod">
          <ac:chgData name="Daly Donnacha HSLU I" userId="0f22e960-400a-43ff-baeb-4828c8f5cd3a" providerId="ADAL" clId="{0107A2AC-E230-6340-9D00-A45E25ACF2AC}" dt="2021-03-19T07:06:29.169" v="7103" actId="478"/>
          <ac:spMkLst>
            <pc:docMk/>
            <pc:sldMk cId="3542632118" sldId="360"/>
            <ac:spMk id="23" creationId="{069733ED-532B-AE41-AB4C-8360E4F9A66A}"/>
          </ac:spMkLst>
        </pc:spChg>
        <pc:picChg chg="add del mod">
          <ac:chgData name="Daly Donnacha HSLU I" userId="0f22e960-400a-43ff-baeb-4828c8f5cd3a" providerId="ADAL" clId="{0107A2AC-E230-6340-9D00-A45E25ACF2AC}" dt="2021-03-19T05:55:05.776" v="5274" actId="21"/>
          <ac:picMkLst>
            <pc:docMk/>
            <pc:sldMk cId="3542632118" sldId="360"/>
            <ac:picMk id="6" creationId="{FABFD05A-8A61-6949-9827-B3D35C993C31}"/>
          </ac:picMkLst>
        </pc:picChg>
        <pc:picChg chg="add mod">
          <ac:chgData name="Daly Donnacha HSLU I" userId="0f22e960-400a-43ff-baeb-4828c8f5cd3a" providerId="ADAL" clId="{0107A2AC-E230-6340-9D00-A45E25ACF2AC}" dt="2021-03-19T07:05:08.928" v="7036"/>
          <ac:picMkLst>
            <pc:docMk/>
            <pc:sldMk cId="3542632118" sldId="360"/>
            <ac:picMk id="19" creationId="{A7CEE349-CC0E-1445-BA2A-911CC1A4B3F4}"/>
          </ac:picMkLst>
        </pc:picChg>
        <pc:cxnChg chg="add mod">
          <ac:chgData name="Daly Donnacha HSLU I" userId="0f22e960-400a-43ff-baeb-4828c8f5cd3a" providerId="ADAL" clId="{0107A2AC-E230-6340-9D00-A45E25ACF2AC}" dt="2021-03-19T07:22:06.953" v="7456" actId="208"/>
          <ac:cxnSpMkLst>
            <pc:docMk/>
            <pc:sldMk cId="3542632118" sldId="360"/>
            <ac:cxnSpMk id="4" creationId="{5C4BC930-14C7-0742-A9C0-B82A5DA6EAE1}"/>
          </ac:cxnSpMkLst>
        </pc:cxnChg>
        <pc:cxnChg chg="add del mod">
          <ac:chgData name="Daly Donnacha HSLU I" userId="0f22e960-400a-43ff-baeb-4828c8f5cd3a" providerId="ADAL" clId="{0107A2AC-E230-6340-9D00-A45E25ACF2AC}" dt="2021-03-19T06:46:59.078" v="6389" actId="21"/>
          <ac:cxnSpMkLst>
            <pc:docMk/>
            <pc:sldMk cId="3542632118" sldId="360"/>
            <ac:cxnSpMk id="11" creationId="{0A353BFC-D708-5140-93B0-9466C8CE6854}"/>
          </ac:cxnSpMkLst>
        </pc:cxnChg>
        <pc:cxnChg chg="add del mod">
          <ac:chgData name="Daly Donnacha HSLU I" userId="0f22e960-400a-43ff-baeb-4828c8f5cd3a" providerId="ADAL" clId="{0107A2AC-E230-6340-9D00-A45E25ACF2AC}" dt="2021-03-19T06:46:59.078" v="6389" actId="21"/>
          <ac:cxnSpMkLst>
            <pc:docMk/>
            <pc:sldMk cId="3542632118" sldId="360"/>
            <ac:cxnSpMk id="12" creationId="{4FEC07EF-984D-7140-8458-64FCB2587866}"/>
          </ac:cxnSpMkLst>
        </pc:cxnChg>
        <pc:cxnChg chg="add mod">
          <ac:chgData name="Daly Donnacha HSLU I" userId="0f22e960-400a-43ff-baeb-4828c8f5cd3a" providerId="ADAL" clId="{0107A2AC-E230-6340-9D00-A45E25ACF2AC}" dt="2021-03-19T07:36:44.309" v="7689" actId="14100"/>
          <ac:cxnSpMkLst>
            <pc:docMk/>
            <pc:sldMk cId="3542632118" sldId="360"/>
            <ac:cxnSpMk id="23" creationId="{BB8AE417-5DD1-DA42-949B-2B14D1801262}"/>
          </ac:cxnSpMkLst>
        </pc:cxnChg>
        <pc:cxnChg chg="add del mod">
          <ac:chgData name="Daly Donnacha HSLU I" userId="0f22e960-400a-43ff-baeb-4828c8f5cd3a" providerId="ADAL" clId="{0107A2AC-E230-6340-9D00-A45E25ACF2AC}" dt="2021-03-19T07:06:31.541" v="7104" actId="478"/>
          <ac:cxnSpMkLst>
            <pc:docMk/>
            <pc:sldMk cId="3542632118" sldId="360"/>
            <ac:cxnSpMk id="24" creationId="{A5C0189D-F504-844B-B3ED-B5D4120D5ABF}"/>
          </ac:cxnSpMkLst>
        </pc:cxnChg>
      </pc:sldChg>
      <pc:sldChg chg="addSp delSp modSp new mod">
        <pc:chgData name="Daly Donnacha HSLU I" userId="0f22e960-400a-43ff-baeb-4828c8f5cd3a" providerId="ADAL" clId="{0107A2AC-E230-6340-9D00-A45E25ACF2AC}" dt="2021-03-19T09:37:05.678" v="10300"/>
        <pc:sldMkLst>
          <pc:docMk/>
          <pc:sldMk cId="2307659357" sldId="361"/>
        </pc:sldMkLst>
        <pc:spChg chg="mod">
          <ac:chgData name="Daly Donnacha HSLU I" userId="0f22e960-400a-43ff-baeb-4828c8f5cd3a" providerId="ADAL" clId="{0107A2AC-E230-6340-9D00-A45E25ACF2AC}" dt="2021-03-19T07:34:00.344" v="7678" actId="20577"/>
          <ac:spMkLst>
            <pc:docMk/>
            <pc:sldMk cId="2307659357" sldId="361"/>
            <ac:spMk id="2" creationId="{FE9B46D1-DAF4-F64A-8B89-6A9F4A99D995}"/>
          </ac:spMkLst>
        </pc:spChg>
        <pc:spChg chg="add del mod">
          <ac:chgData name="Daly Donnacha HSLU I" userId="0f22e960-400a-43ff-baeb-4828c8f5cd3a" providerId="ADAL" clId="{0107A2AC-E230-6340-9D00-A45E25ACF2AC}" dt="2021-03-19T07:45:34.890" v="7894" actId="478"/>
          <ac:spMkLst>
            <pc:docMk/>
            <pc:sldMk cId="2307659357" sldId="361"/>
            <ac:spMk id="3" creationId="{ED64B402-BE40-8B43-AD14-5059E30B340F}"/>
          </ac:spMkLst>
        </pc:spChg>
        <pc:spChg chg="add del mod">
          <ac:chgData name="Daly Donnacha HSLU I" userId="0f22e960-400a-43ff-baeb-4828c8f5cd3a" providerId="ADAL" clId="{0107A2AC-E230-6340-9D00-A45E25ACF2AC}" dt="2021-03-19T07:42:49.899" v="7778" actId="478"/>
          <ac:spMkLst>
            <pc:docMk/>
            <pc:sldMk cId="2307659357" sldId="361"/>
            <ac:spMk id="4" creationId="{72C6C7A6-0A01-2741-9347-CBF741B6961E}"/>
          </ac:spMkLst>
        </pc:spChg>
        <pc:spChg chg="add del mod">
          <ac:chgData name="Daly Donnacha HSLU I" userId="0f22e960-400a-43ff-baeb-4828c8f5cd3a" providerId="ADAL" clId="{0107A2AC-E230-6340-9D00-A45E25ACF2AC}" dt="2021-03-19T07:45:38.175" v="7895" actId="478"/>
          <ac:spMkLst>
            <pc:docMk/>
            <pc:sldMk cId="2307659357" sldId="361"/>
            <ac:spMk id="5" creationId="{E203224E-0DE7-1041-8AF2-6ED645DA822F}"/>
          </ac:spMkLst>
        </pc:spChg>
        <pc:spChg chg="add del mod">
          <ac:chgData name="Daly Donnacha HSLU I" userId="0f22e960-400a-43ff-baeb-4828c8f5cd3a" providerId="ADAL" clId="{0107A2AC-E230-6340-9D00-A45E25ACF2AC}" dt="2021-03-19T07:53:21.689" v="8167" actId="478"/>
          <ac:spMkLst>
            <pc:docMk/>
            <pc:sldMk cId="2307659357" sldId="361"/>
            <ac:spMk id="7" creationId="{873A9191-1A49-164F-A255-5D9530B41978}"/>
          </ac:spMkLst>
        </pc:spChg>
        <pc:spChg chg="add del mod">
          <ac:chgData name="Daly Donnacha HSLU I" userId="0f22e960-400a-43ff-baeb-4828c8f5cd3a" providerId="ADAL" clId="{0107A2AC-E230-6340-9D00-A45E25ACF2AC}" dt="2021-03-19T07:53:18.717" v="8166" actId="478"/>
          <ac:spMkLst>
            <pc:docMk/>
            <pc:sldMk cId="2307659357" sldId="361"/>
            <ac:spMk id="8" creationId="{54FBB6C0-5381-C34D-88B2-83C5CB778C63}"/>
          </ac:spMkLst>
        </pc:spChg>
        <pc:spChg chg="add mod">
          <ac:chgData name="Daly Donnacha HSLU I" userId="0f22e960-400a-43ff-baeb-4828c8f5cd3a" providerId="ADAL" clId="{0107A2AC-E230-6340-9D00-A45E25ACF2AC}" dt="2021-03-19T07:47:07.255" v="7907" actId="113"/>
          <ac:spMkLst>
            <pc:docMk/>
            <pc:sldMk cId="2307659357" sldId="361"/>
            <ac:spMk id="9" creationId="{546D8A0A-666F-2F41-9014-1D41FFA1276C}"/>
          </ac:spMkLst>
        </pc:spChg>
        <pc:spChg chg="add mod">
          <ac:chgData name="Daly Donnacha HSLU I" userId="0f22e960-400a-43ff-baeb-4828c8f5cd3a" providerId="ADAL" clId="{0107A2AC-E230-6340-9D00-A45E25ACF2AC}" dt="2021-03-19T07:52:48.534" v="8159" actId="207"/>
          <ac:spMkLst>
            <pc:docMk/>
            <pc:sldMk cId="2307659357" sldId="361"/>
            <ac:spMk id="10" creationId="{EFD440FD-3E9F-5B4D-A945-3E41C6AECD92}"/>
          </ac:spMkLst>
        </pc:spChg>
        <pc:spChg chg="add del mod">
          <ac:chgData name="Daly Donnacha HSLU I" userId="0f22e960-400a-43ff-baeb-4828c8f5cd3a" providerId="ADAL" clId="{0107A2AC-E230-6340-9D00-A45E25ACF2AC}" dt="2021-03-19T07:47:23.178" v="7908" actId="478"/>
          <ac:spMkLst>
            <pc:docMk/>
            <pc:sldMk cId="2307659357" sldId="361"/>
            <ac:spMk id="11" creationId="{A113A9D7-1B41-DE49-9236-FA5B387EBDB7}"/>
          </ac:spMkLst>
        </pc:spChg>
        <pc:spChg chg="add mod">
          <ac:chgData name="Daly Donnacha HSLU I" userId="0f22e960-400a-43ff-baeb-4828c8f5cd3a" providerId="ADAL" clId="{0107A2AC-E230-6340-9D00-A45E25ACF2AC}" dt="2021-03-19T07:52:55.938" v="8164" actId="20577"/>
          <ac:spMkLst>
            <pc:docMk/>
            <pc:sldMk cId="2307659357" sldId="361"/>
            <ac:spMk id="12" creationId="{D57DDB9A-5BAE-2F41-A603-05E5FAA4C71D}"/>
          </ac:spMkLst>
        </pc:spChg>
        <pc:spChg chg="add mod">
          <ac:chgData name="Daly Donnacha HSLU I" userId="0f22e960-400a-43ff-baeb-4828c8f5cd3a" providerId="ADAL" clId="{0107A2AC-E230-6340-9D00-A45E25ACF2AC}" dt="2021-03-19T07:54:00.264" v="8188" actId="20577"/>
          <ac:spMkLst>
            <pc:docMk/>
            <pc:sldMk cId="2307659357" sldId="361"/>
            <ac:spMk id="14" creationId="{094F1D5A-8EED-BF4F-AA62-53E08972E5DA}"/>
          </ac:spMkLst>
        </pc:spChg>
        <pc:spChg chg="add mod">
          <ac:chgData name="Daly Donnacha HSLU I" userId="0f22e960-400a-43ff-baeb-4828c8f5cd3a" providerId="ADAL" clId="{0107A2AC-E230-6340-9D00-A45E25ACF2AC}" dt="2021-03-19T07:54:09.829" v="8191" actId="20577"/>
          <ac:spMkLst>
            <pc:docMk/>
            <pc:sldMk cId="2307659357" sldId="361"/>
            <ac:spMk id="15" creationId="{AFE6A617-7D12-C945-BBD9-6F62E6F26B37}"/>
          </ac:spMkLst>
        </pc:spChg>
        <pc:spChg chg="add mod">
          <ac:chgData name="Daly Donnacha HSLU I" userId="0f22e960-400a-43ff-baeb-4828c8f5cd3a" providerId="ADAL" clId="{0107A2AC-E230-6340-9D00-A45E25ACF2AC}" dt="2021-03-19T07:52:00.640" v="8154" actId="14100"/>
          <ac:spMkLst>
            <pc:docMk/>
            <pc:sldMk cId="2307659357" sldId="361"/>
            <ac:spMk id="16" creationId="{19A5588E-9321-6645-881A-1DEFEEEBC1F0}"/>
          </ac:spMkLst>
        </pc:spChg>
        <pc:spChg chg="add mod">
          <ac:chgData name="Daly Donnacha HSLU I" userId="0f22e960-400a-43ff-baeb-4828c8f5cd3a" providerId="ADAL" clId="{0107A2AC-E230-6340-9D00-A45E25ACF2AC}" dt="2021-03-19T07:51:54.652" v="8153" actId="1038"/>
          <ac:spMkLst>
            <pc:docMk/>
            <pc:sldMk cId="2307659357" sldId="361"/>
            <ac:spMk id="17" creationId="{EE4665CB-3537-3A45-8ADC-1D233473B309}"/>
          </ac:spMkLst>
        </pc:spChg>
        <pc:spChg chg="add mod">
          <ac:chgData name="Daly Donnacha HSLU I" userId="0f22e960-400a-43ff-baeb-4828c8f5cd3a" providerId="ADAL" clId="{0107A2AC-E230-6340-9D00-A45E25ACF2AC}" dt="2021-03-19T07:53:43.817" v="8186" actId="14100"/>
          <ac:spMkLst>
            <pc:docMk/>
            <pc:sldMk cId="2307659357" sldId="361"/>
            <ac:spMk id="18" creationId="{C1D9F7E5-3B78-1942-AC6E-A14CC4F9C4CA}"/>
          </ac:spMkLst>
        </pc:spChg>
        <pc:spChg chg="add mod">
          <ac:chgData name="Daly Donnacha HSLU I" userId="0f22e960-400a-43ff-baeb-4828c8f5cd3a" providerId="ADAL" clId="{0107A2AC-E230-6340-9D00-A45E25ACF2AC}" dt="2021-03-19T07:52:08.005" v="8156" actId="14100"/>
          <ac:spMkLst>
            <pc:docMk/>
            <pc:sldMk cId="2307659357" sldId="361"/>
            <ac:spMk id="21" creationId="{70BFAC8A-CD37-D844-8B1B-322BD893D621}"/>
          </ac:spMkLst>
        </pc:spChg>
        <pc:spChg chg="add mod">
          <ac:chgData name="Daly Donnacha HSLU I" userId="0f22e960-400a-43ff-baeb-4828c8f5cd3a" providerId="ADAL" clId="{0107A2AC-E230-6340-9D00-A45E25ACF2AC}" dt="2021-03-19T07:45:22.537" v="7893" actId="1076"/>
          <ac:spMkLst>
            <pc:docMk/>
            <pc:sldMk cId="2307659357" sldId="361"/>
            <ac:spMk id="22" creationId="{5C5FF6C7-90AB-6E4E-91C5-9C894373750A}"/>
          </ac:spMkLst>
        </pc:spChg>
        <pc:spChg chg="add mod">
          <ac:chgData name="Daly Donnacha HSLU I" userId="0f22e960-400a-43ff-baeb-4828c8f5cd3a" providerId="ADAL" clId="{0107A2AC-E230-6340-9D00-A45E25ACF2AC}" dt="2021-03-19T07:45:04.219" v="7890"/>
          <ac:spMkLst>
            <pc:docMk/>
            <pc:sldMk cId="2307659357" sldId="361"/>
            <ac:spMk id="34" creationId="{CE0C8602-843E-3F48-8AEC-263E54B7E993}"/>
          </ac:spMkLst>
        </pc:spChg>
        <pc:spChg chg="add mod">
          <ac:chgData name="Daly Donnacha HSLU I" userId="0f22e960-400a-43ff-baeb-4828c8f5cd3a" providerId="ADAL" clId="{0107A2AC-E230-6340-9D00-A45E25ACF2AC}" dt="2021-03-19T07:45:04.219" v="7890"/>
          <ac:spMkLst>
            <pc:docMk/>
            <pc:sldMk cId="2307659357" sldId="361"/>
            <ac:spMk id="36" creationId="{46CDADF3-7A38-2145-8F5E-68F357B25753}"/>
          </ac:spMkLst>
        </pc:spChg>
        <pc:spChg chg="add mod">
          <ac:chgData name="Daly Donnacha HSLU I" userId="0f22e960-400a-43ff-baeb-4828c8f5cd3a" providerId="ADAL" clId="{0107A2AC-E230-6340-9D00-A45E25ACF2AC}" dt="2021-03-19T07:45:04.219" v="7890"/>
          <ac:spMkLst>
            <pc:docMk/>
            <pc:sldMk cId="2307659357" sldId="361"/>
            <ac:spMk id="37" creationId="{3E89F584-13A2-6941-96A9-0AC0FFBACC41}"/>
          </ac:spMkLst>
        </pc:spChg>
        <pc:spChg chg="add mod">
          <ac:chgData name="Daly Donnacha HSLU I" userId="0f22e960-400a-43ff-baeb-4828c8f5cd3a" providerId="ADAL" clId="{0107A2AC-E230-6340-9D00-A45E25ACF2AC}" dt="2021-03-19T07:45:04.219" v="7890"/>
          <ac:spMkLst>
            <pc:docMk/>
            <pc:sldMk cId="2307659357" sldId="361"/>
            <ac:spMk id="38" creationId="{B11E77F6-49B5-CB43-A293-EE1FA2C21A8A}"/>
          </ac:spMkLst>
        </pc:spChg>
        <pc:spChg chg="add mod">
          <ac:chgData name="Daly Donnacha HSLU I" userId="0f22e960-400a-43ff-baeb-4828c8f5cd3a" providerId="ADAL" clId="{0107A2AC-E230-6340-9D00-A45E25ACF2AC}" dt="2021-03-19T07:45:04.219" v="7890"/>
          <ac:spMkLst>
            <pc:docMk/>
            <pc:sldMk cId="2307659357" sldId="361"/>
            <ac:spMk id="39" creationId="{702B30A3-6348-5348-B218-CF02EBDB6897}"/>
          </ac:spMkLst>
        </pc:spChg>
        <pc:spChg chg="add mod">
          <ac:chgData name="Daly Donnacha HSLU I" userId="0f22e960-400a-43ff-baeb-4828c8f5cd3a" providerId="ADAL" clId="{0107A2AC-E230-6340-9D00-A45E25ACF2AC}" dt="2021-03-19T07:45:04.219" v="7890"/>
          <ac:spMkLst>
            <pc:docMk/>
            <pc:sldMk cId="2307659357" sldId="361"/>
            <ac:spMk id="40" creationId="{234D5647-1745-CE42-A8D5-DBEA4FFC0AD6}"/>
          </ac:spMkLst>
        </pc:spChg>
        <pc:spChg chg="add mod">
          <ac:chgData name="Daly Donnacha HSLU I" userId="0f22e960-400a-43ff-baeb-4828c8f5cd3a" providerId="ADAL" clId="{0107A2AC-E230-6340-9D00-A45E25ACF2AC}" dt="2021-03-19T07:45:04.219" v="7890"/>
          <ac:spMkLst>
            <pc:docMk/>
            <pc:sldMk cId="2307659357" sldId="361"/>
            <ac:spMk id="41" creationId="{FB5F9AD6-CB0C-814C-BB7F-246B67C3C5B7}"/>
          </ac:spMkLst>
        </pc:spChg>
        <pc:spChg chg="add mod">
          <ac:chgData name="Daly Donnacha HSLU I" userId="0f22e960-400a-43ff-baeb-4828c8f5cd3a" providerId="ADAL" clId="{0107A2AC-E230-6340-9D00-A45E25ACF2AC}" dt="2021-03-19T07:45:04.219" v="7890"/>
          <ac:spMkLst>
            <pc:docMk/>
            <pc:sldMk cId="2307659357" sldId="361"/>
            <ac:spMk id="42" creationId="{90DEF242-01AC-A740-AAF1-00756FB817D3}"/>
          </ac:spMkLst>
        </pc:spChg>
        <pc:spChg chg="add mod">
          <ac:chgData name="Daly Donnacha HSLU I" userId="0f22e960-400a-43ff-baeb-4828c8f5cd3a" providerId="ADAL" clId="{0107A2AC-E230-6340-9D00-A45E25ACF2AC}" dt="2021-03-19T07:45:04.219" v="7890"/>
          <ac:spMkLst>
            <pc:docMk/>
            <pc:sldMk cId="2307659357" sldId="361"/>
            <ac:spMk id="43" creationId="{74C0CC23-B3AD-5F46-A13F-38B4E5558517}"/>
          </ac:spMkLst>
        </pc:spChg>
        <pc:spChg chg="add mod">
          <ac:chgData name="Daly Donnacha HSLU I" userId="0f22e960-400a-43ff-baeb-4828c8f5cd3a" providerId="ADAL" clId="{0107A2AC-E230-6340-9D00-A45E25ACF2AC}" dt="2021-03-19T07:45:04.219" v="7890"/>
          <ac:spMkLst>
            <pc:docMk/>
            <pc:sldMk cId="2307659357" sldId="361"/>
            <ac:spMk id="44" creationId="{9FA5F840-5920-4B41-8832-01B213FFD6A8}"/>
          </ac:spMkLst>
        </pc:spChg>
        <pc:spChg chg="add mod">
          <ac:chgData name="Daly Donnacha HSLU I" userId="0f22e960-400a-43ff-baeb-4828c8f5cd3a" providerId="ADAL" clId="{0107A2AC-E230-6340-9D00-A45E25ACF2AC}" dt="2021-03-19T07:45:04.219" v="7890"/>
          <ac:spMkLst>
            <pc:docMk/>
            <pc:sldMk cId="2307659357" sldId="361"/>
            <ac:spMk id="46" creationId="{A86996EC-8F35-1944-A95D-D9ABC0D3E939}"/>
          </ac:spMkLst>
        </pc:spChg>
        <pc:spChg chg="add mod">
          <ac:chgData name="Daly Donnacha HSLU I" userId="0f22e960-400a-43ff-baeb-4828c8f5cd3a" providerId="ADAL" clId="{0107A2AC-E230-6340-9D00-A45E25ACF2AC}" dt="2021-03-19T07:45:04.219" v="7890"/>
          <ac:spMkLst>
            <pc:docMk/>
            <pc:sldMk cId="2307659357" sldId="361"/>
            <ac:spMk id="47" creationId="{8BB7D3B4-6237-B342-A270-49DBD301E145}"/>
          </ac:spMkLst>
        </pc:spChg>
        <pc:spChg chg="add mod">
          <ac:chgData name="Daly Donnacha HSLU I" userId="0f22e960-400a-43ff-baeb-4828c8f5cd3a" providerId="ADAL" clId="{0107A2AC-E230-6340-9D00-A45E25ACF2AC}" dt="2021-03-19T07:45:04.219" v="7890"/>
          <ac:spMkLst>
            <pc:docMk/>
            <pc:sldMk cId="2307659357" sldId="361"/>
            <ac:spMk id="48" creationId="{15D03087-A8BB-DE44-9C11-60D377A161ED}"/>
          </ac:spMkLst>
        </pc:spChg>
        <pc:spChg chg="add mod">
          <ac:chgData name="Daly Donnacha HSLU I" userId="0f22e960-400a-43ff-baeb-4828c8f5cd3a" providerId="ADAL" clId="{0107A2AC-E230-6340-9D00-A45E25ACF2AC}" dt="2021-03-19T07:45:04.219" v="7890"/>
          <ac:spMkLst>
            <pc:docMk/>
            <pc:sldMk cId="2307659357" sldId="361"/>
            <ac:spMk id="49" creationId="{1C6020C3-0162-B545-9651-D751FF47CB9E}"/>
          </ac:spMkLst>
        </pc:spChg>
        <pc:spChg chg="add mod">
          <ac:chgData name="Daly Donnacha HSLU I" userId="0f22e960-400a-43ff-baeb-4828c8f5cd3a" providerId="ADAL" clId="{0107A2AC-E230-6340-9D00-A45E25ACF2AC}" dt="2021-03-19T07:45:04.219" v="7890"/>
          <ac:spMkLst>
            <pc:docMk/>
            <pc:sldMk cId="2307659357" sldId="361"/>
            <ac:spMk id="50" creationId="{B2370468-60BC-6E40-BAB5-86F5DF1E77F4}"/>
          </ac:spMkLst>
        </pc:spChg>
        <pc:spChg chg="add mod">
          <ac:chgData name="Daly Donnacha HSLU I" userId="0f22e960-400a-43ff-baeb-4828c8f5cd3a" providerId="ADAL" clId="{0107A2AC-E230-6340-9D00-A45E25ACF2AC}" dt="2021-03-19T07:45:04.219" v="7890"/>
          <ac:spMkLst>
            <pc:docMk/>
            <pc:sldMk cId="2307659357" sldId="361"/>
            <ac:spMk id="51" creationId="{BC6F606A-C125-1D4E-A5DD-0BD1448B97C4}"/>
          </ac:spMkLst>
        </pc:spChg>
        <pc:spChg chg="add mod">
          <ac:chgData name="Daly Donnacha HSLU I" userId="0f22e960-400a-43ff-baeb-4828c8f5cd3a" providerId="ADAL" clId="{0107A2AC-E230-6340-9D00-A45E25ACF2AC}" dt="2021-03-19T07:45:04.219" v="7890"/>
          <ac:spMkLst>
            <pc:docMk/>
            <pc:sldMk cId="2307659357" sldId="361"/>
            <ac:spMk id="52" creationId="{20774D91-880A-EB4C-895E-0DDB16214C84}"/>
          </ac:spMkLst>
        </pc:spChg>
        <pc:spChg chg="add mod">
          <ac:chgData name="Daly Donnacha HSLU I" userId="0f22e960-400a-43ff-baeb-4828c8f5cd3a" providerId="ADAL" clId="{0107A2AC-E230-6340-9D00-A45E25ACF2AC}" dt="2021-03-19T07:45:47.394" v="7897" actId="1076"/>
          <ac:spMkLst>
            <pc:docMk/>
            <pc:sldMk cId="2307659357" sldId="361"/>
            <ac:spMk id="53" creationId="{4C4DCFA3-5BCE-1041-A0A1-3C1C1687CC47}"/>
          </ac:spMkLst>
        </pc:spChg>
        <pc:spChg chg="add mod">
          <ac:chgData name="Daly Donnacha HSLU I" userId="0f22e960-400a-43ff-baeb-4828c8f5cd3a" providerId="ADAL" clId="{0107A2AC-E230-6340-9D00-A45E25ACF2AC}" dt="2021-03-19T07:53:25.846" v="8169" actId="167"/>
          <ac:spMkLst>
            <pc:docMk/>
            <pc:sldMk cId="2307659357" sldId="361"/>
            <ac:spMk id="61" creationId="{A17D1D19-8BA5-C54C-9601-7FA0480B5AC5}"/>
          </ac:spMkLst>
        </pc:spChg>
        <pc:spChg chg="add mod">
          <ac:chgData name="Daly Donnacha HSLU I" userId="0f22e960-400a-43ff-baeb-4828c8f5cd3a" providerId="ADAL" clId="{0107A2AC-E230-6340-9D00-A45E25ACF2AC}" dt="2021-03-19T07:53:25.846" v="8169" actId="167"/>
          <ac:spMkLst>
            <pc:docMk/>
            <pc:sldMk cId="2307659357" sldId="361"/>
            <ac:spMk id="62" creationId="{8CD602F5-1D9E-5B41-AEF4-9EE82B964E5F}"/>
          </ac:spMkLst>
        </pc:spChg>
        <pc:spChg chg="add mod">
          <ac:chgData name="Daly Donnacha HSLU I" userId="0f22e960-400a-43ff-baeb-4828c8f5cd3a" providerId="ADAL" clId="{0107A2AC-E230-6340-9D00-A45E25ACF2AC}" dt="2021-03-19T07:53:25.846" v="8169" actId="167"/>
          <ac:spMkLst>
            <pc:docMk/>
            <pc:sldMk cId="2307659357" sldId="361"/>
            <ac:spMk id="63" creationId="{4A6FDC82-B00C-A24D-8865-2C44A9C42EC7}"/>
          </ac:spMkLst>
        </pc:spChg>
        <pc:spChg chg="add del mod">
          <ac:chgData name="Daly Donnacha HSLU I" userId="0f22e960-400a-43ff-baeb-4828c8f5cd3a" providerId="ADAL" clId="{0107A2AC-E230-6340-9D00-A45E25ACF2AC}" dt="2021-03-19T09:37:05.678" v="10300"/>
          <ac:spMkLst>
            <pc:docMk/>
            <pc:sldMk cId="2307659357" sldId="361"/>
            <ac:spMk id="65" creationId="{F72E5BC9-297B-F846-8BAC-7697F3BD9ED3}"/>
          </ac:spMkLst>
        </pc:spChg>
        <pc:picChg chg="add del mod">
          <ac:chgData name="Daly Donnacha HSLU I" userId="0f22e960-400a-43ff-baeb-4828c8f5cd3a" providerId="ADAL" clId="{0107A2AC-E230-6340-9D00-A45E25ACF2AC}" dt="2021-03-19T07:53:15.209" v="8165" actId="478"/>
          <ac:picMkLst>
            <pc:docMk/>
            <pc:sldMk cId="2307659357" sldId="361"/>
            <ac:picMk id="6" creationId="{B0F5A43A-BC0F-6C4E-849A-DCEBF295FE9F}"/>
          </ac:picMkLst>
        </pc:picChg>
        <pc:picChg chg="add mod">
          <ac:chgData name="Daly Donnacha HSLU I" userId="0f22e960-400a-43ff-baeb-4828c8f5cd3a" providerId="ADAL" clId="{0107A2AC-E230-6340-9D00-A45E25ACF2AC}" dt="2021-03-18T19:56:11.932" v="2928"/>
          <ac:picMkLst>
            <pc:docMk/>
            <pc:sldMk cId="2307659357" sldId="361"/>
            <ac:picMk id="13" creationId="{0919D988-C68B-854E-BDE7-C2B0538E999A}"/>
          </ac:picMkLst>
        </pc:picChg>
        <pc:picChg chg="add mod">
          <ac:chgData name="Daly Donnacha HSLU I" userId="0f22e960-400a-43ff-baeb-4828c8f5cd3a" providerId="ADAL" clId="{0107A2AC-E230-6340-9D00-A45E25ACF2AC}" dt="2021-03-19T07:53:25.846" v="8169" actId="167"/>
          <ac:picMkLst>
            <pc:docMk/>
            <pc:sldMk cId="2307659357" sldId="361"/>
            <ac:picMk id="60" creationId="{64DA642F-51CD-1E46-B224-ABB731933EB0}"/>
          </ac:picMkLst>
        </pc:picChg>
        <pc:cxnChg chg="add mod">
          <ac:chgData name="Daly Donnacha HSLU I" userId="0f22e960-400a-43ff-baeb-4828c8f5cd3a" providerId="ADAL" clId="{0107A2AC-E230-6340-9D00-A45E25ACF2AC}" dt="2021-03-19T07:53:43.817" v="8186" actId="14100"/>
          <ac:cxnSpMkLst>
            <pc:docMk/>
            <pc:sldMk cId="2307659357" sldId="361"/>
            <ac:cxnSpMk id="19" creationId="{567BE523-CD8C-0B45-BC95-4167B45BC953}"/>
          </ac:cxnSpMkLst>
        </pc:cxnChg>
        <pc:cxnChg chg="add mod">
          <ac:chgData name="Daly Donnacha HSLU I" userId="0f22e960-400a-43ff-baeb-4828c8f5cd3a" providerId="ADAL" clId="{0107A2AC-E230-6340-9D00-A45E25ACF2AC}" dt="2021-03-19T07:53:48.744" v="8187" actId="14100"/>
          <ac:cxnSpMkLst>
            <pc:docMk/>
            <pc:sldMk cId="2307659357" sldId="361"/>
            <ac:cxnSpMk id="20" creationId="{22FDF003-C9B9-0744-9DA5-60EA367A81FA}"/>
          </ac:cxnSpMkLst>
        </pc:cxnChg>
        <pc:cxnChg chg="add mod">
          <ac:chgData name="Daly Donnacha HSLU I" userId="0f22e960-400a-43ff-baeb-4828c8f5cd3a" providerId="ADAL" clId="{0107A2AC-E230-6340-9D00-A45E25ACF2AC}" dt="2021-03-19T07:45:04.219" v="7890"/>
          <ac:cxnSpMkLst>
            <pc:docMk/>
            <pc:sldMk cId="2307659357" sldId="361"/>
            <ac:cxnSpMk id="23" creationId="{E627C3FA-0130-9B40-8A47-EC43EDFFD1AC}"/>
          </ac:cxnSpMkLst>
        </pc:cxnChg>
        <pc:cxnChg chg="add mod">
          <ac:chgData name="Daly Donnacha HSLU I" userId="0f22e960-400a-43ff-baeb-4828c8f5cd3a" providerId="ADAL" clId="{0107A2AC-E230-6340-9D00-A45E25ACF2AC}" dt="2021-03-19T07:45:04.219" v="7890"/>
          <ac:cxnSpMkLst>
            <pc:docMk/>
            <pc:sldMk cId="2307659357" sldId="361"/>
            <ac:cxnSpMk id="24" creationId="{2A178F7B-2742-8F42-9423-380BC77B2E51}"/>
          </ac:cxnSpMkLst>
        </pc:cxnChg>
        <pc:cxnChg chg="add mod">
          <ac:chgData name="Daly Donnacha HSLU I" userId="0f22e960-400a-43ff-baeb-4828c8f5cd3a" providerId="ADAL" clId="{0107A2AC-E230-6340-9D00-A45E25ACF2AC}" dt="2021-03-19T07:45:04.219" v="7890"/>
          <ac:cxnSpMkLst>
            <pc:docMk/>
            <pc:sldMk cId="2307659357" sldId="361"/>
            <ac:cxnSpMk id="25" creationId="{1AA4C591-B64F-8E49-90DD-4B19445BD698}"/>
          </ac:cxnSpMkLst>
        </pc:cxnChg>
        <pc:cxnChg chg="add mod">
          <ac:chgData name="Daly Donnacha HSLU I" userId="0f22e960-400a-43ff-baeb-4828c8f5cd3a" providerId="ADAL" clId="{0107A2AC-E230-6340-9D00-A45E25ACF2AC}" dt="2021-03-19T07:45:04.219" v="7890"/>
          <ac:cxnSpMkLst>
            <pc:docMk/>
            <pc:sldMk cId="2307659357" sldId="361"/>
            <ac:cxnSpMk id="26" creationId="{DB1B6DC5-6CA5-AF41-8DC7-B9B484FBA106}"/>
          </ac:cxnSpMkLst>
        </pc:cxnChg>
        <pc:cxnChg chg="add mod">
          <ac:chgData name="Daly Donnacha HSLU I" userId="0f22e960-400a-43ff-baeb-4828c8f5cd3a" providerId="ADAL" clId="{0107A2AC-E230-6340-9D00-A45E25ACF2AC}" dt="2021-03-19T07:45:04.219" v="7890"/>
          <ac:cxnSpMkLst>
            <pc:docMk/>
            <pc:sldMk cId="2307659357" sldId="361"/>
            <ac:cxnSpMk id="27" creationId="{87453737-91AE-8148-8EEF-775FCCFE01C8}"/>
          </ac:cxnSpMkLst>
        </pc:cxnChg>
        <pc:cxnChg chg="add mod">
          <ac:chgData name="Daly Donnacha HSLU I" userId="0f22e960-400a-43ff-baeb-4828c8f5cd3a" providerId="ADAL" clId="{0107A2AC-E230-6340-9D00-A45E25ACF2AC}" dt="2021-03-19T07:45:04.219" v="7890"/>
          <ac:cxnSpMkLst>
            <pc:docMk/>
            <pc:sldMk cId="2307659357" sldId="361"/>
            <ac:cxnSpMk id="28" creationId="{BF0E0FD6-C779-924E-A0AA-7584B777C486}"/>
          </ac:cxnSpMkLst>
        </pc:cxnChg>
        <pc:cxnChg chg="add mod">
          <ac:chgData name="Daly Donnacha HSLU I" userId="0f22e960-400a-43ff-baeb-4828c8f5cd3a" providerId="ADAL" clId="{0107A2AC-E230-6340-9D00-A45E25ACF2AC}" dt="2021-03-19T07:45:04.219" v="7890"/>
          <ac:cxnSpMkLst>
            <pc:docMk/>
            <pc:sldMk cId="2307659357" sldId="361"/>
            <ac:cxnSpMk id="29" creationId="{38F0D779-2006-A74C-80F1-494384D9552A}"/>
          </ac:cxnSpMkLst>
        </pc:cxnChg>
        <pc:cxnChg chg="add mod">
          <ac:chgData name="Daly Donnacha HSLU I" userId="0f22e960-400a-43ff-baeb-4828c8f5cd3a" providerId="ADAL" clId="{0107A2AC-E230-6340-9D00-A45E25ACF2AC}" dt="2021-03-19T07:45:04.219" v="7890"/>
          <ac:cxnSpMkLst>
            <pc:docMk/>
            <pc:sldMk cId="2307659357" sldId="361"/>
            <ac:cxnSpMk id="30" creationId="{D45311CE-43F6-D94C-A65E-3869DECC1139}"/>
          </ac:cxnSpMkLst>
        </pc:cxnChg>
        <pc:cxnChg chg="add mod">
          <ac:chgData name="Daly Donnacha HSLU I" userId="0f22e960-400a-43ff-baeb-4828c8f5cd3a" providerId="ADAL" clId="{0107A2AC-E230-6340-9D00-A45E25ACF2AC}" dt="2021-03-19T07:45:04.219" v="7890"/>
          <ac:cxnSpMkLst>
            <pc:docMk/>
            <pc:sldMk cId="2307659357" sldId="361"/>
            <ac:cxnSpMk id="31" creationId="{0850469A-5919-2C41-BE9D-ABCBE5CEC4F6}"/>
          </ac:cxnSpMkLst>
        </pc:cxnChg>
        <pc:cxnChg chg="add mod">
          <ac:chgData name="Daly Donnacha HSLU I" userId="0f22e960-400a-43ff-baeb-4828c8f5cd3a" providerId="ADAL" clId="{0107A2AC-E230-6340-9D00-A45E25ACF2AC}" dt="2021-03-19T07:45:04.219" v="7890"/>
          <ac:cxnSpMkLst>
            <pc:docMk/>
            <pc:sldMk cId="2307659357" sldId="361"/>
            <ac:cxnSpMk id="32" creationId="{5C6E651C-9123-D64D-8740-C57023DD0580}"/>
          </ac:cxnSpMkLst>
        </pc:cxnChg>
        <pc:cxnChg chg="add mod">
          <ac:chgData name="Daly Donnacha HSLU I" userId="0f22e960-400a-43ff-baeb-4828c8f5cd3a" providerId="ADAL" clId="{0107A2AC-E230-6340-9D00-A45E25ACF2AC}" dt="2021-03-19T07:45:04.219" v="7890"/>
          <ac:cxnSpMkLst>
            <pc:docMk/>
            <pc:sldMk cId="2307659357" sldId="361"/>
            <ac:cxnSpMk id="33" creationId="{C7EA7750-20F6-6B41-B788-D266BEA054B7}"/>
          </ac:cxnSpMkLst>
        </pc:cxnChg>
        <pc:cxnChg chg="add mod">
          <ac:chgData name="Daly Donnacha HSLU I" userId="0f22e960-400a-43ff-baeb-4828c8f5cd3a" providerId="ADAL" clId="{0107A2AC-E230-6340-9D00-A45E25ACF2AC}" dt="2021-03-19T07:45:04.219" v="7890"/>
          <ac:cxnSpMkLst>
            <pc:docMk/>
            <pc:sldMk cId="2307659357" sldId="361"/>
            <ac:cxnSpMk id="35" creationId="{9E90153B-3C36-0C4F-B4B8-0D81A817D28F}"/>
          </ac:cxnSpMkLst>
        </pc:cxnChg>
        <pc:cxnChg chg="add mod">
          <ac:chgData name="Daly Donnacha HSLU I" userId="0f22e960-400a-43ff-baeb-4828c8f5cd3a" providerId="ADAL" clId="{0107A2AC-E230-6340-9D00-A45E25ACF2AC}" dt="2021-03-19T07:45:04.219" v="7890"/>
          <ac:cxnSpMkLst>
            <pc:docMk/>
            <pc:sldMk cId="2307659357" sldId="361"/>
            <ac:cxnSpMk id="45" creationId="{2A95FA8E-5D55-B348-92F1-6C76A27FF6FD}"/>
          </ac:cxnSpMkLst>
        </pc:cxnChg>
        <pc:cxnChg chg="add mod">
          <ac:chgData name="Daly Donnacha HSLU I" userId="0f22e960-400a-43ff-baeb-4828c8f5cd3a" providerId="ADAL" clId="{0107A2AC-E230-6340-9D00-A45E25ACF2AC}" dt="2021-03-19T07:46:24.135" v="7900" actId="14100"/>
          <ac:cxnSpMkLst>
            <pc:docMk/>
            <pc:sldMk cId="2307659357" sldId="361"/>
            <ac:cxnSpMk id="54" creationId="{7B4FC8CF-454A-8C4A-B8DE-C934118BA4D4}"/>
          </ac:cxnSpMkLst>
        </pc:cxnChg>
        <pc:cxnChg chg="add mod">
          <ac:chgData name="Daly Donnacha HSLU I" userId="0f22e960-400a-43ff-baeb-4828c8f5cd3a" providerId="ADAL" clId="{0107A2AC-E230-6340-9D00-A45E25ACF2AC}" dt="2021-03-19T07:46:59.173" v="7906" actId="14100"/>
          <ac:cxnSpMkLst>
            <pc:docMk/>
            <pc:sldMk cId="2307659357" sldId="361"/>
            <ac:cxnSpMk id="57" creationId="{08297F21-D6BC-5945-88B9-947CD615F6BD}"/>
          </ac:cxnSpMkLst>
        </pc:cxnChg>
      </pc:sldChg>
      <pc:sldChg chg="addSp delSp modSp new mod">
        <pc:chgData name="Daly Donnacha HSLU I" userId="0f22e960-400a-43ff-baeb-4828c8f5cd3a" providerId="ADAL" clId="{0107A2AC-E230-6340-9D00-A45E25ACF2AC}" dt="2021-03-19T08:18:54.961" v="8233" actId="1036"/>
        <pc:sldMkLst>
          <pc:docMk/>
          <pc:sldMk cId="2970827735" sldId="362"/>
        </pc:sldMkLst>
        <pc:spChg chg="mod">
          <ac:chgData name="Daly Donnacha HSLU I" userId="0f22e960-400a-43ff-baeb-4828c8f5cd3a" providerId="ADAL" clId="{0107A2AC-E230-6340-9D00-A45E25ACF2AC}" dt="2021-03-19T08:18:44.004" v="8229" actId="20577"/>
          <ac:spMkLst>
            <pc:docMk/>
            <pc:sldMk cId="2970827735" sldId="362"/>
            <ac:spMk id="2" creationId="{AE7316F6-E4D0-EF43-BD1C-80A42B381B06}"/>
          </ac:spMkLst>
        </pc:spChg>
        <pc:spChg chg="add del mod">
          <ac:chgData name="Daly Donnacha HSLU I" userId="0f22e960-400a-43ff-baeb-4828c8f5cd3a" providerId="ADAL" clId="{0107A2AC-E230-6340-9D00-A45E25ACF2AC}" dt="2021-03-19T08:18:49.877" v="8230" actId="478"/>
          <ac:spMkLst>
            <pc:docMk/>
            <pc:sldMk cId="2970827735" sldId="362"/>
            <ac:spMk id="13" creationId="{818262B1-3655-6A4E-8B4D-F12C16AC19C9}"/>
          </ac:spMkLst>
        </pc:spChg>
        <pc:spChg chg="add mod">
          <ac:chgData name="Daly Donnacha HSLU I" userId="0f22e960-400a-43ff-baeb-4828c8f5cd3a" providerId="ADAL" clId="{0107A2AC-E230-6340-9D00-A45E25ACF2AC}" dt="2021-03-18T19:56:51.254" v="2929"/>
          <ac:spMkLst>
            <pc:docMk/>
            <pc:sldMk cId="2970827735" sldId="362"/>
            <ac:spMk id="14" creationId="{412A8082-7766-C547-AD9A-8D710B645B42}"/>
          </ac:spMkLst>
        </pc:spChg>
        <pc:picChg chg="add mod">
          <ac:chgData name="Daly Donnacha HSLU I" userId="0f22e960-400a-43ff-baeb-4828c8f5cd3a" providerId="ADAL" clId="{0107A2AC-E230-6340-9D00-A45E25ACF2AC}" dt="2021-03-19T08:18:54.961" v="8233" actId="1036"/>
          <ac:picMkLst>
            <pc:docMk/>
            <pc:sldMk cId="2970827735" sldId="362"/>
            <ac:picMk id="3" creationId="{A6209283-580F-214C-8876-D8BDD21EB136}"/>
          </ac:picMkLst>
        </pc:picChg>
        <pc:picChg chg="add mod">
          <ac:chgData name="Daly Donnacha HSLU I" userId="0f22e960-400a-43ff-baeb-4828c8f5cd3a" providerId="ADAL" clId="{0107A2AC-E230-6340-9D00-A45E25ACF2AC}" dt="2021-03-19T08:18:54.961" v="8233" actId="1036"/>
          <ac:picMkLst>
            <pc:docMk/>
            <pc:sldMk cId="2970827735" sldId="362"/>
            <ac:picMk id="4" creationId="{57EC7C98-9C66-A04D-A6B9-95EDC9E4B0FD}"/>
          </ac:picMkLst>
        </pc:picChg>
        <pc:picChg chg="add mod">
          <ac:chgData name="Daly Donnacha HSLU I" userId="0f22e960-400a-43ff-baeb-4828c8f5cd3a" providerId="ADAL" clId="{0107A2AC-E230-6340-9D00-A45E25ACF2AC}" dt="2021-03-19T08:18:54.961" v="8233" actId="1036"/>
          <ac:picMkLst>
            <pc:docMk/>
            <pc:sldMk cId="2970827735" sldId="362"/>
            <ac:picMk id="5" creationId="{8DE753B8-3935-C141-9987-DCF9201634CB}"/>
          </ac:picMkLst>
        </pc:picChg>
        <pc:picChg chg="add mod">
          <ac:chgData name="Daly Donnacha HSLU I" userId="0f22e960-400a-43ff-baeb-4828c8f5cd3a" providerId="ADAL" clId="{0107A2AC-E230-6340-9D00-A45E25ACF2AC}" dt="2021-03-19T08:18:54.961" v="8233" actId="1036"/>
          <ac:picMkLst>
            <pc:docMk/>
            <pc:sldMk cId="2970827735" sldId="362"/>
            <ac:picMk id="6" creationId="{FBCD025E-D630-F544-8CC5-154B4F49FA4E}"/>
          </ac:picMkLst>
        </pc:picChg>
        <pc:picChg chg="add mod">
          <ac:chgData name="Daly Donnacha HSLU I" userId="0f22e960-400a-43ff-baeb-4828c8f5cd3a" providerId="ADAL" clId="{0107A2AC-E230-6340-9D00-A45E25ACF2AC}" dt="2021-03-19T08:18:54.961" v="8233" actId="1036"/>
          <ac:picMkLst>
            <pc:docMk/>
            <pc:sldMk cId="2970827735" sldId="362"/>
            <ac:picMk id="7" creationId="{BA10697C-8493-9441-A12C-F9778A2CFCAA}"/>
          </ac:picMkLst>
        </pc:picChg>
        <pc:picChg chg="add mod">
          <ac:chgData name="Daly Donnacha HSLU I" userId="0f22e960-400a-43ff-baeb-4828c8f5cd3a" providerId="ADAL" clId="{0107A2AC-E230-6340-9D00-A45E25ACF2AC}" dt="2021-03-19T08:18:54.961" v="8233" actId="1036"/>
          <ac:picMkLst>
            <pc:docMk/>
            <pc:sldMk cId="2970827735" sldId="362"/>
            <ac:picMk id="8" creationId="{EC60AA60-E8C4-CD49-AE67-501A2A9281AC}"/>
          </ac:picMkLst>
        </pc:picChg>
        <pc:picChg chg="add mod">
          <ac:chgData name="Daly Donnacha HSLU I" userId="0f22e960-400a-43ff-baeb-4828c8f5cd3a" providerId="ADAL" clId="{0107A2AC-E230-6340-9D00-A45E25ACF2AC}" dt="2021-03-19T08:18:54.961" v="8233" actId="1036"/>
          <ac:picMkLst>
            <pc:docMk/>
            <pc:sldMk cId="2970827735" sldId="362"/>
            <ac:picMk id="9" creationId="{60156B30-3882-D247-B345-B86E6FA26EAF}"/>
          </ac:picMkLst>
        </pc:picChg>
        <pc:picChg chg="add mod">
          <ac:chgData name="Daly Donnacha HSLU I" userId="0f22e960-400a-43ff-baeb-4828c8f5cd3a" providerId="ADAL" clId="{0107A2AC-E230-6340-9D00-A45E25ACF2AC}" dt="2021-03-19T08:18:54.961" v="8233" actId="1036"/>
          <ac:picMkLst>
            <pc:docMk/>
            <pc:sldMk cId="2970827735" sldId="362"/>
            <ac:picMk id="10" creationId="{DBC2365E-37A4-204C-AF80-8909E4491E33}"/>
          </ac:picMkLst>
        </pc:picChg>
        <pc:picChg chg="add mod">
          <ac:chgData name="Daly Donnacha HSLU I" userId="0f22e960-400a-43ff-baeb-4828c8f5cd3a" providerId="ADAL" clId="{0107A2AC-E230-6340-9D00-A45E25ACF2AC}" dt="2021-03-19T08:18:54.961" v="8233" actId="1036"/>
          <ac:picMkLst>
            <pc:docMk/>
            <pc:sldMk cId="2970827735" sldId="362"/>
            <ac:picMk id="11" creationId="{2B0B5708-93F4-A844-AD9C-4F96499435BC}"/>
          </ac:picMkLst>
        </pc:picChg>
        <pc:picChg chg="add mod">
          <ac:chgData name="Daly Donnacha HSLU I" userId="0f22e960-400a-43ff-baeb-4828c8f5cd3a" providerId="ADAL" clId="{0107A2AC-E230-6340-9D00-A45E25ACF2AC}" dt="2021-03-19T08:18:54.961" v="8233" actId="1036"/>
          <ac:picMkLst>
            <pc:docMk/>
            <pc:sldMk cId="2970827735" sldId="362"/>
            <ac:picMk id="12" creationId="{E4ED2AC1-908C-C840-882F-098A9A7E480E}"/>
          </ac:picMkLst>
        </pc:picChg>
      </pc:sldChg>
      <pc:sldChg chg="addSp delSp modSp new del mod">
        <pc:chgData name="Daly Donnacha HSLU I" userId="0f22e960-400a-43ff-baeb-4828c8f5cd3a" providerId="ADAL" clId="{0107A2AC-E230-6340-9D00-A45E25ACF2AC}" dt="2021-03-19T09:48:09.801" v="10629" actId="2696"/>
        <pc:sldMkLst>
          <pc:docMk/>
          <pc:sldMk cId="1558861827" sldId="363"/>
        </pc:sldMkLst>
        <pc:spChg chg="add del mod">
          <ac:chgData name="Daly Donnacha HSLU I" userId="0f22e960-400a-43ff-baeb-4828c8f5cd3a" providerId="ADAL" clId="{0107A2AC-E230-6340-9D00-A45E25ACF2AC}" dt="2021-03-19T09:22:05.143" v="10008" actId="478"/>
          <ac:spMkLst>
            <pc:docMk/>
            <pc:sldMk cId="1558861827" sldId="363"/>
            <ac:spMk id="3" creationId="{B931A626-BB2A-6846-93C1-C8335EBBA472}"/>
          </ac:spMkLst>
        </pc:spChg>
        <pc:spChg chg="add mod">
          <ac:chgData name="Daly Donnacha HSLU I" userId="0f22e960-400a-43ff-baeb-4828c8f5cd3a" providerId="ADAL" clId="{0107A2AC-E230-6340-9D00-A45E25ACF2AC}" dt="2021-03-18T19:57:19.999" v="2930"/>
          <ac:spMkLst>
            <pc:docMk/>
            <pc:sldMk cId="1558861827" sldId="363"/>
            <ac:spMk id="4" creationId="{88E8B1EB-F706-B747-9D69-03B24E8E8D01}"/>
          </ac:spMkLst>
        </pc:spChg>
        <pc:spChg chg="add mod">
          <ac:chgData name="Daly Donnacha HSLU I" userId="0f22e960-400a-43ff-baeb-4828c8f5cd3a" providerId="ADAL" clId="{0107A2AC-E230-6340-9D00-A45E25ACF2AC}" dt="2021-03-18T19:57:19.999" v="2930"/>
          <ac:spMkLst>
            <pc:docMk/>
            <pc:sldMk cId="1558861827" sldId="363"/>
            <ac:spMk id="5" creationId="{79188680-A39F-DE49-BBD5-12EBCD080447}"/>
          </ac:spMkLst>
        </pc:spChg>
        <pc:spChg chg="add del mod">
          <ac:chgData name="Daly Donnacha HSLU I" userId="0f22e960-400a-43ff-baeb-4828c8f5cd3a" providerId="ADAL" clId="{0107A2AC-E230-6340-9D00-A45E25ACF2AC}" dt="2021-03-19T09:22:05.143" v="10008" actId="478"/>
          <ac:spMkLst>
            <pc:docMk/>
            <pc:sldMk cId="1558861827" sldId="363"/>
            <ac:spMk id="17" creationId="{74D8CBBB-CC32-604C-BE25-80C01F074041}"/>
          </ac:spMkLst>
        </pc:spChg>
        <pc:spChg chg="add del mod">
          <ac:chgData name="Daly Donnacha HSLU I" userId="0f22e960-400a-43ff-baeb-4828c8f5cd3a" providerId="ADAL" clId="{0107A2AC-E230-6340-9D00-A45E25ACF2AC}" dt="2021-03-19T09:22:05.143" v="10008" actId="478"/>
          <ac:spMkLst>
            <pc:docMk/>
            <pc:sldMk cId="1558861827" sldId="363"/>
            <ac:spMk id="19" creationId="{66E56F47-1837-EF41-AB40-102E4033A0B7}"/>
          </ac:spMkLst>
        </pc:spChg>
        <pc:spChg chg="add del mod">
          <ac:chgData name="Daly Donnacha HSLU I" userId="0f22e960-400a-43ff-baeb-4828c8f5cd3a" providerId="ADAL" clId="{0107A2AC-E230-6340-9D00-A45E25ACF2AC}" dt="2021-03-19T09:22:05.143" v="10008" actId="478"/>
          <ac:spMkLst>
            <pc:docMk/>
            <pc:sldMk cId="1558861827" sldId="363"/>
            <ac:spMk id="20" creationId="{D6758EB6-7DC5-9F4F-8B1F-0F7DDFAE3BED}"/>
          </ac:spMkLst>
        </pc:spChg>
        <pc:spChg chg="add del mod">
          <ac:chgData name="Daly Donnacha HSLU I" userId="0f22e960-400a-43ff-baeb-4828c8f5cd3a" providerId="ADAL" clId="{0107A2AC-E230-6340-9D00-A45E25ACF2AC}" dt="2021-03-19T09:22:05.143" v="10008" actId="478"/>
          <ac:spMkLst>
            <pc:docMk/>
            <pc:sldMk cId="1558861827" sldId="363"/>
            <ac:spMk id="21" creationId="{4FA1DF0F-AC8C-AB47-9F60-88313F255781}"/>
          </ac:spMkLst>
        </pc:spChg>
        <pc:spChg chg="add del mod">
          <ac:chgData name="Daly Donnacha HSLU I" userId="0f22e960-400a-43ff-baeb-4828c8f5cd3a" providerId="ADAL" clId="{0107A2AC-E230-6340-9D00-A45E25ACF2AC}" dt="2021-03-19T09:22:05.143" v="10008" actId="478"/>
          <ac:spMkLst>
            <pc:docMk/>
            <pc:sldMk cId="1558861827" sldId="363"/>
            <ac:spMk id="22" creationId="{5C48A5B0-F15F-2247-90E8-ADE8FC7C6185}"/>
          </ac:spMkLst>
        </pc:spChg>
        <pc:spChg chg="add del mod">
          <ac:chgData name="Daly Donnacha HSLU I" userId="0f22e960-400a-43ff-baeb-4828c8f5cd3a" providerId="ADAL" clId="{0107A2AC-E230-6340-9D00-A45E25ACF2AC}" dt="2021-03-19T09:22:05.143" v="10008" actId="478"/>
          <ac:spMkLst>
            <pc:docMk/>
            <pc:sldMk cId="1558861827" sldId="363"/>
            <ac:spMk id="23" creationId="{48D9CD80-554C-CD4C-9D78-AAAE6C7A32C2}"/>
          </ac:spMkLst>
        </pc:spChg>
        <pc:spChg chg="add del mod">
          <ac:chgData name="Daly Donnacha HSLU I" userId="0f22e960-400a-43ff-baeb-4828c8f5cd3a" providerId="ADAL" clId="{0107A2AC-E230-6340-9D00-A45E25ACF2AC}" dt="2021-03-19T09:22:05.143" v="10008" actId="478"/>
          <ac:spMkLst>
            <pc:docMk/>
            <pc:sldMk cId="1558861827" sldId="363"/>
            <ac:spMk id="24" creationId="{542B9841-C399-9F46-B832-D96921F76376}"/>
          </ac:spMkLst>
        </pc:spChg>
        <pc:spChg chg="add del mod">
          <ac:chgData name="Daly Donnacha HSLU I" userId="0f22e960-400a-43ff-baeb-4828c8f5cd3a" providerId="ADAL" clId="{0107A2AC-E230-6340-9D00-A45E25ACF2AC}" dt="2021-03-19T09:22:05.143" v="10008" actId="478"/>
          <ac:spMkLst>
            <pc:docMk/>
            <pc:sldMk cId="1558861827" sldId="363"/>
            <ac:spMk id="25" creationId="{49BC0E2F-1100-664E-AD22-1B039005A4A1}"/>
          </ac:spMkLst>
        </pc:spChg>
        <pc:spChg chg="add del mod">
          <ac:chgData name="Daly Donnacha HSLU I" userId="0f22e960-400a-43ff-baeb-4828c8f5cd3a" providerId="ADAL" clId="{0107A2AC-E230-6340-9D00-A45E25ACF2AC}" dt="2021-03-19T09:22:05.143" v="10008" actId="478"/>
          <ac:spMkLst>
            <pc:docMk/>
            <pc:sldMk cId="1558861827" sldId="363"/>
            <ac:spMk id="26" creationId="{D9748AD4-F6AA-C44F-9697-342C4F406A8C}"/>
          </ac:spMkLst>
        </pc:spChg>
        <pc:spChg chg="add del mod">
          <ac:chgData name="Daly Donnacha HSLU I" userId="0f22e960-400a-43ff-baeb-4828c8f5cd3a" providerId="ADAL" clId="{0107A2AC-E230-6340-9D00-A45E25ACF2AC}" dt="2021-03-19T09:22:05.143" v="10008" actId="478"/>
          <ac:spMkLst>
            <pc:docMk/>
            <pc:sldMk cId="1558861827" sldId="363"/>
            <ac:spMk id="27" creationId="{FA359373-8DE5-1D4D-BEA3-8929B51BDE0F}"/>
          </ac:spMkLst>
        </pc:spChg>
        <pc:spChg chg="add del mod">
          <ac:chgData name="Daly Donnacha HSLU I" userId="0f22e960-400a-43ff-baeb-4828c8f5cd3a" providerId="ADAL" clId="{0107A2AC-E230-6340-9D00-A45E25ACF2AC}" dt="2021-03-19T09:22:05.143" v="10008" actId="478"/>
          <ac:spMkLst>
            <pc:docMk/>
            <pc:sldMk cId="1558861827" sldId="363"/>
            <ac:spMk id="29" creationId="{2AB41B8B-FBFB-E14D-8EDA-908219F9B8BC}"/>
          </ac:spMkLst>
        </pc:spChg>
        <pc:spChg chg="add del mod">
          <ac:chgData name="Daly Donnacha HSLU I" userId="0f22e960-400a-43ff-baeb-4828c8f5cd3a" providerId="ADAL" clId="{0107A2AC-E230-6340-9D00-A45E25ACF2AC}" dt="2021-03-19T09:22:05.143" v="10008" actId="478"/>
          <ac:spMkLst>
            <pc:docMk/>
            <pc:sldMk cId="1558861827" sldId="363"/>
            <ac:spMk id="30" creationId="{7DBD1734-6BA2-2A4C-ACA3-D8813BC696C9}"/>
          </ac:spMkLst>
        </pc:spChg>
        <pc:spChg chg="add del mod">
          <ac:chgData name="Daly Donnacha HSLU I" userId="0f22e960-400a-43ff-baeb-4828c8f5cd3a" providerId="ADAL" clId="{0107A2AC-E230-6340-9D00-A45E25ACF2AC}" dt="2021-03-19T09:22:05.143" v="10008" actId="478"/>
          <ac:spMkLst>
            <pc:docMk/>
            <pc:sldMk cId="1558861827" sldId="363"/>
            <ac:spMk id="31" creationId="{626FA95B-04B9-3344-A627-4E06901C55A1}"/>
          </ac:spMkLst>
        </pc:spChg>
        <pc:spChg chg="add del mod">
          <ac:chgData name="Daly Donnacha HSLU I" userId="0f22e960-400a-43ff-baeb-4828c8f5cd3a" providerId="ADAL" clId="{0107A2AC-E230-6340-9D00-A45E25ACF2AC}" dt="2021-03-19T09:22:05.143" v="10008" actId="478"/>
          <ac:spMkLst>
            <pc:docMk/>
            <pc:sldMk cId="1558861827" sldId="363"/>
            <ac:spMk id="32" creationId="{9F78DA18-0F24-7340-B52D-0CDB2053BBBC}"/>
          </ac:spMkLst>
        </pc:spChg>
        <pc:spChg chg="add del mod">
          <ac:chgData name="Daly Donnacha HSLU I" userId="0f22e960-400a-43ff-baeb-4828c8f5cd3a" providerId="ADAL" clId="{0107A2AC-E230-6340-9D00-A45E25ACF2AC}" dt="2021-03-19T09:22:05.143" v="10008" actId="478"/>
          <ac:spMkLst>
            <pc:docMk/>
            <pc:sldMk cId="1558861827" sldId="363"/>
            <ac:spMk id="33" creationId="{74496D9B-7298-AC44-B525-EAE5B7565B1D}"/>
          </ac:spMkLst>
        </pc:spChg>
        <pc:spChg chg="add del mod">
          <ac:chgData name="Daly Donnacha HSLU I" userId="0f22e960-400a-43ff-baeb-4828c8f5cd3a" providerId="ADAL" clId="{0107A2AC-E230-6340-9D00-A45E25ACF2AC}" dt="2021-03-19T09:22:05.143" v="10008" actId="478"/>
          <ac:spMkLst>
            <pc:docMk/>
            <pc:sldMk cId="1558861827" sldId="363"/>
            <ac:spMk id="34" creationId="{3F2DC536-D694-1940-B1E1-26F0C64B4B83}"/>
          </ac:spMkLst>
        </pc:spChg>
        <pc:spChg chg="add del mod">
          <ac:chgData name="Daly Donnacha HSLU I" userId="0f22e960-400a-43ff-baeb-4828c8f5cd3a" providerId="ADAL" clId="{0107A2AC-E230-6340-9D00-A45E25ACF2AC}" dt="2021-03-19T09:22:05.143" v="10008" actId="478"/>
          <ac:spMkLst>
            <pc:docMk/>
            <pc:sldMk cId="1558861827" sldId="363"/>
            <ac:spMk id="35" creationId="{B7AD5098-62E2-6A46-8600-25DD3F6530E1}"/>
          </ac:spMkLst>
        </pc:spChg>
        <pc:spChg chg="add del mod">
          <ac:chgData name="Daly Donnacha HSLU I" userId="0f22e960-400a-43ff-baeb-4828c8f5cd3a" providerId="ADAL" clId="{0107A2AC-E230-6340-9D00-A45E25ACF2AC}" dt="2021-03-19T09:22:05.143" v="10008" actId="478"/>
          <ac:spMkLst>
            <pc:docMk/>
            <pc:sldMk cId="1558861827" sldId="363"/>
            <ac:spMk id="44" creationId="{1A03F286-6345-9448-A901-42F2CE5EEDB0}"/>
          </ac:spMkLst>
        </pc:spChg>
        <pc:spChg chg="add del mod">
          <ac:chgData name="Daly Donnacha HSLU I" userId="0f22e960-400a-43ff-baeb-4828c8f5cd3a" providerId="ADAL" clId="{0107A2AC-E230-6340-9D00-A45E25ACF2AC}" dt="2021-03-19T09:22:05.143" v="10008" actId="478"/>
          <ac:spMkLst>
            <pc:docMk/>
            <pc:sldMk cId="1558861827" sldId="363"/>
            <ac:spMk id="46" creationId="{6AC6ECEE-8A5A-2745-B899-699FDCFC66B6}"/>
          </ac:spMkLst>
        </pc:spChg>
        <pc:spChg chg="add del mod">
          <ac:chgData name="Daly Donnacha HSLU I" userId="0f22e960-400a-43ff-baeb-4828c8f5cd3a" providerId="ADAL" clId="{0107A2AC-E230-6340-9D00-A45E25ACF2AC}" dt="2021-03-19T09:22:05.143" v="10008" actId="478"/>
          <ac:spMkLst>
            <pc:docMk/>
            <pc:sldMk cId="1558861827" sldId="363"/>
            <ac:spMk id="47" creationId="{77F0E004-D71F-7B47-AEA6-6E15F8C84751}"/>
          </ac:spMkLst>
        </pc:spChg>
        <pc:spChg chg="add del mod">
          <ac:chgData name="Daly Donnacha HSLU I" userId="0f22e960-400a-43ff-baeb-4828c8f5cd3a" providerId="ADAL" clId="{0107A2AC-E230-6340-9D00-A45E25ACF2AC}" dt="2021-03-19T09:22:05.143" v="10008" actId="478"/>
          <ac:spMkLst>
            <pc:docMk/>
            <pc:sldMk cId="1558861827" sldId="363"/>
            <ac:spMk id="48" creationId="{BEA07B16-FC95-8E42-9894-0F0B78EBA5B9}"/>
          </ac:spMkLst>
        </pc:spChg>
        <pc:spChg chg="add del mod">
          <ac:chgData name="Daly Donnacha HSLU I" userId="0f22e960-400a-43ff-baeb-4828c8f5cd3a" providerId="ADAL" clId="{0107A2AC-E230-6340-9D00-A45E25ACF2AC}" dt="2021-03-19T09:22:05.143" v="10008" actId="478"/>
          <ac:spMkLst>
            <pc:docMk/>
            <pc:sldMk cId="1558861827" sldId="363"/>
            <ac:spMk id="49" creationId="{9D94B48F-817B-844B-AC0B-429731E05DED}"/>
          </ac:spMkLst>
        </pc:spChg>
        <pc:spChg chg="add del mod">
          <ac:chgData name="Daly Donnacha HSLU I" userId="0f22e960-400a-43ff-baeb-4828c8f5cd3a" providerId="ADAL" clId="{0107A2AC-E230-6340-9D00-A45E25ACF2AC}" dt="2021-03-19T09:22:05.143" v="10008" actId="478"/>
          <ac:spMkLst>
            <pc:docMk/>
            <pc:sldMk cId="1558861827" sldId="363"/>
            <ac:spMk id="50" creationId="{41CB8EC6-0035-6843-9841-D3D509F46432}"/>
          </ac:spMkLst>
        </pc:spChg>
        <pc:spChg chg="add del mod">
          <ac:chgData name="Daly Donnacha HSLU I" userId="0f22e960-400a-43ff-baeb-4828c8f5cd3a" providerId="ADAL" clId="{0107A2AC-E230-6340-9D00-A45E25ACF2AC}" dt="2021-03-19T09:22:05.143" v="10008" actId="478"/>
          <ac:spMkLst>
            <pc:docMk/>
            <pc:sldMk cId="1558861827" sldId="363"/>
            <ac:spMk id="51" creationId="{23547A99-5DEE-2345-8C2D-FA2319C567A4}"/>
          </ac:spMkLst>
        </pc:spChg>
        <pc:spChg chg="add del mod">
          <ac:chgData name="Daly Donnacha HSLU I" userId="0f22e960-400a-43ff-baeb-4828c8f5cd3a" providerId="ADAL" clId="{0107A2AC-E230-6340-9D00-A45E25ACF2AC}" dt="2021-03-19T09:22:05.143" v="10008" actId="478"/>
          <ac:spMkLst>
            <pc:docMk/>
            <pc:sldMk cId="1558861827" sldId="363"/>
            <ac:spMk id="52" creationId="{4214BA0B-6448-154B-A793-366C667EBE05}"/>
          </ac:spMkLst>
        </pc:spChg>
        <pc:spChg chg="add del mod">
          <ac:chgData name="Daly Donnacha HSLU I" userId="0f22e960-400a-43ff-baeb-4828c8f5cd3a" providerId="ADAL" clId="{0107A2AC-E230-6340-9D00-A45E25ACF2AC}" dt="2021-03-19T09:22:05.143" v="10008" actId="478"/>
          <ac:spMkLst>
            <pc:docMk/>
            <pc:sldMk cId="1558861827" sldId="363"/>
            <ac:spMk id="53" creationId="{AA3CC8D4-5660-1745-8EF1-B71C41599422}"/>
          </ac:spMkLst>
        </pc:spChg>
        <pc:spChg chg="add del mod">
          <ac:chgData name="Daly Donnacha HSLU I" userId="0f22e960-400a-43ff-baeb-4828c8f5cd3a" providerId="ADAL" clId="{0107A2AC-E230-6340-9D00-A45E25ACF2AC}" dt="2021-03-19T09:22:05.143" v="10008" actId="478"/>
          <ac:spMkLst>
            <pc:docMk/>
            <pc:sldMk cId="1558861827" sldId="363"/>
            <ac:spMk id="54" creationId="{009ADC70-6EB3-1842-91DC-DC7394CD40C0}"/>
          </ac:spMkLst>
        </pc:spChg>
        <pc:spChg chg="add del mod">
          <ac:chgData name="Daly Donnacha HSLU I" userId="0f22e960-400a-43ff-baeb-4828c8f5cd3a" providerId="ADAL" clId="{0107A2AC-E230-6340-9D00-A45E25ACF2AC}" dt="2021-03-19T09:22:05.143" v="10008" actId="478"/>
          <ac:spMkLst>
            <pc:docMk/>
            <pc:sldMk cId="1558861827" sldId="363"/>
            <ac:spMk id="56" creationId="{C8B47665-FE08-7243-8C1A-AF883E22D905}"/>
          </ac:spMkLst>
        </pc:spChg>
        <pc:spChg chg="add del mod">
          <ac:chgData name="Daly Donnacha HSLU I" userId="0f22e960-400a-43ff-baeb-4828c8f5cd3a" providerId="ADAL" clId="{0107A2AC-E230-6340-9D00-A45E25ACF2AC}" dt="2021-03-19T09:22:05.143" v="10008" actId="478"/>
          <ac:spMkLst>
            <pc:docMk/>
            <pc:sldMk cId="1558861827" sldId="363"/>
            <ac:spMk id="57" creationId="{0169DE48-5E1E-5A46-96CA-0C447EAD3957}"/>
          </ac:spMkLst>
        </pc:spChg>
        <pc:spChg chg="add del mod">
          <ac:chgData name="Daly Donnacha HSLU I" userId="0f22e960-400a-43ff-baeb-4828c8f5cd3a" providerId="ADAL" clId="{0107A2AC-E230-6340-9D00-A45E25ACF2AC}" dt="2021-03-19T09:22:05.143" v="10008" actId="478"/>
          <ac:spMkLst>
            <pc:docMk/>
            <pc:sldMk cId="1558861827" sldId="363"/>
            <ac:spMk id="58" creationId="{F3EC63F8-8212-064E-91E6-6543D0A799AF}"/>
          </ac:spMkLst>
        </pc:spChg>
        <pc:spChg chg="add del mod">
          <ac:chgData name="Daly Donnacha HSLU I" userId="0f22e960-400a-43ff-baeb-4828c8f5cd3a" providerId="ADAL" clId="{0107A2AC-E230-6340-9D00-A45E25ACF2AC}" dt="2021-03-19T09:22:05.143" v="10008" actId="478"/>
          <ac:spMkLst>
            <pc:docMk/>
            <pc:sldMk cId="1558861827" sldId="363"/>
            <ac:spMk id="59" creationId="{9340B26E-0548-D54B-8BBC-64FCE6DDDE25}"/>
          </ac:spMkLst>
        </pc:spChg>
        <pc:spChg chg="add del mod">
          <ac:chgData name="Daly Donnacha HSLU I" userId="0f22e960-400a-43ff-baeb-4828c8f5cd3a" providerId="ADAL" clId="{0107A2AC-E230-6340-9D00-A45E25ACF2AC}" dt="2021-03-19T09:22:05.143" v="10008" actId="478"/>
          <ac:spMkLst>
            <pc:docMk/>
            <pc:sldMk cId="1558861827" sldId="363"/>
            <ac:spMk id="60" creationId="{0A7A715E-E08F-814B-AC64-3278F8A263AC}"/>
          </ac:spMkLst>
        </pc:spChg>
        <pc:spChg chg="add del mod">
          <ac:chgData name="Daly Donnacha HSLU I" userId="0f22e960-400a-43ff-baeb-4828c8f5cd3a" providerId="ADAL" clId="{0107A2AC-E230-6340-9D00-A45E25ACF2AC}" dt="2021-03-19T09:22:05.143" v="10008" actId="478"/>
          <ac:spMkLst>
            <pc:docMk/>
            <pc:sldMk cId="1558861827" sldId="363"/>
            <ac:spMk id="61" creationId="{D2A8EC6C-73DC-C649-9B7E-C0D2B7F8C9E4}"/>
          </ac:spMkLst>
        </pc:spChg>
        <pc:spChg chg="add del mod">
          <ac:chgData name="Daly Donnacha HSLU I" userId="0f22e960-400a-43ff-baeb-4828c8f5cd3a" providerId="ADAL" clId="{0107A2AC-E230-6340-9D00-A45E25ACF2AC}" dt="2021-03-19T09:22:05.143" v="10008" actId="478"/>
          <ac:spMkLst>
            <pc:docMk/>
            <pc:sldMk cId="1558861827" sldId="363"/>
            <ac:spMk id="62" creationId="{A5CFC629-A28E-FF4F-96E6-8BD2235C8BC4}"/>
          </ac:spMkLst>
        </pc:spChg>
        <pc:spChg chg="add del mod">
          <ac:chgData name="Daly Donnacha HSLU I" userId="0f22e960-400a-43ff-baeb-4828c8f5cd3a" providerId="ADAL" clId="{0107A2AC-E230-6340-9D00-A45E25ACF2AC}" dt="2021-03-19T09:22:05.143" v="10008" actId="478"/>
          <ac:spMkLst>
            <pc:docMk/>
            <pc:sldMk cId="1558861827" sldId="363"/>
            <ac:spMk id="63" creationId="{C387EF81-FA50-6D49-ACF5-ECD553C6C5D9}"/>
          </ac:spMkLst>
        </pc:spChg>
        <pc:spChg chg="add del mod">
          <ac:chgData name="Daly Donnacha HSLU I" userId="0f22e960-400a-43ff-baeb-4828c8f5cd3a" providerId="ADAL" clId="{0107A2AC-E230-6340-9D00-A45E25ACF2AC}" dt="2021-03-19T09:22:05.143" v="10008" actId="478"/>
          <ac:spMkLst>
            <pc:docMk/>
            <pc:sldMk cId="1558861827" sldId="363"/>
            <ac:spMk id="64" creationId="{7F14E55B-791B-9C47-9856-3F918F315127}"/>
          </ac:spMkLst>
        </pc:spChg>
        <pc:spChg chg="add del mod">
          <ac:chgData name="Daly Donnacha HSLU I" userId="0f22e960-400a-43ff-baeb-4828c8f5cd3a" providerId="ADAL" clId="{0107A2AC-E230-6340-9D00-A45E25ACF2AC}" dt="2021-03-19T09:22:05.143" v="10008" actId="478"/>
          <ac:spMkLst>
            <pc:docMk/>
            <pc:sldMk cId="1558861827" sldId="363"/>
            <ac:spMk id="65" creationId="{44D02A20-337F-094B-ABE7-1330D856E155}"/>
          </ac:spMkLst>
        </pc:spChg>
        <pc:spChg chg="add del mod">
          <ac:chgData name="Daly Donnacha HSLU I" userId="0f22e960-400a-43ff-baeb-4828c8f5cd3a" providerId="ADAL" clId="{0107A2AC-E230-6340-9D00-A45E25ACF2AC}" dt="2021-03-19T09:22:05.143" v="10008" actId="478"/>
          <ac:spMkLst>
            <pc:docMk/>
            <pc:sldMk cId="1558861827" sldId="363"/>
            <ac:spMk id="67" creationId="{D83345DA-DBAF-6E4D-83A7-9D9A20B1AEF2}"/>
          </ac:spMkLst>
        </pc:spChg>
        <pc:cxnChg chg="add del mod">
          <ac:chgData name="Daly Donnacha HSLU I" userId="0f22e960-400a-43ff-baeb-4828c8f5cd3a" providerId="ADAL" clId="{0107A2AC-E230-6340-9D00-A45E25ACF2AC}" dt="2021-03-19T09:22:05.143" v="10008" actId="478"/>
          <ac:cxnSpMkLst>
            <pc:docMk/>
            <pc:sldMk cId="1558861827" sldId="363"/>
            <ac:cxnSpMk id="6" creationId="{C41705FF-90CB-794F-8A8F-14935281DE5E}"/>
          </ac:cxnSpMkLst>
        </pc:cxnChg>
        <pc:cxnChg chg="add del mod">
          <ac:chgData name="Daly Donnacha HSLU I" userId="0f22e960-400a-43ff-baeb-4828c8f5cd3a" providerId="ADAL" clId="{0107A2AC-E230-6340-9D00-A45E25ACF2AC}" dt="2021-03-19T09:22:05.143" v="10008" actId="478"/>
          <ac:cxnSpMkLst>
            <pc:docMk/>
            <pc:sldMk cId="1558861827" sldId="363"/>
            <ac:cxnSpMk id="7" creationId="{4B3D94D5-5814-2846-A0E4-1D638AED56F9}"/>
          </ac:cxnSpMkLst>
        </pc:cxnChg>
        <pc:cxnChg chg="add del mod">
          <ac:chgData name="Daly Donnacha HSLU I" userId="0f22e960-400a-43ff-baeb-4828c8f5cd3a" providerId="ADAL" clId="{0107A2AC-E230-6340-9D00-A45E25ACF2AC}" dt="2021-03-19T09:22:05.143" v="10008" actId="478"/>
          <ac:cxnSpMkLst>
            <pc:docMk/>
            <pc:sldMk cId="1558861827" sldId="363"/>
            <ac:cxnSpMk id="8" creationId="{0CFA65C7-CF0D-A54B-8091-05AA34066AEA}"/>
          </ac:cxnSpMkLst>
        </pc:cxnChg>
        <pc:cxnChg chg="add del mod">
          <ac:chgData name="Daly Donnacha HSLU I" userId="0f22e960-400a-43ff-baeb-4828c8f5cd3a" providerId="ADAL" clId="{0107A2AC-E230-6340-9D00-A45E25ACF2AC}" dt="2021-03-19T09:22:05.143" v="10008" actId="478"/>
          <ac:cxnSpMkLst>
            <pc:docMk/>
            <pc:sldMk cId="1558861827" sldId="363"/>
            <ac:cxnSpMk id="9" creationId="{B7F20C97-81B3-F046-8F2D-B71E371ABC37}"/>
          </ac:cxnSpMkLst>
        </pc:cxnChg>
        <pc:cxnChg chg="add del mod">
          <ac:chgData name="Daly Donnacha HSLU I" userId="0f22e960-400a-43ff-baeb-4828c8f5cd3a" providerId="ADAL" clId="{0107A2AC-E230-6340-9D00-A45E25ACF2AC}" dt="2021-03-19T09:22:05.143" v="10008" actId="478"/>
          <ac:cxnSpMkLst>
            <pc:docMk/>
            <pc:sldMk cId="1558861827" sldId="363"/>
            <ac:cxnSpMk id="10" creationId="{885C6BE6-827B-F04D-8279-54DD0A97BEF6}"/>
          </ac:cxnSpMkLst>
        </pc:cxnChg>
        <pc:cxnChg chg="add del mod">
          <ac:chgData name="Daly Donnacha HSLU I" userId="0f22e960-400a-43ff-baeb-4828c8f5cd3a" providerId="ADAL" clId="{0107A2AC-E230-6340-9D00-A45E25ACF2AC}" dt="2021-03-19T09:22:05.143" v="10008" actId="478"/>
          <ac:cxnSpMkLst>
            <pc:docMk/>
            <pc:sldMk cId="1558861827" sldId="363"/>
            <ac:cxnSpMk id="11" creationId="{8F8E411B-DF1C-A143-805F-2A288C591FE2}"/>
          </ac:cxnSpMkLst>
        </pc:cxnChg>
        <pc:cxnChg chg="add del mod">
          <ac:chgData name="Daly Donnacha HSLU I" userId="0f22e960-400a-43ff-baeb-4828c8f5cd3a" providerId="ADAL" clId="{0107A2AC-E230-6340-9D00-A45E25ACF2AC}" dt="2021-03-19T09:22:05.143" v="10008" actId="478"/>
          <ac:cxnSpMkLst>
            <pc:docMk/>
            <pc:sldMk cId="1558861827" sldId="363"/>
            <ac:cxnSpMk id="12" creationId="{F361E957-36B2-4043-8E8B-CECF20415F7A}"/>
          </ac:cxnSpMkLst>
        </pc:cxnChg>
        <pc:cxnChg chg="add del mod">
          <ac:chgData name="Daly Donnacha HSLU I" userId="0f22e960-400a-43ff-baeb-4828c8f5cd3a" providerId="ADAL" clId="{0107A2AC-E230-6340-9D00-A45E25ACF2AC}" dt="2021-03-19T09:22:05.143" v="10008" actId="478"/>
          <ac:cxnSpMkLst>
            <pc:docMk/>
            <pc:sldMk cId="1558861827" sldId="363"/>
            <ac:cxnSpMk id="13" creationId="{BBE112B6-826B-9447-9BBA-DC29C59C86F8}"/>
          </ac:cxnSpMkLst>
        </pc:cxnChg>
        <pc:cxnChg chg="add del mod">
          <ac:chgData name="Daly Donnacha HSLU I" userId="0f22e960-400a-43ff-baeb-4828c8f5cd3a" providerId="ADAL" clId="{0107A2AC-E230-6340-9D00-A45E25ACF2AC}" dt="2021-03-19T09:22:05.143" v="10008" actId="478"/>
          <ac:cxnSpMkLst>
            <pc:docMk/>
            <pc:sldMk cId="1558861827" sldId="363"/>
            <ac:cxnSpMk id="14" creationId="{C2357823-3958-6B49-8063-8037DE31DB06}"/>
          </ac:cxnSpMkLst>
        </pc:cxnChg>
        <pc:cxnChg chg="add del mod">
          <ac:chgData name="Daly Donnacha HSLU I" userId="0f22e960-400a-43ff-baeb-4828c8f5cd3a" providerId="ADAL" clId="{0107A2AC-E230-6340-9D00-A45E25ACF2AC}" dt="2021-03-19T09:22:05.143" v="10008" actId="478"/>
          <ac:cxnSpMkLst>
            <pc:docMk/>
            <pc:sldMk cId="1558861827" sldId="363"/>
            <ac:cxnSpMk id="15" creationId="{BF7FF531-BC0C-0D48-BBED-3EF3D1EC3E8B}"/>
          </ac:cxnSpMkLst>
        </pc:cxnChg>
        <pc:cxnChg chg="add del mod">
          <ac:chgData name="Daly Donnacha HSLU I" userId="0f22e960-400a-43ff-baeb-4828c8f5cd3a" providerId="ADAL" clId="{0107A2AC-E230-6340-9D00-A45E25ACF2AC}" dt="2021-03-19T09:22:05.143" v="10008" actId="478"/>
          <ac:cxnSpMkLst>
            <pc:docMk/>
            <pc:sldMk cId="1558861827" sldId="363"/>
            <ac:cxnSpMk id="16" creationId="{7F853B9B-8571-1D4A-8A83-EF2D5229E5C8}"/>
          </ac:cxnSpMkLst>
        </pc:cxnChg>
        <pc:cxnChg chg="add del mod">
          <ac:chgData name="Daly Donnacha HSLU I" userId="0f22e960-400a-43ff-baeb-4828c8f5cd3a" providerId="ADAL" clId="{0107A2AC-E230-6340-9D00-A45E25ACF2AC}" dt="2021-03-19T09:22:05.143" v="10008" actId="478"/>
          <ac:cxnSpMkLst>
            <pc:docMk/>
            <pc:sldMk cId="1558861827" sldId="363"/>
            <ac:cxnSpMk id="18" creationId="{F85930E4-EC2D-684B-B9B0-82E780071A5E}"/>
          </ac:cxnSpMkLst>
        </pc:cxnChg>
        <pc:cxnChg chg="add del mod">
          <ac:chgData name="Daly Donnacha HSLU I" userId="0f22e960-400a-43ff-baeb-4828c8f5cd3a" providerId="ADAL" clId="{0107A2AC-E230-6340-9D00-A45E25ACF2AC}" dt="2021-03-19T09:22:05.143" v="10008" actId="478"/>
          <ac:cxnSpMkLst>
            <pc:docMk/>
            <pc:sldMk cId="1558861827" sldId="363"/>
            <ac:cxnSpMk id="28" creationId="{792B1A0D-E90A-224B-A916-593BE145F3FB}"/>
          </ac:cxnSpMkLst>
        </pc:cxnChg>
        <pc:cxnChg chg="add del mod">
          <ac:chgData name="Daly Donnacha HSLU I" userId="0f22e960-400a-43ff-baeb-4828c8f5cd3a" providerId="ADAL" clId="{0107A2AC-E230-6340-9D00-A45E25ACF2AC}" dt="2021-03-19T09:22:05.143" v="10008" actId="478"/>
          <ac:cxnSpMkLst>
            <pc:docMk/>
            <pc:sldMk cId="1558861827" sldId="363"/>
            <ac:cxnSpMk id="36" creationId="{7A8F2610-95A2-A84F-AB9D-3B065F9BFFFE}"/>
          </ac:cxnSpMkLst>
        </pc:cxnChg>
        <pc:cxnChg chg="add del mod">
          <ac:chgData name="Daly Donnacha HSLU I" userId="0f22e960-400a-43ff-baeb-4828c8f5cd3a" providerId="ADAL" clId="{0107A2AC-E230-6340-9D00-A45E25ACF2AC}" dt="2021-03-19T09:22:05.143" v="10008" actId="478"/>
          <ac:cxnSpMkLst>
            <pc:docMk/>
            <pc:sldMk cId="1558861827" sldId="363"/>
            <ac:cxnSpMk id="37" creationId="{2247FBB0-174D-CE44-9740-9826E01B42A5}"/>
          </ac:cxnSpMkLst>
        </pc:cxnChg>
        <pc:cxnChg chg="add del mod">
          <ac:chgData name="Daly Donnacha HSLU I" userId="0f22e960-400a-43ff-baeb-4828c8f5cd3a" providerId="ADAL" clId="{0107A2AC-E230-6340-9D00-A45E25ACF2AC}" dt="2021-03-19T09:22:05.143" v="10008" actId="478"/>
          <ac:cxnSpMkLst>
            <pc:docMk/>
            <pc:sldMk cId="1558861827" sldId="363"/>
            <ac:cxnSpMk id="38" creationId="{3C0ABE95-7EDC-C04A-90E1-5D3F9F745DFC}"/>
          </ac:cxnSpMkLst>
        </pc:cxnChg>
        <pc:cxnChg chg="add del mod">
          <ac:chgData name="Daly Donnacha HSLU I" userId="0f22e960-400a-43ff-baeb-4828c8f5cd3a" providerId="ADAL" clId="{0107A2AC-E230-6340-9D00-A45E25ACF2AC}" dt="2021-03-19T09:22:05.143" v="10008" actId="478"/>
          <ac:cxnSpMkLst>
            <pc:docMk/>
            <pc:sldMk cId="1558861827" sldId="363"/>
            <ac:cxnSpMk id="39" creationId="{476A8408-32C1-6A46-86FC-5835E8B3BCFC}"/>
          </ac:cxnSpMkLst>
        </pc:cxnChg>
        <pc:cxnChg chg="add del mod">
          <ac:chgData name="Daly Donnacha HSLU I" userId="0f22e960-400a-43ff-baeb-4828c8f5cd3a" providerId="ADAL" clId="{0107A2AC-E230-6340-9D00-A45E25ACF2AC}" dt="2021-03-19T09:22:05.143" v="10008" actId="478"/>
          <ac:cxnSpMkLst>
            <pc:docMk/>
            <pc:sldMk cId="1558861827" sldId="363"/>
            <ac:cxnSpMk id="40" creationId="{2E9E7BC1-5EAB-184F-B876-B065E67AF0CA}"/>
          </ac:cxnSpMkLst>
        </pc:cxnChg>
        <pc:cxnChg chg="add del mod">
          <ac:chgData name="Daly Donnacha HSLU I" userId="0f22e960-400a-43ff-baeb-4828c8f5cd3a" providerId="ADAL" clId="{0107A2AC-E230-6340-9D00-A45E25ACF2AC}" dt="2021-03-19T09:22:05.143" v="10008" actId="478"/>
          <ac:cxnSpMkLst>
            <pc:docMk/>
            <pc:sldMk cId="1558861827" sldId="363"/>
            <ac:cxnSpMk id="41" creationId="{F2E3EA6C-8F61-8142-BA0B-20A73B1F2D98}"/>
          </ac:cxnSpMkLst>
        </pc:cxnChg>
        <pc:cxnChg chg="add del mod">
          <ac:chgData name="Daly Donnacha HSLU I" userId="0f22e960-400a-43ff-baeb-4828c8f5cd3a" providerId="ADAL" clId="{0107A2AC-E230-6340-9D00-A45E25ACF2AC}" dt="2021-03-19T09:22:05.143" v="10008" actId="478"/>
          <ac:cxnSpMkLst>
            <pc:docMk/>
            <pc:sldMk cId="1558861827" sldId="363"/>
            <ac:cxnSpMk id="42" creationId="{E118B1EA-90FC-C848-BEFA-F128B33211D8}"/>
          </ac:cxnSpMkLst>
        </pc:cxnChg>
        <pc:cxnChg chg="add del mod">
          <ac:chgData name="Daly Donnacha HSLU I" userId="0f22e960-400a-43ff-baeb-4828c8f5cd3a" providerId="ADAL" clId="{0107A2AC-E230-6340-9D00-A45E25ACF2AC}" dt="2021-03-19T09:22:05.143" v="10008" actId="478"/>
          <ac:cxnSpMkLst>
            <pc:docMk/>
            <pc:sldMk cId="1558861827" sldId="363"/>
            <ac:cxnSpMk id="43" creationId="{9E734795-2CB7-314F-8F27-26B72E315B47}"/>
          </ac:cxnSpMkLst>
        </pc:cxnChg>
        <pc:cxnChg chg="add del mod">
          <ac:chgData name="Daly Donnacha HSLU I" userId="0f22e960-400a-43ff-baeb-4828c8f5cd3a" providerId="ADAL" clId="{0107A2AC-E230-6340-9D00-A45E25ACF2AC}" dt="2021-03-19T09:22:05.143" v="10008" actId="478"/>
          <ac:cxnSpMkLst>
            <pc:docMk/>
            <pc:sldMk cId="1558861827" sldId="363"/>
            <ac:cxnSpMk id="45" creationId="{60D3CB72-2E7A-764E-9967-8E14B03266E4}"/>
          </ac:cxnSpMkLst>
        </pc:cxnChg>
        <pc:cxnChg chg="add del mod">
          <ac:chgData name="Daly Donnacha HSLU I" userId="0f22e960-400a-43ff-baeb-4828c8f5cd3a" providerId="ADAL" clId="{0107A2AC-E230-6340-9D00-A45E25ACF2AC}" dt="2021-03-19T09:22:05.143" v="10008" actId="478"/>
          <ac:cxnSpMkLst>
            <pc:docMk/>
            <pc:sldMk cId="1558861827" sldId="363"/>
            <ac:cxnSpMk id="55" creationId="{034643AF-75D9-0A42-A09D-44ED7DE2B02D}"/>
          </ac:cxnSpMkLst>
        </pc:cxnChg>
        <pc:cxnChg chg="add del mod">
          <ac:chgData name="Daly Donnacha HSLU I" userId="0f22e960-400a-43ff-baeb-4828c8f5cd3a" providerId="ADAL" clId="{0107A2AC-E230-6340-9D00-A45E25ACF2AC}" dt="2021-03-19T09:22:07.991" v="10009" actId="478"/>
          <ac:cxnSpMkLst>
            <pc:docMk/>
            <pc:sldMk cId="1558861827" sldId="363"/>
            <ac:cxnSpMk id="66" creationId="{2F73D270-AD63-E341-A61F-4A67ED728E93}"/>
          </ac:cxnSpMkLst>
        </pc:cxnChg>
      </pc:sldChg>
      <pc:sldChg chg="addSp delSp modSp new mod ord">
        <pc:chgData name="Daly Donnacha HSLU I" userId="0f22e960-400a-43ff-baeb-4828c8f5cd3a" providerId="ADAL" clId="{0107A2AC-E230-6340-9D00-A45E25ACF2AC}" dt="2021-03-19T16:47:19.014" v="16850" actId="57"/>
        <pc:sldMkLst>
          <pc:docMk/>
          <pc:sldMk cId="3424367511" sldId="364"/>
        </pc:sldMkLst>
        <pc:spChg chg="mod">
          <ac:chgData name="Daly Donnacha HSLU I" userId="0f22e960-400a-43ff-baeb-4828c8f5cd3a" providerId="ADAL" clId="{0107A2AC-E230-6340-9D00-A45E25ACF2AC}" dt="2021-03-19T16:47:19.014" v="16850" actId="57"/>
          <ac:spMkLst>
            <pc:docMk/>
            <pc:sldMk cId="3424367511" sldId="364"/>
            <ac:spMk id="2" creationId="{E84E0908-1722-E842-8B17-D38146D58F90}"/>
          </ac:spMkLst>
        </pc:spChg>
        <pc:spChg chg="add mod">
          <ac:chgData name="Daly Donnacha HSLU I" userId="0f22e960-400a-43ff-baeb-4828c8f5cd3a" providerId="ADAL" clId="{0107A2AC-E230-6340-9D00-A45E25ACF2AC}" dt="2021-03-18T19:57:35.935" v="2931"/>
          <ac:spMkLst>
            <pc:docMk/>
            <pc:sldMk cId="3424367511" sldId="364"/>
            <ac:spMk id="4" creationId="{4B332659-662D-8449-8D57-0A54C4953892}"/>
          </ac:spMkLst>
        </pc:spChg>
        <pc:spChg chg="add mod">
          <ac:chgData name="Daly Donnacha HSLU I" userId="0f22e960-400a-43ff-baeb-4828c8f5cd3a" providerId="ADAL" clId="{0107A2AC-E230-6340-9D00-A45E25ACF2AC}" dt="2021-03-19T09:52:49.930" v="10724" actId="14100"/>
          <ac:spMkLst>
            <pc:docMk/>
            <pc:sldMk cId="3424367511" sldId="364"/>
            <ac:spMk id="6" creationId="{E015F8E1-CC6F-AC43-BF9E-CB6173F7F665}"/>
          </ac:spMkLst>
        </pc:spChg>
        <pc:spChg chg="add del mod">
          <ac:chgData name="Daly Donnacha HSLU I" userId="0f22e960-400a-43ff-baeb-4828c8f5cd3a" providerId="ADAL" clId="{0107A2AC-E230-6340-9D00-A45E25ACF2AC}" dt="2021-03-19T09:24:48.225" v="10163" actId="478"/>
          <ac:spMkLst>
            <pc:docMk/>
            <pc:sldMk cId="3424367511" sldId="364"/>
            <ac:spMk id="7" creationId="{C13FD594-D549-EB44-8D58-212E76B5AA83}"/>
          </ac:spMkLst>
        </pc:spChg>
        <pc:spChg chg="add mod">
          <ac:chgData name="Daly Donnacha HSLU I" userId="0f22e960-400a-43ff-baeb-4828c8f5cd3a" providerId="ADAL" clId="{0107A2AC-E230-6340-9D00-A45E25ACF2AC}" dt="2021-03-18T19:57:35.935" v="2931"/>
          <ac:spMkLst>
            <pc:docMk/>
            <pc:sldMk cId="3424367511" sldId="364"/>
            <ac:spMk id="8" creationId="{D121E8A6-4F02-744A-B088-69452B318ED2}"/>
          </ac:spMkLst>
        </pc:spChg>
        <pc:spChg chg="add mod">
          <ac:chgData name="Daly Donnacha HSLU I" userId="0f22e960-400a-43ff-baeb-4828c8f5cd3a" providerId="ADAL" clId="{0107A2AC-E230-6340-9D00-A45E25ACF2AC}" dt="2021-03-19T09:52:25.425" v="10721" actId="2085"/>
          <ac:spMkLst>
            <pc:docMk/>
            <pc:sldMk cId="3424367511" sldId="364"/>
            <ac:spMk id="9" creationId="{85BDE02F-F0FD-D74E-A798-C18C81B86072}"/>
          </ac:spMkLst>
        </pc:spChg>
        <pc:picChg chg="add mod">
          <ac:chgData name="Daly Donnacha HSLU I" userId="0f22e960-400a-43ff-baeb-4828c8f5cd3a" providerId="ADAL" clId="{0107A2AC-E230-6340-9D00-A45E25ACF2AC}" dt="2021-03-18T19:57:35.935" v="2931"/>
          <ac:picMkLst>
            <pc:docMk/>
            <pc:sldMk cId="3424367511" sldId="364"/>
            <ac:picMk id="3" creationId="{E948CED7-2F8A-6248-B5CC-B75E00758687}"/>
          </ac:picMkLst>
        </pc:picChg>
        <pc:picChg chg="add mod">
          <ac:chgData name="Daly Donnacha HSLU I" userId="0f22e960-400a-43ff-baeb-4828c8f5cd3a" providerId="ADAL" clId="{0107A2AC-E230-6340-9D00-A45E25ACF2AC}" dt="2021-03-18T19:57:35.935" v="2931"/>
          <ac:picMkLst>
            <pc:docMk/>
            <pc:sldMk cId="3424367511" sldId="364"/>
            <ac:picMk id="5" creationId="{22A6443B-1D60-9246-BCA1-F2CD93E377DC}"/>
          </ac:picMkLst>
        </pc:picChg>
      </pc:sldChg>
      <pc:sldChg chg="addSp modSp new del mod">
        <pc:chgData name="Daly Donnacha HSLU I" userId="0f22e960-400a-43ff-baeb-4828c8f5cd3a" providerId="ADAL" clId="{0107A2AC-E230-6340-9D00-A45E25ACF2AC}" dt="2021-03-19T09:48:05.177" v="10628" actId="2696"/>
        <pc:sldMkLst>
          <pc:docMk/>
          <pc:sldMk cId="193351109" sldId="365"/>
        </pc:sldMkLst>
        <pc:spChg chg="mod">
          <ac:chgData name="Daly Donnacha HSLU I" userId="0f22e960-400a-43ff-baeb-4828c8f5cd3a" providerId="ADAL" clId="{0107A2AC-E230-6340-9D00-A45E25ACF2AC}" dt="2021-03-18T20:01:05.029" v="2960" actId="20577"/>
          <ac:spMkLst>
            <pc:docMk/>
            <pc:sldMk cId="193351109" sldId="365"/>
            <ac:spMk id="2" creationId="{036DC8B7-78B7-8746-80A4-7D1882B7A591}"/>
          </ac:spMkLst>
        </pc:spChg>
        <pc:spChg chg="add mod">
          <ac:chgData name="Daly Donnacha HSLU I" userId="0f22e960-400a-43ff-baeb-4828c8f5cd3a" providerId="ADAL" clId="{0107A2AC-E230-6340-9D00-A45E25ACF2AC}" dt="2021-03-18T19:58:59.206" v="2933"/>
          <ac:spMkLst>
            <pc:docMk/>
            <pc:sldMk cId="193351109" sldId="365"/>
            <ac:spMk id="4" creationId="{A850F4A2-46C0-FB4C-B065-F8891E7D3575}"/>
          </ac:spMkLst>
        </pc:spChg>
        <pc:picChg chg="add mod">
          <ac:chgData name="Daly Donnacha HSLU I" userId="0f22e960-400a-43ff-baeb-4828c8f5cd3a" providerId="ADAL" clId="{0107A2AC-E230-6340-9D00-A45E25ACF2AC}" dt="2021-03-18T19:59:04.634" v="2935" actId="1076"/>
          <ac:picMkLst>
            <pc:docMk/>
            <pc:sldMk cId="193351109" sldId="365"/>
            <ac:picMk id="3" creationId="{73EBA0E7-BA30-B147-9166-4C83FA6768E7}"/>
          </ac:picMkLst>
        </pc:picChg>
      </pc:sldChg>
      <pc:sldChg chg="addSp delSp modSp new mod">
        <pc:chgData name="Daly Donnacha HSLU I" userId="0f22e960-400a-43ff-baeb-4828c8f5cd3a" providerId="ADAL" clId="{0107A2AC-E230-6340-9D00-A45E25ACF2AC}" dt="2021-03-19T17:12:20.272" v="16860" actId="20577"/>
        <pc:sldMkLst>
          <pc:docMk/>
          <pc:sldMk cId="312775838" sldId="366"/>
        </pc:sldMkLst>
        <pc:spChg chg="mod">
          <ac:chgData name="Daly Donnacha HSLU I" userId="0f22e960-400a-43ff-baeb-4828c8f5cd3a" providerId="ADAL" clId="{0107A2AC-E230-6340-9D00-A45E25ACF2AC}" dt="2021-03-19T11:26:59.379" v="12075" actId="20577"/>
          <ac:spMkLst>
            <pc:docMk/>
            <pc:sldMk cId="312775838" sldId="366"/>
            <ac:spMk id="2" creationId="{0D5E7053-E315-7D4D-93AA-896A5F609DA0}"/>
          </ac:spMkLst>
        </pc:spChg>
        <pc:spChg chg="add mod">
          <ac:chgData name="Daly Donnacha HSLU I" userId="0f22e960-400a-43ff-baeb-4828c8f5cd3a" providerId="ADAL" clId="{0107A2AC-E230-6340-9D00-A45E25ACF2AC}" dt="2021-03-19T16:47:29.704" v="16858" actId="20577"/>
          <ac:spMkLst>
            <pc:docMk/>
            <pc:sldMk cId="312775838" sldId="366"/>
            <ac:spMk id="3" creationId="{35277329-AAAD-8A45-8A99-8B1B97CE2E51}"/>
          </ac:spMkLst>
        </pc:spChg>
        <pc:spChg chg="add del mod">
          <ac:chgData name="Daly Donnacha HSLU I" userId="0f22e960-400a-43ff-baeb-4828c8f5cd3a" providerId="ADAL" clId="{0107A2AC-E230-6340-9D00-A45E25ACF2AC}" dt="2021-03-19T11:31:28.854" v="12107" actId="478"/>
          <ac:spMkLst>
            <pc:docMk/>
            <pc:sldMk cId="312775838" sldId="366"/>
            <ac:spMk id="4" creationId="{1494BB22-556B-1944-AE81-E3D1A055B062}"/>
          </ac:spMkLst>
        </pc:spChg>
        <pc:spChg chg="add mod">
          <ac:chgData name="Daly Donnacha HSLU I" userId="0f22e960-400a-43ff-baeb-4828c8f5cd3a" providerId="ADAL" clId="{0107A2AC-E230-6340-9D00-A45E25ACF2AC}" dt="2021-03-19T14:05:57.783" v="16465" actId="1076"/>
          <ac:spMkLst>
            <pc:docMk/>
            <pc:sldMk cId="312775838" sldId="366"/>
            <ac:spMk id="6" creationId="{0CD3BB66-D9FA-C14D-96BB-2B1C540A65A8}"/>
          </ac:spMkLst>
        </pc:spChg>
        <pc:spChg chg="add del mod">
          <ac:chgData name="Daly Donnacha HSLU I" userId="0f22e960-400a-43ff-baeb-4828c8f5cd3a" providerId="ADAL" clId="{0107A2AC-E230-6340-9D00-A45E25ACF2AC}" dt="2021-03-19T11:33:07.030" v="12403" actId="478"/>
          <ac:spMkLst>
            <pc:docMk/>
            <pc:sldMk cId="312775838" sldId="366"/>
            <ac:spMk id="6" creationId="{22661D9F-10FD-664B-B2F8-110BCE8FEE25}"/>
          </ac:spMkLst>
        </pc:spChg>
        <pc:spChg chg="add del mod">
          <ac:chgData name="Daly Donnacha HSLU I" userId="0f22e960-400a-43ff-baeb-4828c8f5cd3a" providerId="ADAL" clId="{0107A2AC-E230-6340-9D00-A45E25ACF2AC}" dt="2021-03-19T11:33:35.989" v="12453" actId="478"/>
          <ac:spMkLst>
            <pc:docMk/>
            <pc:sldMk cId="312775838" sldId="366"/>
            <ac:spMk id="7" creationId="{CD8178FB-FB02-6C46-9B3C-BFA247F2CE0E}"/>
          </ac:spMkLst>
        </pc:spChg>
        <pc:spChg chg="add del mod">
          <ac:chgData name="Daly Donnacha HSLU I" userId="0f22e960-400a-43ff-baeb-4828c8f5cd3a" providerId="ADAL" clId="{0107A2AC-E230-6340-9D00-A45E25ACF2AC}" dt="2021-03-19T14:05:08.995" v="16458" actId="478"/>
          <ac:spMkLst>
            <pc:docMk/>
            <pc:sldMk cId="312775838" sldId="366"/>
            <ac:spMk id="8" creationId="{8064D2FD-F5FE-2A43-9973-238238F2D97B}"/>
          </ac:spMkLst>
        </pc:spChg>
        <pc:spChg chg="add mod">
          <ac:chgData name="Daly Donnacha HSLU I" userId="0f22e960-400a-43ff-baeb-4828c8f5cd3a" providerId="ADAL" clId="{0107A2AC-E230-6340-9D00-A45E25ACF2AC}" dt="2021-03-19T17:12:15.136" v="16859" actId="20577"/>
          <ac:spMkLst>
            <pc:docMk/>
            <pc:sldMk cId="312775838" sldId="366"/>
            <ac:spMk id="10" creationId="{285BAE03-3777-574A-BFD0-2B296484BE4F}"/>
          </ac:spMkLst>
        </pc:spChg>
        <pc:spChg chg="add mod">
          <ac:chgData name="Daly Donnacha HSLU I" userId="0f22e960-400a-43ff-baeb-4828c8f5cd3a" providerId="ADAL" clId="{0107A2AC-E230-6340-9D00-A45E25ACF2AC}" dt="2021-03-19T12:36:30.301" v="13511" actId="1076"/>
          <ac:spMkLst>
            <pc:docMk/>
            <pc:sldMk cId="312775838" sldId="366"/>
            <ac:spMk id="11" creationId="{77CF7D37-B849-E245-B0CE-FDF623774BBB}"/>
          </ac:spMkLst>
        </pc:spChg>
        <pc:spChg chg="add mod">
          <ac:chgData name="Daly Donnacha HSLU I" userId="0f22e960-400a-43ff-baeb-4828c8f5cd3a" providerId="ADAL" clId="{0107A2AC-E230-6340-9D00-A45E25ACF2AC}" dt="2021-03-19T17:12:20.272" v="16860" actId="20577"/>
          <ac:spMkLst>
            <pc:docMk/>
            <pc:sldMk cId="312775838" sldId="366"/>
            <ac:spMk id="12" creationId="{20D8FF7D-E656-1045-B9DB-49B9B8DB619C}"/>
          </ac:spMkLst>
        </pc:spChg>
        <pc:picChg chg="add del mod">
          <ac:chgData name="Daly Donnacha HSLU I" userId="0f22e960-400a-43ff-baeb-4828c8f5cd3a" providerId="ADAL" clId="{0107A2AC-E230-6340-9D00-A45E25ACF2AC}" dt="2021-03-19T11:29:44.349" v="12086" actId="478"/>
          <ac:picMkLst>
            <pc:docMk/>
            <pc:sldMk cId="312775838" sldId="366"/>
            <ac:picMk id="5" creationId="{865C9AC0-A944-1048-A658-99E5B73F73F6}"/>
          </ac:picMkLst>
        </pc:picChg>
        <pc:picChg chg="add mod">
          <ac:chgData name="Daly Donnacha HSLU I" userId="0f22e960-400a-43ff-baeb-4828c8f5cd3a" providerId="ADAL" clId="{0107A2AC-E230-6340-9D00-A45E25ACF2AC}" dt="2021-03-19T12:35:46.963" v="13498" actId="14100"/>
          <ac:picMkLst>
            <pc:docMk/>
            <pc:sldMk cId="312775838" sldId="366"/>
            <ac:picMk id="3074" creationId="{AF055B8A-DDDC-424A-A1BC-CD110D66F5AC}"/>
          </ac:picMkLst>
        </pc:picChg>
        <pc:cxnChg chg="add mod">
          <ac:chgData name="Daly Donnacha HSLU I" userId="0f22e960-400a-43ff-baeb-4828c8f5cd3a" providerId="ADAL" clId="{0107A2AC-E230-6340-9D00-A45E25ACF2AC}" dt="2021-03-19T12:36:07.392" v="13508" actId="167"/>
          <ac:cxnSpMkLst>
            <pc:docMk/>
            <pc:sldMk cId="312775838" sldId="366"/>
            <ac:cxnSpMk id="5" creationId="{BE3856DA-EC41-B747-97DB-85552D131842}"/>
          </ac:cxnSpMkLst>
        </pc:cxnChg>
      </pc:sldChg>
      <pc:sldChg chg="addSp delSp modSp new mod ord">
        <pc:chgData name="Daly Donnacha HSLU I" userId="0f22e960-400a-43ff-baeb-4828c8f5cd3a" providerId="ADAL" clId="{0107A2AC-E230-6340-9D00-A45E25ACF2AC}" dt="2021-03-19T14:12:45.129" v="16833" actId="20577"/>
        <pc:sldMkLst>
          <pc:docMk/>
          <pc:sldMk cId="788051887" sldId="367"/>
        </pc:sldMkLst>
        <pc:spChg chg="mod">
          <ac:chgData name="Daly Donnacha HSLU I" userId="0f22e960-400a-43ff-baeb-4828c8f5cd3a" providerId="ADAL" clId="{0107A2AC-E230-6340-9D00-A45E25ACF2AC}" dt="2021-03-19T13:48:55.141" v="15938" actId="20577"/>
          <ac:spMkLst>
            <pc:docMk/>
            <pc:sldMk cId="788051887" sldId="367"/>
            <ac:spMk id="2" creationId="{B4CE4241-D2EA-0D43-928E-AE27633DACC2}"/>
          </ac:spMkLst>
        </pc:spChg>
        <pc:spChg chg="add del mod">
          <ac:chgData name="Daly Donnacha HSLU I" userId="0f22e960-400a-43ff-baeb-4828c8f5cd3a" providerId="ADAL" clId="{0107A2AC-E230-6340-9D00-A45E25ACF2AC}" dt="2021-03-19T13:56:01.691" v="16224" actId="478"/>
          <ac:spMkLst>
            <pc:docMk/>
            <pc:sldMk cId="788051887" sldId="367"/>
            <ac:spMk id="3" creationId="{174B7DCD-BC42-DE48-83B8-5C9C6ED64854}"/>
          </ac:spMkLst>
        </pc:spChg>
        <pc:spChg chg="add del mod">
          <ac:chgData name="Daly Donnacha HSLU I" userId="0f22e960-400a-43ff-baeb-4828c8f5cd3a" providerId="ADAL" clId="{0107A2AC-E230-6340-9D00-A45E25ACF2AC}" dt="2021-03-19T13:56:05.158" v="16226" actId="478"/>
          <ac:spMkLst>
            <pc:docMk/>
            <pc:sldMk cId="788051887" sldId="367"/>
            <ac:spMk id="4" creationId="{6B70FC8F-AC5E-8049-BAFC-3B3EAE5B4684}"/>
          </ac:spMkLst>
        </pc:spChg>
        <pc:spChg chg="add del mod">
          <ac:chgData name="Daly Donnacha HSLU I" userId="0f22e960-400a-43ff-baeb-4828c8f5cd3a" providerId="ADAL" clId="{0107A2AC-E230-6340-9D00-A45E25ACF2AC}" dt="2021-03-19T14:07:26.090" v="16505" actId="478"/>
          <ac:spMkLst>
            <pc:docMk/>
            <pc:sldMk cId="788051887" sldId="367"/>
            <ac:spMk id="6" creationId="{FD1A29F5-D2D3-AD44-8829-A60FD673FE46}"/>
          </ac:spMkLst>
        </pc:spChg>
        <pc:spChg chg="add mod">
          <ac:chgData name="Daly Donnacha HSLU I" userId="0f22e960-400a-43ff-baeb-4828c8f5cd3a" providerId="ADAL" clId="{0107A2AC-E230-6340-9D00-A45E25ACF2AC}" dt="2021-03-19T14:12:15.738" v="16818"/>
          <ac:spMkLst>
            <pc:docMk/>
            <pc:sldMk cId="788051887" sldId="367"/>
            <ac:spMk id="7" creationId="{E92D5157-B2AD-DB4F-8F81-068346064359}"/>
          </ac:spMkLst>
        </pc:spChg>
        <pc:spChg chg="add mod">
          <ac:chgData name="Daly Donnacha HSLU I" userId="0f22e960-400a-43ff-baeb-4828c8f5cd3a" providerId="ADAL" clId="{0107A2AC-E230-6340-9D00-A45E25ACF2AC}" dt="2021-03-19T14:07:54.514" v="16511" actId="1076"/>
          <ac:spMkLst>
            <pc:docMk/>
            <pc:sldMk cId="788051887" sldId="367"/>
            <ac:spMk id="8" creationId="{5F59287C-DABF-6346-BF16-3B771FC44D20}"/>
          </ac:spMkLst>
        </pc:spChg>
        <pc:spChg chg="add mod">
          <ac:chgData name="Daly Donnacha HSLU I" userId="0f22e960-400a-43ff-baeb-4828c8f5cd3a" providerId="ADAL" clId="{0107A2AC-E230-6340-9D00-A45E25ACF2AC}" dt="2021-03-19T14:12:45.129" v="16833" actId="20577"/>
          <ac:spMkLst>
            <pc:docMk/>
            <pc:sldMk cId="788051887" sldId="367"/>
            <ac:spMk id="10" creationId="{250DE582-60EF-0349-974C-2E424D25CF0C}"/>
          </ac:spMkLst>
        </pc:spChg>
        <pc:picChg chg="add mod">
          <ac:chgData name="Daly Donnacha HSLU I" userId="0f22e960-400a-43ff-baeb-4828c8f5cd3a" providerId="ADAL" clId="{0107A2AC-E230-6340-9D00-A45E25ACF2AC}" dt="2021-03-19T14:08:39.603" v="16525" actId="1076"/>
          <ac:picMkLst>
            <pc:docMk/>
            <pc:sldMk cId="788051887" sldId="367"/>
            <ac:picMk id="5" creationId="{B360AF06-BA6A-694A-907E-8303044AAF44}"/>
          </ac:picMkLst>
        </pc:picChg>
        <pc:picChg chg="add mod">
          <ac:chgData name="Daly Donnacha HSLU I" userId="0f22e960-400a-43ff-baeb-4828c8f5cd3a" providerId="ADAL" clId="{0107A2AC-E230-6340-9D00-A45E25ACF2AC}" dt="2021-03-19T14:08:45.490" v="16526" actId="1076"/>
          <ac:picMkLst>
            <pc:docMk/>
            <pc:sldMk cId="788051887" sldId="367"/>
            <ac:picMk id="9" creationId="{32AB16A9-658D-1148-9955-4257D71F1E2E}"/>
          </ac:picMkLst>
        </pc:picChg>
      </pc:sldChg>
      <pc:sldChg chg="modSp new del mod">
        <pc:chgData name="Daly Donnacha HSLU I" userId="0f22e960-400a-43ff-baeb-4828c8f5cd3a" providerId="ADAL" clId="{0107A2AC-E230-6340-9D00-A45E25ACF2AC}" dt="2021-03-19T13:44:25.403" v="15783" actId="2696"/>
        <pc:sldMkLst>
          <pc:docMk/>
          <pc:sldMk cId="2768079725" sldId="368"/>
        </pc:sldMkLst>
        <pc:spChg chg="mod">
          <ac:chgData name="Daly Donnacha HSLU I" userId="0f22e960-400a-43ff-baeb-4828c8f5cd3a" providerId="ADAL" clId="{0107A2AC-E230-6340-9D00-A45E25ACF2AC}" dt="2021-03-18T20:04:14.011" v="2982" actId="20577"/>
          <ac:spMkLst>
            <pc:docMk/>
            <pc:sldMk cId="2768079725" sldId="368"/>
            <ac:spMk id="2" creationId="{E0BC8622-0F4B-5949-B83C-1BD66D782BBF}"/>
          </ac:spMkLst>
        </pc:spChg>
      </pc:sldChg>
      <pc:sldChg chg="modSp new del mod">
        <pc:chgData name="Daly Donnacha HSLU I" userId="0f22e960-400a-43ff-baeb-4828c8f5cd3a" providerId="ADAL" clId="{0107A2AC-E230-6340-9D00-A45E25ACF2AC}" dt="2021-03-19T13:44:26.201" v="15784" actId="2696"/>
        <pc:sldMkLst>
          <pc:docMk/>
          <pc:sldMk cId="2333431677" sldId="369"/>
        </pc:sldMkLst>
        <pc:spChg chg="mod">
          <ac:chgData name="Daly Donnacha HSLU I" userId="0f22e960-400a-43ff-baeb-4828c8f5cd3a" providerId="ADAL" clId="{0107A2AC-E230-6340-9D00-A45E25ACF2AC}" dt="2021-03-18T20:04:28.888" v="2987" actId="20577"/>
          <ac:spMkLst>
            <pc:docMk/>
            <pc:sldMk cId="2333431677" sldId="369"/>
            <ac:spMk id="2" creationId="{E378C4D5-BEC5-C547-AF3A-ABB6A7E383D7}"/>
          </ac:spMkLst>
        </pc:spChg>
      </pc:sldChg>
      <pc:sldChg chg="addSp delSp modSp new mod">
        <pc:chgData name="Daly Donnacha HSLU I" userId="0f22e960-400a-43ff-baeb-4828c8f5cd3a" providerId="ADAL" clId="{0107A2AC-E230-6340-9D00-A45E25ACF2AC}" dt="2021-03-19T12:01:03.370" v="12933" actId="14100"/>
        <pc:sldMkLst>
          <pc:docMk/>
          <pc:sldMk cId="2476793434" sldId="370"/>
        </pc:sldMkLst>
        <pc:spChg chg="mod">
          <ac:chgData name="Daly Donnacha HSLU I" userId="0f22e960-400a-43ff-baeb-4828c8f5cd3a" providerId="ADAL" clId="{0107A2AC-E230-6340-9D00-A45E25ACF2AC}" dt="2021-03-18T19:31:51.168" v="2732" actId="5793"/>
          <ac:spMkLst>
            <pc:docMk/>
            <pc:sldMk cId="2476793434" sldId="370"/>
            <ac:spMk id="2" creationId="{B69C81B5-8C2F-FB4B-826D-7CEDF079FD79}"/>
          </ac:spMkLst>
        </pc:spChg>
        <pc:spChg chg="add mod">
          <ac:chgData name="Daly Donnacha HSLU I" userId="0f22e960-400a-43ff-baeb-4828c8f5cd3a" providerId="ADAL" clId="{0107A2AC-E230-6340-9D00-A45E25ACF2AC}" dt="2021-03-19T12:01:03.370" v="12933" actId="14100"/>
          <ac:spMkLst>
            <pc:docMk/>
            <pc:sldMk cId="2476793434" sldId="370"/>
            <ac:spMk id="3" creationId="{F6C4ADBA-248C-EF46-AEE3-87C37A0D196F}"/>
          </ac:spMkLst>
        </pc:spChg>
        <pc:spChg chg="add mod">
          <ac:chgData name="Daly Donnacha HSLU I" userId="0f22e960-400a-43ff-baeb-4828c8f5cd3a" providerId="ADAL" clId="{0107A2AC-E230-6340-9D00-A45E25ACF2AC}" dt="2021-03-18T18:52:14" v="2044" actId="1076"/>
          <ac:spMkLst>
            <pc:docMk/>
            <pc:sldMk cId="2476793434" sldId="370"/>
            <ac:spMk id="6" creationId="{AE9FFEAD-9406-854F-9409-5D7F97BAA0F5}"/>
          </ac:spMkLst>
        </pc:spChg>
        <pc:spChg chg="add mod">
          <ac:chgData name="Daly Donnacha HSLU I" userId="0f22e960-400a-43ff-baeb-4828c8f5cd3a" providerId="ADAL" clId="{0107A2AC-E230-6340-9D00-A45E25ACF2AC}" dt="2021-03-18T18:52:04.927" v="2041" actId="1076"/>
          <ac:spMkLst>
            <pc:docMk/>
            <pc:sldMk cId="2476793434" sldId="370"/>
            <ac:spMk id="7" creationId="{56900AE3-232C-2245-BCF3-AE98EA484FB3}"/>
          </ac:spMkLst>
        </pc:spChg>
        <pc:spChg chg="add del mod">
          <ac:chgData name="Daly Donnacha HSLU I" userId="0f22e960-400a-43ff-baeb-4828c8f5cd3a" providerId="ADAL" clId="{0107A2AC-E230-6340-9D00-A45E25ACF2AC}" dt="2021-03-18T19:01:33.446" v="2248" actId="478"/>
          <ac:spMkLst>
            <pc:docMk/>
            <pc:sldMk cId="2476793434" sldId="370"/>
            <ac:spMk id="8" creationId="{1C9F5A12-9341-B24C-B440-7BED299E92EA}"/>
          </ac:spMkLst>
        </pc:spChg>
        <pc:spChg chg="add del mod">
          <ac:chgData name="Daly Donnacha HSLU I" userId="0f22e960-400a-43ff-baeb-4828c8f5cd3a" providerId="ADAL" clId="{0107A2AC-E230-6340-9D00-A45E25ACF2AC}" dt="2021-03-19T04:20:30.961" v="3260" actId="478"/>
          <ac:spMkLst>
            <pc:docMk/>
            <pc:sldMk cId="2476793434" sldId="370"/>
            <ac:spMk id="8" creationId="{EA099F53-F9A1-9D4C-8701-45DE2417E35F}"/>
          </ac:spMkLst>
        </pc:spChg>
        <pc:spChg chg="add del mod">
          <ac:chgData name="Daly Donnacha HSLU I" userId="0f22e960-400a-43ff-baeb-4828c8f5cd3a" providerId="ADAL" clId="{0107A2AC-E230-6340-9D00-A45E25ACF2AC}" dt="2021-03-18T19:01:33.446" v="2248" actId="478"/>
          <ac:spMkLst>
            <pc:docMk/>
            <pc:sldMk cId="2476793434" sldId="370"/>
            <ac:spMk id="9" creationId="{878AA325-11C9-8B4B-8AF3-8D834320753F}"/>
          </ac:spMkLst>
        </pc:spChg>
        <pc:spChg chg="add del mod">
          <ac:chgData name="Daly Donnacha HSLU I" userId="0f22e960-400a-43ff-baeb-4828c8f5cd3a" providerId="ADAL" clId="{0107A2AC-E230-6340-9D00-A45E25ACF2AC}" dt="2021-03-18T19:01:33.446" v="2248" actId="478"/>
          <ac:spMkLst>
            <pc:docMk/>
            <pc:sldMk cId="2476793434" sldId="370"/>
            <ac:spMk id="10" creationId="{AFB91028-24F1-624D-BA1D-F7E5A0D4910E}"/>
          </ac:spMkLst>
        </pc:spChg>
        <pc:spChg chg="add del mod">
          <ac:chgData name="Daly Donnacha HSLU I" userId="0f22e960-400a-43ff-baeb-4828c8f5cd3a" providerId="ADAL" clId="{0107A2AC-E230-6340-9D00-A45E25ACF2AC}" dt="2021-03-18T19:01:33.446" v="2248" actId="478"/>
          <ac:spMkLst>
            <pc:docMk/>
            <pc:sldMk cId="2476793434" sldId="370"/>
            <ac:spMk id="11" creationId="{43144C73-64D3-7146-B24A-7820D60AD698}"/>
          </ac:spMkLst>
        </pc:spChg>
        <pc:spChg chg="add del mod">
          <ac:chgData name="Daly Donnacha HSLU I" userId="0f22e960-400a-43ff-baeb-4828c8f5cd3a" providerId="ADAL" clId="{0107A2AC-E230-6340-9D00-A45E25ACF2AC}" dt="2021-03-18T19:01:33.446" v="2248" actId="478"/>
          <ac:spMkLst>
            <pc:docMk/>
            <pc:sldMk cId="2476793434" sldId="370"/>
            <ac:spMk id="12" creationId="{8B3BB3B8-E109-AF4B-AE74-B78383DDDC2E}"/>
          </ac:spMkLst>
        </pc:spChg>
        <pc:spChg chg="add del mod">
          <ac:chgData name="Daly Donnacha HSLU I" userId="0f22e960-400a-43ff-baeb-4828c8f5cd3a" providerId="ADAL" clId="{0107A2AC-E230-6340-9D00-A45E25ACF2AC}" dt="2021-03-18T19:01:33.446" v="2248" actId="478"/>
          <ac:spMkLst>
            <pc:docMk/>
            <pc:sldMk cId="2476793434" sldId="370"/>
            <ac:spMk id="13" creationId="{45EF2F35-C9D2-3849-B9DC-1A8AD609A84B}"/>
          </ac:spMkLst>
        </pc:spChg>
        <pc:spChg chg="add del mod">
          <ac:chgData name="Daly Donnacha HSLU I" userId="0f22e960-400a-43ff-baeb-4828c8f5cd3a" providerId="ADAL" clId="{0107A2AC-E230-6340-9D00-A45E25ACF2AC}" dt="2021-03-18T19:01:33.446" v="2248" actId="478"/>
          <ac:spMkLst>
            <pc:docMk/>
            <pc:sldMk cId="2476793434" sldId="370"/>
            <ac:spMk id="14" creationId="{C22647A7-F29B-374A-98B8-FEBD9D167EE9}"/>
          </ac:spMkLst>
        </pc:spChg>
        <pc:spChg chg="add del mod">
          <ac:chgData name="Daly Donnacha HSLU I" userId="0f22e960-400a-43ff-baeb-4828c8f5cd3a" providerId="ADAL" clId="{0107A2AC-E230-6340-9D00-A45E25ACF2AC}" dt="2021-03-18T19:01:33.446" v="2248" actId="478"/>
          <ac:spMkLst>
            <pc:docMk/>
            <pc:sldMk cId="2476793434" sldId="370"/>
            <ac:spMk id="15" creationId="{2F2899F2-32A3-E04E-A0EE-48D382F0A88B}"/>
          </ac:spMkLst>
        </pc:spChg>
        <pc:spChg chg="add del mod">
          <ac:chgData name="Daly Donnacha HSLU I" userId="0f22e960-400a-43ff-baeb-4828c8f5cd3a" providerId="ADAL" clId="{0107A2AC-E230-6340-9D00-A45E25ACF2AC}" dt="2021-03-18T19:01:33.446" v="2248" actId="478"/>
          <ac:spMkLst>
            <pc:docMk/>
            <pc:sldMk cId="2476793434" sldId="370"/>
            <ac:spMk id="16" creationId="{234BA806-50CE-7B4C-A8BF-B08DA5A7A323}"/>
          </ac:spMkLst>
        </pc:spChg>
        <pc:spChg chg="add del mod">
          <ac:chgData name="Daly Donnacha HSLU I" userId="0f22e960-400a-43ff-baeb-4828c8f5cd3a" providerId="ADAL" clId="{0107A2AC-E230-6340-9D00-A45E25ACF2AC}" dt="2021-03-18T19:01:33.446" v="2248" actId="478"/>
          <ac:spMkLst>
            <pc:docMk/>
            <pc:sldMk cId="2476793434" sldId="370"/>
            <ac:spMk id="17" creationId="{A4C7036D-BF9E-4C4B-911D-3F0DF1F61863}"/>
          </ac:spMkLst>
        </pc:spChg>
        <pc:spChg chg="add del mod">
          <ac:chgData name="Daly Donnacha HSLU I" userId="0f22e960-400a-43ff-baeb-4828c8f5cd3a" providerId="ADAL" clId="{0107A2AC-E230-6340-9D00-A45E25ACF2AC}" dt="2021-03-18T19:01:33.446" v="2248" actId="478"/>
          <ac:spMkLst>
            <pc:docMk/>
            <pc:sldMk cId="2476793434" sldId="370"/>
            <ac:spMk id="18" creationId="{BAB1C384-5C7F-AF41-86BA-046DDF7149EE}"/>
          </ac:spMkLst>
        </pc:spChg>
        <pc:spChg chg="add del mod">
          <ac:chgData name="Daly Donnacha HSLU I" userId="0f22e960-400a-43ff-baeb-4828c8f5cd3a" providerId="ADAL" clId="{0107A2AC-E230-6340-9D00-A45E25ACF2AC}" dt="2021-03-18T19:01:33.446" v="2248" actId="478"/>
          <ac:spMkLst>
            <pc:docMk/>
            <pc:sldMk cId="2476793434" sldId="370"/>
            <ac:spMk id="19" creationId="{B403308E-77AF-254D-91F1-4DCA8EAD58F9}"/>
          </ac:spMkLst>
        </pc:spChg>
        <pc:spChg chg="add del mod">
          <ac:chgData name="Daly Donnacha HSLU I" userId="0f22e960-400a-43ff-baeb-4828c8f5cd3a" providerId="ADAL" clId="{0107A2AC-E230-6340-9D00-A45E25ACF2AC}" dt="2021-03-18T19:01:33.446" v="2248" actId="478"/>
          <ac:spMkLst>
            <pc:docMk/>
            <pc:sldMk cId="2476793434" sldId="370"/>
            <ac:spMk id="20" creationId="{CE1BECDA-DB16-9546-A787-C2015BCD2BB4}"/>
          </ac:spMkLst>
        </pc:spChg>
        <pc:spChg chg="add del mod">
          <ac:chgData name="Daly Donnacha HSLU I" userId="0f22e960-400a-43ff-baeb-4828c8f5cd3a" providerId="ADAL" clId="{0107A2AC-E230-6340-9D00-A45E25ACF2AC}" dt="2021-03-18T19:01:33.446" v="2248" actId="478"/>
          <ac:spMkLst>
            <pc:docMk/>
            <pc:sldMk cId="2476793434" sldId="370"/>
            <ac:spMk id="21" creationId="{40B28707-BF85-B64B-97E1-1080684B5653}"/>
          </ac:spMkLst>
        </pc:spChg>
        <pc:spChg chg="add del mod">
          <ac:chgData name="Daly Donnacha HSLU I" userId="0f22e960-400a-43ff-baeb-4828c8f5cd3a" providerId="ADAL" clId="{0107A2AC-E230-6340-9D00-A45E25ACF2AC}" dt="2021-03-18T19:01:33.446" v="2248" actId="478"/>
          <ac:spMkLst>
            <pc:docMk/>
            <pc:sldMk cId="2476793434" sldId="370"/>
            <ac:spMk id="22" creationId="{BB514467-02C6-E949-AD75-BF299BB323AE}"/>
          </ac:spMkLst>
        </pc:spChg>
        <pc:spChg chg="add del mod">
          <ac:chgData name="Daly Donnacha HSLU I" userId="0f22e960-400a-43ff-baeb-4828c8f5cd3a" providerId="ADAL" clId="{0107A2AC-E230-6340-9D00-A45E25ACF2AC}" dt="2021-03-18T19:01:33.446" v="2248" actId="478"/>
          <ac:spMkLst>
            <pc:docMk/>
            <pc:sldMk cId="2476793434" sldId="370"/>
            <ac:spMk id="23" creationId="{7B7FC4E8-24CD-3945-8B24-6D489C1D7079}"/>
          </ac:spMkLst>
        </pc:spChg>
        <pc:spChg chg="add del mod">
          <ac:chgData name="Daly Donnacha HSLU I" userId="0f22e960-400a-43ff-baeb-4828c8f5cd3a" providerId="ADAL" clId="{0107A2AC-E230-6340-9D00-A45E25ACF2AC}" dt="2021-03-18T19:01:33.446" v="2248" actId="478"/>
          <ac:spMkLst>
            <pc:docMk/>
            <pc:sldMk cId="2476793434" sldId="370"/>
            <ac:spMk id="24" creationId="{69A2DAFA-A665-6A4F-9E04-353BD806F6C5}"/>
          </ac:spMkLst>
        </pc:spChg>
        <pc:spChg chg="add del mod">
          <ac:chgData name="Daly Donnacha HSLU I" userId="0f22e960-400a-43ff-baeb-4828c8f5cd3a" providerId="ADAL" clId="{0107A2AC-E230-6340-9D00-A45E25ACF2AC}" dt="2021-03-18T19:01:33.446" v="2248" actId="478"/>
          <ac:spMkLst>
            <pc:docMk/>
            <pc:sldMk cId="2476793434" sldId="370"/>
            <ac:spMk id="25" creationId="{1FFCB488-4D8F-1648-AE0C-C91E20CCBE84}"/>
          </ac:spMkLst>
        </pc:spChg>
        <pc:spChg chg="add del mod">
          <ac:chgData name="Daly Donnacha HSLU I" userId="0f22e960-400a-43ff-baeb-4828c8f5cd3a" providerId="ADAL" clId="{0107A2AC-E230-6340-9D00-A45E25ACF2AC}" dt="2021-03-18T19:01:33.446" v="2248" actId="478"/>
          <ac:spMkLst>
            <pc:docMk/>
            <pc:sldMk cId="2476793434" sldId="370"/>
            <ac:spMk id="26" creationId="{443F6637-0309-954F-93BF-46168DA4D0C2}"/>
          </ac:spMkLst>
        </pc:spChg>
        <pc:spChg chg="add del mod">
          <ac:chgData name="Daly Donnacha HSLU I" userId="0f22e960-400a-43ff-baeb-4828c8f5cd3a" providerId="ADAL" clId="{0107A2AC-E230-6340-9D00-A45E25ACF2AC}" dt="2021-03-18T19:01:33.446" v="2248" actId="478"/>
          <ac:spMkLst>
            <pc:docMk/>
            <pc:sldMk cId="2476793434" sldId="370"/>
            <ac:spMk id="27" creationId="{5F4354B3-D485-B944-B87A-D14043FA9D6E}"/>
          </ac:spMkLst>
        </pc:spChg>
        <pc:spChg chg="add del mod">
          <ac:chgData name="Daly Donnacha HSLU I" userId="0f22e960-400a-43ff-baeb-4828c8f5cd3a" providerId="ADAL" clId="{0107A2AC-E230-6340-9D00-A45E25ACF2AC}" dt="2021-03-18T19:01:33.446" v="2248" actId="478"/>
          <ac:spMkLst>
            <pc:docMk/>
            <pc:sldMk cId="2476793434" sldId="370"/>
            <ac:spMk id="28" creationId="{4903DEE0-49D7-0C49-BA06-0D8A7CBC1186}"/>
          </ac:spMkLst>
        </pc:spChg>
        <pc:spChg chg="add del mod">
          <ac:chgData name="Daly Donnacha HSLU I" userId="0f22e960-400a-43ff-baeb-4828c8f5cd3a" providerId="ADAL" clId="{0107A2AC-E230-6340-9D00-A45E25ACF2AC}" dt="2021-03-18T19:01:33.446" v="2248" actId="478"/>
          <ac:spMkLst>
            <pc:docMk/>
            <pc:sldMk cId="2476793434" sldId="370"/>
            <ac:spMk id="29" creationId="{C41EE91A-5A5B-1D48-B4E7-01F1143BAB2F}"/>
          </ac:spMkLst>
        </pc:spChg>
        <pc:spChg chg="add del mod">
          <ac:chgData name="Daly Donnacha HSLU I" userId="0f22e960-400a-43ff-baeb-4828c8f5cd3a" providerId="ADAL" clId="{0107A2AC-E230-6340-9D00-A45E25ACF2AC}" dt="2021-03-18T19:01:33.446" v="2248" actId="478"/>
          <ac:spMkLst>
            <pc:docMk/>
            <pc:sldMk cId="2476793434" sldId="370"/>
            <ac:spMk id="30" creationId="{FE023D08-D7A2-3842-89AB-0A48FFDEA362}"/>
          </ac:spMkLst>
        </pc:spChg>
        <pc:spChg chg="add del mod">
          <ac:chgData name="Daly Donnacha HSLU I" userId="0f22e960-400a-43ff-baeb-4828c8f5cd3a" providerId="ADAL" clId="{0107A2AC-E230-6340-9D00-A45E25ACF2AC}" dt="2021-03-18T19:01:33.446" v="2248" actId="478"/>
          <ac:spMkLst>
            <pc:docMk/>
            <pc:sldMk cId="2476793434" sldId="370"/>
            <ac:spMk id="31" creationId="{D45AE723-07CF-BC4C-B840-F8084D73B8E0}"/>
          </ac:spMkLst>
        </pc:spChg>
        <pc:spChg chg="add del mod">
          <ac:chgData name="Daly Donnacha HSLU I" userId="0f22e960-400a-43ff-baeb-4828c8f5cd3a" providerId="ADAL" clId="{0107A2AC-E230-6340-9D00-A45E25ACF2AC}" dt="2021-03-18T19:01:33.446" v="2248" actId="478"/>
          <ac:spMkLst>
            <pc:docMk/>
            <pc:sldMk cId="2476793434" sldId="370"/>
            <ac:spMk id="32" creationId="{39D178D8-DA8F-3F4A-8725-A8ADFE4640F8}"/>
          </ac:spMkLst>
        </pc:spChg>
        <pc:spChg chg="add mod">
          <ac:chgData name="Daly Donnacha HSLU I" userId="0f22e960-400a-43ff-baeb-4828c8f5cd3a" providerId="ADAL" clId="{0107A2AC-E230-6340-9D00-A45E25ACF2AC}" dt="2021-03-18T18:44:29.930" v="1831"/>
          <ac:spMkLst>
            <pc:docMk/>
            <pc:sldMk cId="2476793434" sldId="370"/>
            <ac:spMk id="34" creationId="{C08D88ED-C03B-2D40-ABA7-DE22B09EFF2F}"/>
          </ac:spMkLst>
        </pc:spChg>
        <pc:spChg chg="add mod">
          <ac:chgData name="Daly Donnacha HSLU I" userId="0f22e960-400a-43ff-baeb-4828c8f5cd3a" providerId="ADAL" clId="{0107A2AC-E230-6340-9D00-A45E25ACF2AC}" dt="2021-03-18T18:44:29.930" v="1831"/>
          <ac:spMkLst>
            <pc:docMk/>
            <pc:sldMk cId="2476793434" sldId="370"/>
            <ac:spMk id="35" creationId="{8457977D-0859-3B49-BEDA-CE6C61BA489B}"/>
          </ac:spMkLst>
        </pc:spChg>
        <pc:spChg chg="add del mod">
          <ac:chgData name="Daly Donnacha HSLU I" userId="0f22e960-400a-43ff-baeb-4828c8f5cd3a" providerId="ADAL" clId="{0107A2AC-E230-6340-9D00-A45E25ACF2AC}" dt="2021-03-18T19:01:33.446" v="2248" actId="478"/>
          <ac:spMkLst>
            <pc:docMk/>
            <pc:sldMk cId="2476793434" sldId="370"/>
            <ac:spMk id="36" creationId="{C60EDAB0-1D2C-3848-BAA9-C30459D26F94}"/>
          </ac:spMkLst>
        </pc:spChg>
        <pc:spChg chg="add del mod">
          <ac:chgData name="Daly Donnacha HSLU I" userId="0f22e960-400a-43ff-baeb-4828c8f5cd3a" providerId="ADAL" clId="{0107A2AC-E230-6340-9D00-A45E25ACF2AC}" dt="2021-03-18T19:01:33.446" v="2248" actId="478"/>
          <ac:spMkLst>
            <pc:docMk/>
            <pc:sldMk cId="2476793434" sldId="370"/>
            <ac:spMk id="39" creationId="{6CA9E665-8F00-8D46-9E94-5CC38E0F991F}"/>
          </ac:spMkLst>
        </pc:spChg>
        <pc:spChg chg="add del mod">
          <ac:chgData name="Daly Donnacha HSLU I" userId="0f22e960-400a-43ff-baeb-4828c8f5cd3a" providerId="ADAL" clId="{0107A2AC-E230-6340-9D00-A45E25ACF2AC}" dt="2021-03-18T18:51:21.062" v="2034" actId="478"/>
          <ac:spMkLst>
            <pc:docMk/>
            <pc:sldMk cId="2476793434" sldId="370"/>
            <ac:spMk id="42" creationId="{F27B8536-34D9-F340-A02B-C235EBD7E395}"/>
          </ac:spMkLst>
        </pc:spChg>
        <pc:spChg chg="add del mod">
          <ac:chgData name="Daly Donnacha HSLU I" userId="0f22e960-400a-43ff-baeb-4828c8f5cd3a" providerId="ADAL" clId="{0107A2AC-E230-6340-9D00-A45E25ACF2AC}" dt="2021-03-18T18:51:26.614" v="2036" actId="478"/>
          <ac:spMkLst>
            <pc:docMk/>
            <pc:sldMk cId="2476793434" sldId="370"/>
            <ac:spMk id="43" creationId="{E800E41C-44E0-8E46-BD58-6BC74F95A046}"/>
          </ac:spMkLst>
        </pc:spChg>
        <pc:spChg chg="add mod">
          <ac:chgData name="Daly Donnacha HSLU I" userId="0f22e960-400a-43ff-baeb-4828c8f5cd3a" providerId="ADAL" clId="{0107A2AC-E230-6340-9D00-A45E25ACF2AC}" dt="2021-03-18T19:04:02.167" v="2277" actId="1076"/>
          <ac:spMkLst>
            <pc:docMk/>
            <pc:sldMk cId="2476793434" sldId="370"/>
            <ac:spMk id="44" creationId="{78381447-D635-E44B-AE9B-3007506F6AC5}"/>
          </ac:spMkLst>
        </pc:spChg>
        <pc:spChg chg="add mod">
          <ac:chgData name="Daly Donnacha HSLU I" userId="0f22e960-400a-43ff-baeb-4828c8f5cd3a" providerId="ADAL" clId="{0107A2AC-E230-6340-9D00-A45E25ACF2AC}" dt="2021-03-18T19:02:12.812" v="2255" actId="1076"/>
          <ac:spMkLst>
            <pc:docMk/>
            <pc:sldMk cId="2476793434" sldId="370"/>
            <ac:spMk id="45" creationId="{2D0853C9-4C04-1343-82B0-25C090E767E2}"/>
          </ac:spMkLst>
        </pc:spChg>
        <pc:spChg chg="add mod">
          <ac:chgData name="Daly Donnacha HSLU I" userId="0f22e960-400a-43ff-baeb-4828c8f5cd3a" providerId="ADAL" clId="{0107A2AC-E230-6340-9D00-A45E25ACF2AC}" dt="2021-03-18T19:01:41.706" v="2250" actId="167"/>
          <ac:spMkLst>
            <pc:docMk/>
            <pc:sldMk cId="2476793434" sldId="370"/>
            <ac:spMk id="48" creationId="{B249823A-52AA-6C44-8716-9B4F917CAAB5}"/>
          </ac:spMkLst>
        </pc:spChg>
        <pc:spChg chg="add mod">
          <ac:chgData name="Daly Donnacha HSLU I" userId="0f22e960-400a-43ff-baeb-4828c8f5cd3a" providerId="ADAL" clId="{0107A2AC-E230-6340-9D00-A45E25ACF2AC}" dt="2021-03-18T19:01:41.706" v="2250" actId="167"/>
          <ac:spMkLst>
            <pc:docMk/>
            <pc:sldMk cId="2476793434" sldId="370"/>
            <ac:spMk id="49" creationId="{23432E0F-261E-EA42-9407-0034E307E41D}"/>
          </ac:spMkLst>
        </pc:spChg>
        <pc:spChg chg="add mod">
          <ac:chgData name="Daly Donnacha HSLU I" userId="0f22e960-400a-43ff-baeb-4828c8f5cd3a" providerId="ADAL" clId="{0107A2AC-E230-6340-9D00-A45E25ACF2AC}" dt="2021-03-18T19:01:41.706" v="2250" actId="167"/>
          <ac:spMkLst>
            <pc:docMk/>
            <pc:sldMk cId="2476793434" sldId="370"/>
            <ac:spMk id="50" creationId="{4726FDE7-6C05-CB43-B236-42384CE1ABA6}"/>
          </ac:spMkLst>
        </pc:spChg>
        <pc:spChg chg="add mod">
          <ac:chgData name="Daly Donnacha HSLU I" userId="0f22e960-400a-43ff-baeb-4828c8f5cd3a" providerId="ADAL" clId="{0107A2AC-E230-6340-9D00-A45E25ACF2AC}" dt="2021-03-18T19:01:41.706" v="2250" actId="167"/>
          <ac:spMkLst>
            <pc:docMk/>
            <pc:sldMk cId="2476793434" sldId="370"/>
            <ac:spMk id="51" creationId="{03D6BD96-49CA-0F42-BA46-B47F600CD4C8}"/>
          </ac:spMkLst>
        </pc:spChg>
        <pc:spChg chg="add mod">
          <ac:chgData name="Daly Donnacha HSLU I" userId="0f22e960-400a-43ff-baeb-4828c8f5cd3a" providerId="ADAL" clId="{0107A2AC-E230-6340-9D00-A45E25ACF2AC}" dt="2021-03-18T19:01:41.706" v="2250" actId="167"/>
          <ac:spMkLst>
            <pc:docMk/>
            <pc:sldMk cId="2476793434" sldId="370"/>
            <ac:spMk id="52" creationId="{B33E69B8-68BC-ED41-BC08-F199F6A3B838}"/>
          </ac:spMkLst>
        </pc:spChg>
        <pc:spChg chg="add mod">
          <ac:chgData name="Daly Donnacha HSLU I" userId="0f22e960-400a-43ff-baeb-4828c8f5cd3a" providerId="ADAL" clId="{0107A2AC-E230-6340-9D00-A45E25ACF2AC}" dt="2021-03-18T19:01:41.706" v="2250" actId="167"/>
          <ac:spMkLst>
            <pc:docMk/>
            <pc:sldMk cId="2476793434" sldId="370"/>
            <ac:spMk id="53" creationId="{6A1E5C16-0684-F247-9BC9-D92996DF88A2}"/>
          </ac:spMkLst>
        </pc:spChg>
        <pc:spChg chg="add mod">
          <ac:chgData name="Daly Donnacha HSLU I" userId="0f22e960-400a-43ff-baeb-4828c8f5cd3a" providerId="ADAL" clId="{0107A2AC-E230-6340-9D00-A45E25ACF2AC}" dt="2021-03-18T19:01:41.706" v="2250" actId="167"/>
          <ac:spMkLst>
            <pc:docMk/>
            <pc:sldMk cId="2476793434" sldId="370"/>
            <ac:spMk id="54" creationId="{8EC2DFFD-0AA5-1744-B713-E00C514F9617}"/>
          </ac:spMkLst>
        </pc:spChg>
        <pc:spChg chg="add mod">
          <ac:chgData name="Daly Donnacha HSLU I" userId="0f22e960-400a-43ff-baeb-4828c8f5cd3a" providerId="ADAL" clId="{0107A2AC-E230-6340-9D00-A45E25ACF2AC}" dt="2021-03-18T19:01:41.706" v="2250" actId="167"/>
          <ac:spMkLst>
            <pc:docMk/>
            <pc:sldMk cId="2476793434" sldId="370"/>
            <ac:spMk id="55" creationId="{D91FBC41-77F3-6D4E-8997-8545E0BDD84B}"/>
          </ac:spMkLst>
        </pc:spChg>
        <pc:spChg chg="add mod">
          <ac:chgData name="Daly Donnacha HSLU I" userId="0f22e960-400a-43ff-baeb-4828c8f5cd3a" providerId="ADAL" clId="{0107A2AC-E230-6340-9D00-A45E25ACF2AC}" dt="2021-03-18T19:01:41.706" v="2250" actId="167"/>
          <ac:spMkLst>
            <pc:docMk/>
            <pc:sldMk cId="2476793434" sldId="370"/>
            <ac:spMk id="56" creationId="{CBF5C29A-0CB3-EB40-BAC1-8112DEFAFAC9}"/>
          </ac:spMkLst>
        </pc:spChg>
        <pc:spChg chg="add mod">
          <ac:chgData name="Daly Donnacha HSLU I" userId="0f22e960-400a-43ff-baeb-4828c8f5cd3a" providerId="ADAL" clId="{0107A2AC-E230-6340-9D00-A45E25ACF2AC}" dt="2021-03-18T19:01:41.706" v="2250" actId="167"/>
          <ac:spMkLst>
            <pc:docMk/>
            <pc:sldMk cId="2476793434" sldId="370"/>
            <ac:spMk id="57" creationId="{10D1618D-6D98-744C-92CF-FE60AF5257A9}"/>
          </ac:spMkLst>
        </pc:spChg>
        <pc:spChg chg="add mod">
          <ac:chgData name="Daly Donnacha HSLU I" userId="0f22e960-400a-43ff-baeb-4828c8f5cd3a" providerId="ADAL" clId="{0107A2AC-E230-6340-9D00-A45E25ACF2AC}" dt="2021-03-18T19:01:41.706" v="2250" actId="167"/>
          <ac:spMkLst>
            <pc:docMk/>
            <pc:sldMk cId="2476793434" sldId="370"/>
            <ac:spMk id="58" creationId="{70396944-19CB-D740-8803-F9F3FC35B876}"/>
          </ac:spMkLst>
        </pc:spChg>
        <pc:spChg chg="add mod">
          <ac:chgData name="Daly Donnacha HSLU I" userId="0f22e960-400a-43ff-baeb-4828c8f5cd3a" providerId="ADAL" clId="{0107A2AC-E230-6340-9D00-A45E25ACF2AC}" dt="2021-03-18T19:01:41.706" v="2250" actId="167"/>
          <ac:spMkLst>
            <pc:docMk/>
            <pc:sldMk cId="2476793434" sldId="370"/>
            <ac:spMk id="59" creationId="{F33F2E68-0D3A-9341-8D46-E7D4E5E644C5}"/>
          </ac:spMkLst>
        </pc:spChg>
        <pc:spChg chg="add mod">
          <ac:chgData name="Daly Donnacha HSLU I" userId="0f22e960-400a-43ff-baeb-4828c8f5cd3a" providerId="ADAL" clId="{0107A2AC-E230-6340-9D00-A45E25ACF2AC}" dt="2021-03-18T19:01:41.706" v="2250" actId="167"/>
          <ac:spMkLst>
            <pc:docMk/>
            <pc:sldMk cId="2476793434" sldId="370"/>
            <ac:spMk id="60" creationId="{D45108EC-345C-D646-831C-ADAE10C3F41E}"/>
          </ac:spMkLst>
        </pc:spChg>
        <pc:spChg chg="add mod">
          <ac:chgData name="Daly Donnacha HSLU I" userId="0f22e960-400a-43ff-baeb-4828c8f5cd3a" providerId="ADAL" clId="{0107A2AC-E230-6340-9D00-A45E25ACF2AC}" dt="2021-03-18T19:01:41.706" v="2250" actId="167"/>
          <ac:spMkLst>
            <pc:docMk/>
            <pc:sldMk cId="2476793434" sldId="370"/>
            <ac:spMk id="61" creationId="{AD27F33D-67A9-9745-BDE6-B19EAA18C687}"/>
          </ac:spMkLst>
        </pc:spChg>
        <pc:spChg chg="add mod">
          <ac:chgData name="Daly Donnacha HSLU I" userId="0f22e960-400a-43ff-baeb-4828c8f5cd3a" providerId="ADAL" clId="{0107A2AC-E230-6340-9D00-A45E25ACF2AC}" dt="2021-03-18T19:01:41.706" v="2250" actId="167"/>
          <ac:spMkLst>
            <pc:docMk/>
            <pc:sldMk cId="2476793434" sldId="370"/>
            <ac:spMk id="62" creationId="{36BBBCB2-11A8-3942-9DF7-61379C27B9FA}"/>
          </ac:spMkLst>
        </pc:spChg>
        <pc:spChg chg="add mod">
          <ac:chgData name="Daly Donnacha HSLU I" userId="0f22e960-400a-43ff-baeb-4828c8f5cd3a" providerId="ADAL" clId="{0107A2AC-E230-6340-9D00-A45E25ACF2AC}" dt="2021-03-18T19:01:41.706" v="2250" actId="167"/>
          <ac:spMkLst>
            <pc:docMk/>
            <pc:sldMk cId="2476793434" sldId="370"/>
            <ac:spMk id="63" creationId="{E54AFA0F-0B3B-8540-B5DC-A9A2F63F5B03}"/>
          </ac:spMkLst>
        </pc:spChg>
        <pc:spChg chg="add mod">
          <ac:chgData name="Daly Donnacha HSLU I" userId="0f22e960-400a-43ff-baeb-4828c8f5cd3a" providerId="ADAL" clId="{0107A2AC-E230-6340-9D00-A45E25ACF2AC}" dt="2021-03-18T19:01:41.706" v="2250" actId="167"/>
          <ac:spMkLst>
            <pc:docMk/>
            <pc:sldMk cId="2476793434" sldId="370"/>
            <ac:spMk id="64" creationId="{5D80C4BC-B727-A844-B951-A96CB21E2214}"/>
          </ac:spMkLst>
        </pc:spChg>
        <pc:spChg chg="add mod">
          <ac:chgData name="Daly Donnacha HSLU I" userId="0f22e960-400a-43ff-baeb-4828c8f5cd3a" providerId="ADAL" clId="{0107A2AC-E230-6340-9D00-A45E25ACF2AC}" dt="2021-03-18T19:01:41.706" v="2250" actId="167"/>
          <ac:spMkLst>
            <pc:docMk/>
            <pc:sldMk cId="2476793434" sldId="370"/>
            <ac:spMk id="65" creationId="{5C95E334-E724-8B48-8C7F-E77EA8169EA9}"/>
          </ac:spMkLst>
        </pc:spChg>
        <pc:spChg chg="add mod">
          <ac:chgData name="Daly Donnacha HSLU I" userId="0f22e960-400a-43ff-baeb-4828c8f5cd3a" providerId="ADAL" clId="{0107A2AC-E230-6340-9D00-A45E25ACF2AC}" dt="2021-03-18T19:01:41.706" v="2250" actId="167"/>
          <ac:spMkLst>
            <pc:docMk/>
            <pc:sldMk cId="2476793434" sldId="370"/>
            <ac:spMk id="66" creationId="{7746A0EC-4BEC-8B4E-8C63-FF03DE75FFBF}"/>
          </ac:spMkLst>
        </pc:spChg>
        <pc:spChg chg="add mod">
          <ac:chgData name="Daly Donnacha HSLU I" userId="0f22e960-400a-43ff-baeb-4828c8f5cd3a" providerId="ADAL" clId="{0107A2AC-E230-6340-9D00-A45E25ACF2AC}" dt="2021-03-18T19:01:41.706" v="2250" actId="167"/>
          <ac:spMkLst>
            <pc:docMk/>
            <pc:sldMk cId="2476793434" sldId="370"/>
            <ac:spMk id="67" creationId="{117E4AC9-26C9-214A-A126-EBAE77016591}"/>
          </ac:spMkLst>
        </pc:spChg>
        <pc:spChg chg="add mod">
          <ac:chgData name="Daly Donnacha HSLU I" userId="0f22e960-400a-43ff-baeb-4828c8f5cd3a" providerId="ADAL" clId="{0107A2AC-E230-6340-9D00-A45E25ACF2AC}" dt="2021-03-18T19:01:41.706" v="2250" actId="167"/>
          <ac:spMkLst>
            <pc:docMk/>
            <pc:sldMk cId="2476793434" sldId="370"/>
            <ac:spMk id="68" creationId="{4EB916DF-F3D5-0A44-A804-F075C73C0207}"/>
          </ac:spMkLst>
        </pc:spChg>
        <pc:spChg chg="add mod">
          <ac:chgData name="Daly Donnacha HSLU I" userId="0f22e960-400a-43ff-baeb-4828c8f5cd3a" providerId="ADAL" clId="{0107A2AC-E230-6340-9D00-A45E25ACF2AC}" dt="2021-03-18T19:01:41.706" v="2250" actId="167"/>
          <ac:spMkLst>
            <pc:docMk/>
            <pc:sldMk cId="2476793434" sldId="370"/>
            <ac:spMk id="69" creationId="{D716AF2E-0337-3B44-97A1-9BE81879A8A0}"/>
          </ac:spMkLst>
        </pc:spChg>
        <pc:spChg chg="add mod">
          <ac:chgData name="Daly Donnacha HSLU I" userId="0f22e960-400a-43ff-baeb-4828c8f5cd3a" providerId="ADAL" clId="{0107A2AC-E230-6340-9D00-A45E25ACF2AC}" dt="2021-03-18T19:01:41.706" v="2250" actId="167"/>
          <ac:spMkLst>
            <pc:docMk/>
            <pc:sldMk cId="2476793434" sldId="370"/>
            <ac:spMk id="70" creationId="{1E767E24-E2B5-D94F-842E-12DD5283F34A}"/>
          </ac:spMkLst>
        </pc:spChg>
        <pc:spChg chg="add mod">
          <ac:chgData name="Daly Donnacha HSLU I" userId="0f22e960-400a-43ff-baeb-4828c8f5cd3a" providerId="ADAL" clId="{0107A2AC-E230-6340-9D00-A45E25ACF2AC}" dt="2021-03-18T19:01:41.706" v="2250" actId="167"/>
          <ac:spMkLst>
            <pc:docMk/>
            <pc:sldMk cId="2476793434" sldId="370"/>
            <ac:spMk id="71" creationId="{A50666BE-5439-1340-AE62-968381A4CBC0}"/>
          </ac:spMkLst>
        </pc:spChg>
        <pc:spChg chg="add mod">
          <ac:chgData name="Daly Donnacha HSLU I" userId="0f22e960-400a-43ff-baeb-4828c8f5cd3a" providerId="ADAL" clId="{0107A2AC-E230-6340-9D00-A45E25ACF2AC}" dt="2021-03-18T19:01:41.706" v="2250" actId="167"/>
          <ac:spMkLst>
            <pc:docMk/>
            <pc:sldMk cId="2476793434" sldId="370"/>
            <ac:spMk id="72" creationId="{FF841B5D-B086-794C-90D1-DC989C2EAF5D}"/>
          </ac:spMkLst>
        </pc:spChg>
        <pc:spChg chg="add mod">
          <ac:chgData name="Daly Donnacha HSLU I" userId="0f22e960-400a-43ff-baeb-4828c8f5cd3a" providerId="ADAL" clId="{0107A2AC-E230-6340-9D00-A45E25ACF2AC}" dt="2021-03-18T19:01:41.706" v="2250" actId="167"/>
          <ac:spMkLst>
            <pc:docMk/>
            <pc:sldMk cId="2476793434" sldId="370"/>
            <ac:spMk id="73" creationId="{C60158A7-7F1E-BA4D-B06A-2F12D847515E}"/>
          </ac:spMkLst>
        </pc:spChg>
        <pc:spChg chg="add mod">
          <ac:chgData name="Daly Donnacha HSLU I" userId="0f22e960-400a-43ff-baeb-4828c8f5cd3a" providerId="ADAL" clId="{0107A2AC-E230-6340-9D00-A45E25ACF2AC}" dt="2021-03-18T19:02:32.512" v="2262" actId="1076"/>
          <ac:spMkLst>
            <pc:docMk/>
            <pc:sldMk cId="2476793434" sldId="370"/>
            <ac:spMk id="74" creationId="{A6E5050F-DB64-2840-A233-324B86C4EEE2}"/>
          </ac:spMkLst>
        </pc:spChg>
        <pc:spChg chg="add mod">
          <ac:chgData name="Daly Donnacha HSLU I" userId="0f22e960-400a-43ff-baeb-4828c8f5cd3a" providerId="ADAL" clId="{0107A2AC-E230-6340-9D00-A45E25ACF2AC}" dt="2021-03-18T19:05:34.331" v="2290" actId="207"/>
          <ac:spMkLst>
            <pc:docMk/>
            <pc:sldMk cId="2476793434" sldId="370"/>
            <ac:spMk id="87" creationId="{2760D2B5-865D-914D-BD11-37829913196F}"/>
          </ac:spMkLst>
        </pc:spChg>
        <pc:spChg chg="add mod">
          <ac:chgData name="Daly Donnacha HSLU I" userId="0f22e960-400a-43ff-baeb-4828c8f5cd3a" providerId="ADAL" clId="{0107A2AC-E230-6340-9D00-A45E25ACF2AC}" dt="2021-03-18T19:09:18.392" v="2336" actId="1035"/>
          <ac:spMkLst>
            <pc:docMk/>
            <pc:sldMk cId="2476793434" sldId="370"/>
            <ac:spMk id="88" creationId="{BD9ADBBD-66D1-A04C-B808-6B69DCA7B82A}"/>
          </ac:spMkLst>
        </pc:spChg>
        <pc:spChg chg="add mod">
          <ac:chgData name="Daly Donnacha HSLU I" userId="0f22e960-400a-43ff-baeb-4828c8f5cd3a" providerId="ADAL" clId="{0107A2AC-E230-6340-9D00-A45E25ACF2AC}" dt="2021-03-18T19:09:18.392" v="2336" actId="1035"/>
          <ac:spMkLst>
            <pc:docMk/>
            <pc:sldMk cId="2476793434" sldId="370"/>
            <ac:spMk id="89" creationId="{B4CA21CF-D234-D443-8E44-88509231D464}"/>
          </ac:spMkLst>
        </pc:spChg>
        <pc:spChg chg="add mod">
          <ac:chgData name="Daly Donnacha HSLU I" userId="0f22e960-400a-43ff-baeb-4828c8f5cd3a" providerId="ADAL" clId="{0107A2AC-E230-6340-9D00-A45E25ACF2AC}" dt="2021-03-18T19:11:41.525" v="2369" actId="113"/>
          <ac:spMkLst>
            <pc:docMk/>
            <pc:sldMk cId="2476793434" sldId="370"/>
            <ac:spMk id="90" creationId="{B6429095-2543-4246-9448-6FEA594B44E7}"/>
          </ac:spMkLst>
        </pc:spChg>
        <pc:spChg chg="add mod">
          <ac:chgData name="Daly Donnacha HSLU I" userId="0f22e960-400a-43ff-baeb-4828c8f5cd3a" providerId="ADAL" clId="{0107A2AC-E230-6340-9D00-A45E25ACF2AC}" dt="2021-03-19T04:23:08.278" v="3279" actId="1076"/>
          <ac:spMkLst>
            <pc:docMk/>
            <pc:sldMk cId="2476793434" sldId="370"/>
            <ac:spMk id="91" creationId="{C7D53C02-9253-354B-BC6B-616D28D29B3A}"/>
          </ac:spMkLst>
        </pc:spChg>
        <pc:spChg chg="add del mod">
          <ac:chgData name="Daly Donnacha HSLU I" userId="0f22e960-400a-43ff-baeb-4828c8f5cd3a" providerId="ADAL" clId="{0107A2AC-E230-6340-9D00-A45E25ACF2AC}" dt="2021-03-18T19:10:05.914" v="2340" actId="478"/>
          <ac:spMkLst>
            <pc:docMk/>
            <pc:sldMk cId="2476793434" sldId="370"/>
            <ac:spMk id="92" creationId="{82AC44F9-2456-FA41-ABCB-CF30BCBEAF16}"/>
          </ac:spMkLst>
        </pc:spChg>
        <pc:cxnChg chg="add mod">
          <ac:chgData name="Daly Donnacha HSLU I" userId="0f22e960-400a-43ff-baeb-4828c8f5cd3a" providerId="ADAL" clId="{0107A2AC-E230-6340-9D00-A45E25ACF2AC}" dt="2021-03-18T18:44:29.930" v="1831"/>
          <ac:cxnSpMkLst>
            <pc:docMk/>
            <pc:sldMk cId="2476793434" sldId="370"/>
            <ac:cxnSpMk id="4" creationId="{6B973FB0-C994-2F42-9FB3-CC9839ECB778}"/>
          </ac:cxnSpMkLst>
        </pc:cxnChg>
        <pc:cxnChg chg="add mod">
          <ac:chgData name="Daly Donnacha HSLU I" userId="0f22e960-400a-43ff-baeb-4828c8f5cd3a" providerId="ADAL" clId="{0107A2AC-E230-6340-9D00-A45E25ACF2AC}" dt="2021-03-18T18:44:29.930" v="1831"/>
          <ac:cxnSpMkLst>
            <pc:docMk/>
            <pc:sldMk cId="2476793434" sldId="370"/>
            <ac:cxnSpMk id="5" creationId="{71D30BF9-E658-EA4D-93E2-E83268EBEE35}"/>
          </ac:cxnSpMkLst>
        </pc:cxnChg>
        <pc:cxnChg chg="add mod">
          <ac:chgData name="Daly Donnacha HSLU I" userId="0f22e960-400a-43ff-baeb-4828c8f5cd3a" providerId="ADAL" clId="{0107A2AC-E230-6340-9D00-A45E25ACF2AC}" dt="2021-03-18T18:44:29.930" v="1831"/>
          <ac:cxnSpMkLst>
            <pc:docMk/>
            <pc:sldMk cId="2476793434" sldId="370"/>
            <ac:cxnSpMk id="33" creationId="{2848C078-02B3-774F-B0B9-63704EDBCD9C}"/>
          </ac:cxnSpMkLst>
        </pc:cxnChg>
        <pc:cxnChg chg="add mod">
          <ac:chgData name="Daly Donnacha HSLU I" userId="0f22e960-400a-43ff-baeb-4828c8f5cd3a" providerId="ADAL" clId="{0107A2AC-E230-6340-9D00-A45E25ACF2AC}" dt="2021-03-18T18:44:29.930" v="1831"/>
          <ac:cxnSpMkLst>
            <pc:docMk/>
            <pc:sldMk cId="2476793434" sldId="370"/>
            <ac:cxnSpMk id="37" creationId="{1881583B-6703-EA4C-A62B-15154C21B16B}"/>
          </ac:cxnSpMkLst>
        </pc:cxnChg>
        <pc:cxnChg chg="add mod">
          <ac:chgData name="Daly Donnacha HSLU I" userId="0f22e960-400a-43ff-baeb-4828c8f5cd3a" providerId="ADAL" clId="{0107A2AC-E230-6340-9D00-A45E25ACF2AC}" dt="2021-03-18T18:44:29.930" v="1831"/>
          <ac:cxnSpMkLst>
            <pc:docMk/>
            <pc:sldMk cId="2476793434" sldId="370"/>
            <ac:cxnSpMk id="38" creationId="{FE625AAE-6FB0-C448-9F1C-274AD62EBEE5}"/>
          </ac:cxnSpMkLst>
        </pc:cxnChg>
        <pc:cxnChg chg="add del mod">
          <ac:chgData name="Daly Donnacha HSLU I" userId="0f22e960-400a-43ff-baeb-4828c8f5cd3a" providerId="ADAL" clId="{0107A2AC-E230-6340-9D00-A45E25ACF2AC}" dt="2021-03-18T19:01:33.446" v="2248" actId="478"/>
          <ac:cxnSpMkLst>
            <pc:docMk/>
            <pc:sldMk cId="2476793434" sldId="370"/>
            <ac:cxnSpMk id="40" creationId="{A2C31FF8-4EC2-8C4A-B27F-EF8BB2E8759F}"/>
          </ac:cxnSpMkLst>
        </pc:cxnChg>
        <pc:cxnChg chg="add del mod">
          <ac:chgData name="Daly Donnacha HSLU I" userId="0f22e960-400a-43ff-baeb-4828c8f5cd3a" providerId="ADAL" clId="{0107A2AC-E230-6340-9D00-A45E25ACF2AC}" dt="2021-03-18T18:51:23.269" v="2035" actId="478"/>
          <ac:cxnSpMkLst>
            <pc:docMk/>
            <pc:sldMk cId="2476793434" sldId="370"/>
            <ac:cxnSpMk id="41" creationId="{C0C0B620-2878-DD47-9B1E-957070F86F23}"/>
          </ac:cxnSpMkLst>
        </pc:cxnChg>
        <pc:cxnChg chg="add mod">
          <ac:chgData name="Daly Donnacha HSLU I" userId="0f22e960-400a-43ff-baeb-4828c8f5cd3a" providerId="ADAL" clId="{0107A2AC-E230-6340-9D00-A45E25ACF2AC}" dt="2021-03-18T19:03:05.131" v="2266" actId="693"/>
          <ac:cxnSpMkLst>
            <pc:docMk/>
            <pc:sldMk cId="2476793434" sldId="370"/>
            <ac:cxnSpMk id="75" creationId="{1E8088B9-F4D2-314B-A0A2-D9C71CBF165C}"/>
          </ac:cxnSpMkLst>
        </pc:cxnChg>
        <pc:cxnChg chg="add mod">
          <ac:chgData name="Daly Donnacha HSLU I" userId="0f22e960-400a-43ff-baeb-4828c8f5cd3a" providerId="ADAL" clId="{0107A2AC-E230-6340-9D00-A45E25ACF2AC}" dt="2021-03-18T19:03:33.670" v="2272" actId="14100"/>
          <ac:cxnSpMkLst>
            <pc:docMk/>
            <pc:sldMk cId="2476793434" sldId="370"/>
            <ac:cxnSpMk id="77" creationId="{20C5AEFE-CA7A-7D43-8AA8-DA3E015017DE}"/>
          </ac:cxnSpMkLst>
        </pc:cxnChg>
        <pc:cxnChg chg="add mod">
          <ac:chgData name="Daly Donnacha HSLU I" userId="0f22e960-400a-43ff-baeb-4828c8f5cd3a" providerId="ADAL" clId="{0107A2AC-E230-6340-9D00-A45E25ACF2AC}" dt="2021-03-18T19:04:25.151" v="2279" actId="208"/>
          <ac:cxnSpMkLst>
            <pc:docMk/>
            <pc:sldMk cId="2476793434" sldId="370"/>
            <ac:cxnSpMk id="83" creationId="{2E8602F4-76C1-6D41-95EC-A3B5F0F97076}"/>
          </ac:cxnSpMkLst>
        </pc:cxnChg>
      </pc:sldChg>
      <pc:sldChg chg="addSp delSp modSp new mod">
        <pc:chgData name="Daly Donnacha HSLU I" userId="0f22e960-400a-43ff-baeb-4828c8f5cd3a" providerId="ADAL" clId="{0107A2AC-E230-6340-9D00-A45E25ACF2AC}" dt="2021-03-19T07:26:59.456" v="7510" actId="1035"/>
        <pc:sldMkLst>
          <pc:docMk/>
          <pc:sldMk cId="1547300287" sldId="371"/>
        </pc:sldMkLst>
        <pc:spChg chg="mod">
          <ac:chgData name="Daly Donnacha HSLU I" userId="0f22e960-400a-43ff-baeb-4828c8f5cd3a" providerId="ADAL" clId="{0107A2AC-E230-6340-9D00-A45E25ACF2AC}" dt="2021-03-18T18:33:21.738" v="1687" actId="20577"/>
          <ac:spMkLst>
            <pc:docMk/>
            <pc:sldMk cId="1547300287" sldId="371"/>
            <ac:spMk id="2" creationId="{AD6554B0-B8EE-4D4D-AF31-B9E0B2CC4CA7}"/>
          </ac:spMkLst>
        </pc:spChg>
        <pc:spChg chg="add mod">
          <ac:chgData name="Daly Donnacha HSLU I" userId="0f22e960-400a-43ff-baeb-4828c8f5cd3a" providerId="ADAL" clId="{0107A2AC-E230-6340-9D00-A45E25ACF2AC}" dt="2021-03-18T18:41:41.161" v="1808" actId="1076"/>
          <ac:spMkLst>
            <pc:docMk/>
            <pc:sldMk cId="1547300287" sldId="371"/>
            <ac:spMk id="3" creationId="{CD9B5C68-F510-B447-B2C8-4A856FF67E02}"/>
          </ac:spMkLst>
        </pc:spChg>
        <pc:spChg chg="add mod">
          <ac:chgData name="Daly Donnacha HSLU I" userId="0f22e960-400a-43ff-baeb-4828c8f5cd3a" providerId="ADAL" clId="{0107A2AC-E230-6340-9D00-A45E25ACF2AC}" dt="2021-03-19T07:26:59.456" v="7510" actId="1035"/>
          <ac:spMkLst>
            <pc:docMk/>
            <pc:sldMk cId="1547300287" sldId="371"/>
            <ac:spMk id="4" creationId="{31F10724-C84D-E94F-A7BE-C78377E15F00}"/>
          </ac:spMkLst>
        </pc:spChg>
        <pc:spChg chg="add mod">
          <ac:chgData name="Daly Donnacha HSLU I" userId="0f22e960-400a-43ff-baeb-4828c8f5cd3a" providerId="ADAL" clId="{0107A2AC-E230-6340-9D00-A45E25ACF2AC}" dt="2021-03-18T18:40:09.479" v="1784" actId="403"/>
          <ac:spMkLst>
            <pc:docMk/>
            <pc:sldMk cId="1547300287" sldId="371"/>
            <ac:spMk id="7" creationId="{678BF1D1-7EEB-BB49-8E51-F6BB3C18D94E}"/>
          </ac:spMkLst>
        </pc:spChg>
        <pc:spChg chg="add mod">
          <ac:chgData name="Daly Donnacha HSLU I" userId="0f22e960-400a-43ff-baeb-4828c8f5cd3a" providerId="ADAL" clId="{0107A2AC-E230-6340-9D00-A45E25ACF2AC}" dt="2021-03-18T18:40:09.479" v="1784" actId="403"/>
          <ac:spMkLst>
            <pc:docMk/>
            <pc:sldMk cId="1547300287" sldId="371"/>
            <ac:spMk id="8" creationId="{D861FAFE-F059-1D41-A02B-102AC9F0625F}"/>
          </ac:spMkLst>
        </pc:spChg>
        <pc:spChg chg="add mod">
          <ac:chgData name="Daly Donnacha HSLU I" userId="0f22e960-400a-43ff-baeb-4828c8f5cd3a" providerId="ADAL" clId="{0107A2AC-E230-6340-9D00-A45E25ACF2AC}" dt="2021-03-18T18:40:09.479" v="1784" actId="403"/>
          <ac:spMkLst>
            <pc:docMk/>
            <pc:sldMk cId="1547300287" sldId="371"/>
            <ac:spMk id="9" creationId="{C650CFFE-2423-104B-90AD-8D709344AA99}"/>
          </ac:spMkLst>
        </pc:spChg>
        <pc:spChg chg="add mod">
          <ac:chgData name="Daly Donnacha HSLU I" userId="0f22e960-400a-43ff-baeb-4828c8f5cd3a" providerId="ADAL" clId="{0107A2AC-E230-6340-9D00-A45E25ACF2AC}" dt="2021-03-18T18:40:09.479" v="1784" actId="403"/>
          <ac:spMkLst>
            <pc:docMk/>
            <pc:sldMk cId="1547300287" sldId="371"/>
            <ac:spMk id="10" creationId="{8E2F1092-1E56-F540-8C83-F103F9A9AE9E}"/>
          </ac:spMkLst>
        </pc:spChg>
        <pc:spChg chg="add mod">
          <ac:chgData name="Daly Donnacha HSLU I" userId="0f22e960-400a-43ff-baeb-4828c8f5cd3a" providerId="ADAL" clId="{0107A2AC-E230-6340-9D00-A45E25ACF2AC}" dt="2021-03-18T18:40:09.479" v="1784" actId="403"/>
          <ac:spMkLst>
            <pc:docMk/>
            <pc:sldMk cId="1547300287" sldId="371"/>
            <ac:spMk id="11" creationId="{3D704DB6-CCB4-B947-A528-6D0529BE8622}"/>
          </ac:spMkLst>
        </pc:spChg>
        <pc:spChg chg="add mod">
          <ac:chgData name="Daly Donnacha HSLU I" userId="0f22e960-400a-43ff-baeb-4828c8f5cd3a" providerId="ADAL" clId="{0107A2AC-E230-6340-9D00-A45E25ACF2AC}" dt="2021-03-18T18:40:09.479" v="1784" actId="403"/>
          <ac:spMkLst>
            <pc:docMk/>
            <pc:sldMk cId="1547300287" sldId="371"/>
            <ac:spMk id="12" creationId="{AAE35DD4-D7CB-9044-B399-990A25DCFFF2}"/>
          </ac:spMkLst>
        </pc:spChg>
        <pc:spChg chg="add mod">
          <ac:chgData name="Daly Donnacha HSLU I" userId="0f22e960-400a-43ff-baeb-4828c8f5cd3a" providerId="ADAL" clId="{0107A2AC-E230-6340-9D00-A45E25ACF2AC}" dt="2021-03-18T18:40:09.479" v="1784" actId="403"/>
          <ac:spMkLst>
            <pc:docMk/>
            <pc:sldMk cId="1547300287" sldId="371"/>
            <ac:spMk id="13" creationId="{7C4448C3-32E5-394F-BD86-FCDF7C80ABC5}"/>
          </ac:spMkLst>
        </pc:spChg>
        <pc:spChg chg="add mod">
          <ac:chgData name="Daly Donnacha HSLU I" userId="0f22e960-400a-43ff-baeb-4828c8f5cd3a" providerId="ADAL" clId="{0107A2AC-E230-6340-9D00-A45E25ACF2AC}" dt="2021-03-18T18:40:09.479" v="1784" actId="403"/>
          <ac:spMkLst>
            <pc:docMk/>
            <pc:sldMk cId="1547300287" sldId="371"/>
            <ac:spMk id="14" creationId="{9BB067ED-2DD7-E244-850B-A8772CE99B1D}"/>
          </ac:spMkLst>
        </pc:spChg>
        <pc:spChg chg="add mod">
          <ac:chgData name="Daly Donnacha HSLU I" userId="0f22e960-400a-43ff-baeb-4828c8f5cd3a" providerId="ADAL" clId="{0107A2AC-E230-6340-9D00-A45E25ACF2AC}" dt="2021-03-18T18:40:09.479" v="1784" actId="403"/>
          <ac:spMkLst>
            <pc:docMk/>
            <pc:sldMk cId="1547300287" sldId="371"/>
            <ac:spMk id="15" creationId="{70026F05-A8AA-524B-82AB-F7A43E59B153}"/>
          </ac:spMkLst>
        </pc:spChg>
        <pc:spChg chg="add mod">
          <ac:chgData name="Daly Donnacha HSLU I" userId="0f22e960-400a-43ff-baeb-4828c8f5cd3a" providerId="ADAL" clId="{0107A2AC-E230-6340-9D00-A45E25ACF2AC}" dt="2021-03-18T18:40:09.479" v="1784" actId="403"/>
          <ac:spMkLst>
            <pc:docMk/>
            <pc:sldMk cId="1547300287" sldId="371"/>
            <ac:spMk id="16" creationId="{DDCEA67D-3C9B-DB42-8B68-6483B85D0F1A}"/>
          </ac:spMkLst>
        </pc:spChg>
        <pc:spChg chg="add mod">
          <ac:chgData name="Daly Donnacha HSLU I" userId="0f22e960-400a-43ff-baeb-4828c8f5cd3a" providerId="ADAL" clId="{0107A2AC-E230-6340-9D00-A45E25ACF2AC}" dt="2021-03-18T18:40:09.479" v="1784" actId="403"/>
          <ac:spMkLst>
            <pc:docMk/>
            <pc:sldMk cId="1547300287" sldId="371"/>
            <ac:spMk id="17" creationId="{1FAAC1E0-A6F4-A64A-B43C-6270B27C9972}"/>
          </ac:spMkLst>
        </pc:spChg>
        <pc:spChg chg="add mod">
          <ac:chgData name="Daly Donnacha HSLU I" userId="0f22e960-400a-43ff-baeb-4828c8f5cd3a" providerId="ADAL" clId="{0107A2AC-E230-6340-9D00-A45E25ACF2AC}" dt="2021-03-18T18:40:09.479" v="1784" actId="403"/>
          <ac:spMkLst>
            <pc:docMk/>
            <pc:sldMk cId="1547300287" sldId="371"/>
            <ac:spMk id="18" creationId="{358B9C5D-D267-7846-8300-4356EADDDC6B}"/>
          </ac:spMkLst>
        </pc:spChg>
        <pc:spChg chg="add mod">
          <ac:chgData name="Daly Donnacha HSLU I" userId="0f22e960-400a-43ff-baeb-4828c8f5cd3a" providerId="ADAL" clId="{0107A2AC-E230-6340-9D00-A45E25ACF2AC}" dt="2021-03-18T18:40:09.479" v="1784" actId="403"/>
          <ac:spMkLst>
            <pc:docMk/>
            <pc:sldMk cId="1547300287" sldId="371"/>
            <ac:spMk id="19" creationId="{01E0A3CA-C7AE-7348-9018-3D0D51FFEDEE}"/>
          </ac:spMkLst>
        </pc:spChg>
        <pc:spChg chg="add mod">
          <ac:chgData name="Daly Donnacha HSLU I" userId="0f22e960-400a-43ff-baeb-4828c8f5cd3a" providerId="ADAL" clId="{0107A2AC-E230-6340-9D00-A45E25ACF2AC}" dt="2021-03-18T18:40:09.479" v="1784" actId="403"/>
          <ac:spMkLst>
            <pc:docMk/>
            <pc:sldMk cId="1547300287" sldId="371"/>
            <ac:spMk id="20" creationId="{769EEFBF-CF65-A046-ADBB-D4ED706458A7}"/>
          </ac:spMkLst>
        </pc:spChg>
        <pc:spChg chg="add mod">
          <ac:chgData name="Daly Donnacha HSLU I" userId="0f22e960-400a-43ff-baeb-4828c8f5cd3a" providerId="ADAL" clId="{0107A2AC-E230-6340-9D00-A45E25ACF2AC}" dt="2021-03-18T18:40:09.479" v="1784" actId="403"/>
          <ac:spMkLst>
            <pc:docMk/>
            <pc:sldMk cId="1547300287" sldId="371"/>
            <ac:spMk id="21" creationId="{217AD471-EDAE-ED40-A65E-2B1D68C74135}"/>
          </ac:spMkLst>
        </pc:spChg>
        <pc:spChg chg="add mod">
          <ac:chgData name="Daly Donnacha HSLU I" userId="0f22e960-400a-43ff-baeb-4828c8f5cd3a" providerId="ADAL" clId="{0107A2AC-E230-6340-9D00-A45E25ACF2AC}" dt="2021-03-18T18:40:09.479" v="1784" actId="403"/>
          <ac:spMkLst>
            <pc:docMk/>
            <pc:sldMk cId="1547300287" sldId="371"/>
            <ac:spMk id="22" creationId="{529CB7C1-EC6D-AF46-87A2-64207029574B}"/>
          </ac:spMkLst>
        </pc:spChg>
        <pc:spChg chg="add mod">
          <ac:chgData name="Daly Donnacha HSLU I" userId="0f22e960-400a-43ff-baeb-4828c8f5cd3a" providerId="ADAL" clId="{0107A2AC-E230-6340-9D00-A45E25ACF2AC}" dt="2021-03-18T18:40:09.479" v="1784" actId="403"/>
          <ac:spMkLst>
            <pc:docMk/>
            <pc:sldMk cId="1547300287" sldId="371"/>
            <ac:spMk id="23" creationId="{141BDC74-5A4C-AD4E-9F33-1A9447BAA107}"/>
          </ac:spMkLst>
        </pc:spChg>
        <pc:spChg chg="add mod">
          <ac:chgData name="Daly Donnacha HSLU I" userId="0f22e960-400a-43ff-baeb-4828c8f5cd3a" providerId="ADAL" clId="{0107A2AC-E230-6340-9D00-A45E25ACF2AC}" dt="2021-03-18T18:40:09.479" v="1784" actId="403"/>
          <ac:spMkLst>
            <pc:docMk/>
            <pc:sldMk cId="1547300287" sldId="371"/>
            <ac:spMk id="24" creationId="{5487FD03-0483-9F4F-86B5-68080CA37907}"/>
          </ac:spMkLst>
        </pc:spChg>
        <pc:spChg chg="add mod">
          <ac:chgData name="Daly Donnacha HSLU I" userId="0f22e960-400a-43ff-baeb-4828c8f5cd3a" providerId="ADAL" clId="{0107A2AC-E230-6340-9D00-A45E25ACF2AC}" dt="2021-03-18T18:40:09.479" v="1784" actId="403"/>
          <ac:spMkLst>
            <pc:docMk/>
            <pc:sldMk cId="1547300287" sldId="371"/>
            <ac:spMk id="25" creationId="{DEF4BD94-8EBB-D84C-ACBC-35C89C53701A}"/>
          </ac:spMkLst>
        </pc:spChg>
        <pc:spChg chg="add mod">
          <ac:chgData name="Daly Donnacha HSLU I" userId="0f22e960-400a-43ff-baeb-4828c8f5cd3a" providerId="ADAL" clId="{0107A2AC-E230-6340-9D00-A45E25ACF2AC}" dt="2021-03-18T18:40:09.479" v="1784" actId="403"/>
          <ac:spMkLst>
            <pc:docMk/>
            <pc:sldMk cId="1547300287" sldId="371"/>
            <ac:spMk id="26" creationId="{BDD44051-3D0D-B448-82D1-9C4A70F6D59A}"/>
          </ac:spMkLst>
        </pc:spChg>
        <pc:spChg chg="add mod">
          <ac:chgData name="Daly Donnacha HSLU I" userId="0f22e960-400a-43ff-baeb-4828c8f5cd3a" providerId="ADAL" clId="{0107A2AC-E230-6340-9D00-A45E25ACF2AC}" dt="2021-03-18T18:40:09.479" v="1784" actId="403"/>
          <ac:spMkLst>
            <pc:docMk/>
            <pc:sldMk cId="1547300287" sldId="371"/>
            <ac:spMk id="27" creationId="{E2F0AD8A-32AE-794A-B48A-3AA776B711BA}"/>
          </ac:spMkLst>
        </pc:spChg>
        <pc:spChg chg="add mod">
          <ac:chgData name="Daly Donnacha HSLU I" userId="0f22e960-400a-43ff-baeb-4828c8f5cd3a" providerId="ADAL" clId="{0107A2AC-E230-6340-9D00-A45E25ACF2AC}" dt="2021-03-18T18:40:09.479" v="1784" actId="403"/>
          <ac:spMkLst>
            <pc:docMk/>
            <pc:sldMk cId="1547300287" sldId="371"/>
            <ac:spMk id="28" creationId="{6D5AAB26-66CD-D341-A52D-F5689E5CA38E}"/>
          </ac:spMkLst>
        </pc:spChg>
        <pc:spChg chg="add mod">
          <ac:chgData name="Daly Donnacha HSLU I" userId="0f22e960-400a-43ff-baeb-4828c8f5cd3a" providerId="ADAL" clId="{0107A2AC-E230-6340-9D00-A45E25ACF2AC}" dt="2021-03-18T18:40:09.479" v="1784" actId="403"/>
          <ac:spMkLst>
            <pc:docMk/>
            <pc:sldMk cId="1547300287" sldId="371"/>
            <ac:spMk id="29" creationId="{336FBCAF-7B2C-AC44-BCB0-4E830FB5DAB2}"/>
          </ac:spMkLst>
        </pc:spChg>
        <pc:spChg chg="add mod">
          <ac:chgData name="Daly Donnacha HSLU I" userId="0f22e960-400a-43ff-baeb-4828c8f5cd3a" providerId="ADAL" clId="{0107A2AC-E230-6340-9D00-A45E25ACF2AC}" dt="2021-03-18T18:40:09.479" v="1784" actId="403"/>
          <ac:spMkLst>
            <pc:docMk/>
            <pc:sldMk cId="1547300287" sldId="371"/>
            <ac:spMk id="30" creationId="{187205F9-849B-9F44-BE4D-C2D448F3BA53}"/>
          </ac:spMkLst>
        </pc:spChg>
        <pc:spChg chg="add mod">
          <ac:chgData name="Daly Donnacha HSLU I" userId="0f22e960-400a-43ff-baeb-4828c8f5cd3a" providerId="ADAL" clId="{0107A2AC-E230-6340-9D00-A45E25ACF2AC}" dt="2021-03-18T18:40:09.479" v="1784" actId="403"/>
          <ac:spMkLst>
            <pc:docMk/>
            <pc:sldMk cId="1547300287" sldId="371"/>
            <ac:spMk id="31" creationId="{FB326437-5F2E-1545-A0D4-2AC75A75E6AD}"/>
          </ac:spMkLst>
        </pc:spChg>
        <pc:spChg chg="add mod">
          <ac:chgData name="Daly Donnacha HSLU I" userId="0f22e960-400a-43ff-baeb-4828c8f5cd3a" providerId="ADAL" clId="{0107A2AC-E230-6340-9D00-A45E25ACF2AC}" dt="2021-03-18T18:40:09.479" v="1784" actId="403"/>
          <ac:spMkLst>
            <pc:docMk/>
            <pc:sldMk cId="1547300287" sldId="371"/>
            <ac:spMk id="32" creationId="{B2F67475-3533-3D40-9E2F-60DF4DE151E4}"/>
          </ac:spMkLst>
        </pc:spChg>
        <pc:spChg chg="add mod">
          <ac:chgData name="Daly Donnacha HSLU I" userId="0f22e960-400a-43ff-baeb-4828c8f5cd3a" providerId="ADAL" clId="{0107A2AC-E230-6340-9D00-A45E25ACF2AC}" dt="2021-03-18T18:40:09.479" v="1784" actId="403"/>
          <ac:spMkLst>
            <pc:docMk/>
            <pc:sldMk cId="1547300287" sldId="371"/>
            <ac:spMk id="33" creationId="{3869C1E3-47BE-5444-B80A-61D3BC54BC83}"/>
          </ac:spMkLst>
        </pc:spChg>
        <pc:spChg chg="add mod">
          <ac:chgData name="Daly Donnacha HSLU I" userId="0f22e960-400a-43ff-baeb-4828c8f5cd3a" providerId="ADAL" clId="{0107A2AC-E230-6340-9D00-A45E25ACF2AC}" dt="2021-03-18T18:40:09.479" v="1784" actId="403"/>
          <ac:spMkLst>
            <pc:docMk/>
            <pc:sldMk cId="1547300287" sldId="371"/>
            <ac:spMk id="35" creationId="{43C8A25A-2735-CF48-95B3-9B317DF5C7F5}"/>
          </ac:spMkLst>
        </pc:spChg>
        <pc:spChg chg="add mod">
          <ac:chgData name="Daly Donnacha HSLU I" userId="0f22e960-400a-43ff-baeb-4828c8f5cd3a" providerId="ADAL" clId="{0107A2AC-E230-6340-9D00-A45E25ACF2AC}" dt="2021-03-18T18:40:09.479" v="1784" actId="403"/>
          <ac:spMkLst>
            <pc:docMk/>
            <pc:sldMk cId="1547300287" sldId="371"/>
            <ac:spMk id="36" creationId="{913C63E9-F888-754E-A9E8-5A965626F4FA}"/>
          </ac:spMkLst>
        </pc:spChg>
        <pc:spChg chg="add del mod">
          <ac:chgData name="Daly Donnacha HSLU I" userId="0f22e960-400a-43ff-baeb-4828c8f5cd3a" providerId="ADAL" clId="{0107A2AC-E230-6340-9D00-A45E25ACF2AC}" dt="2021-03-18T18:46:04.200" v="1852" actId="478"/>
          <ac:spMkLst>
            <pc:docMk/>
            <pc:sldMk cId="1547300287" sldId="371"/>
            <ac:spMk id="37" creationId="{7EF7F674-50C5-8545-A950-F868D3695AB1}"/>
          </ac:spMkLst>
        </pc:spChg>
        <pc:spChg chg="add mod">
          <ac:chgData name="Daly Donnacha HSLU I" userId="0f22e960-400a-43ff-baeb-4828c8f5cd3a" providerId="ADAL" clId="{0107A2AC-E230-6340-9D00-A45E25ACF2AC}" dt="2021-03-18T18:40:09.479" v="1784" actId="403"/>
          <ac:spMkLst>
            <pc:docMk/>
            <pc:sldMk cId="1547300287" sldId="371"/>
            <ac:spMk id="40" creationId="{AB2AB035-6449-8D4C-A5AA-41BD44C8560B}"/>
          </ac:spMkLst>
        </pc:spChg>
        <pc:spChg chg="add mod">
          <ac:chgData name="Daly Donnacha HSLU I" userId="0f22e960-400a-43ff-baeb-4828c8f5cd3a" providerId="ADAL" clId="{0107A2AC-E230-6340-9D00-A45E25ACF2AC}" dt="2021-03-19T07:26:47.177" v="7509" actId="14100"/>
          <ac:spMkLst>
            <pc:docMk/>
            <pc:sldMk cId="1547300287" sldId="371"/>
            <ac:spMk id="43" creationId="{CFB927E0-51ED-304D-B8DA-8E9353398E9D}"/>
          </ac:spMkLst>
        </pc:spChg>
        <pc:spChg chg="add mod">
          <ac:chgData name="Daly Donnacha HSLU I" userId="0f22e960-400a-43ff-baeb-4828c8f5cd3a" providerId="ADAL" clId="{0107A2AC-E230-6340-9D00-A45E25ACF2AC}" dt="2021-03-18T18:40:22.617" v="1795" actId="1038"/>
          <ac:spMkLst>
            <pc:docMk/>
            <pc:sldMk cId="1547300287" sldId="371"/>
            <ac:spMk id="44" creationId="{5C19BF80-2D7D-674B-B83B-4A96F449A05B}"/>
          </ac:spMkLst>
        </pc:spChg>
        <pc:spChg chg="add mod">
          <ac:chgData name="Daly Donnacha HSLU I" userId="0f22e960-400a-43ff-baeb-4828c8f5cd3a" providerId="ADAL" clId="{0107A2AC-E230-6340-9D00-A45E25ACF2AC}" dt="2021-03-18T18:41:31.785" v="1807" actId="1076"/>
          <ac:spMkLst>
            <pc:docMk/>
            <pc:sldMk cId="1547300287" sldId="371"/>
            <ac:spMk id="46" creationId="{4C5A5F8F-466C-A34D-9A28-72FECA817C64}"/>
          </ac:spMkLst>
        </pc:spChg>
        <pc:picChg chg="add del">
          <ac:chgData name="Daly Donnacha HSLU I" userId="0f22e960-400a-43ff-baeb-4828c8f5cd3a" providerId="ADAL" clId="{0107A2AC-E230-6340-9D00-A45E25ACF2AC}" dt="2021-03-18T18:38:50.857" v="1777" actId="478"/>
          <ac:picMkLst>
            <pc:docMk/>
            <pc:sldMk cId="1547300287" sldId="371"/>
            <ac:picMk id="4098" creationId="{D8130A2D-B8F6-C94B-8640-43BBA555F9EC}"/>
          </ac:picMkLst>
        </pc:picChg>
        <pc:picChg chg="add mod">
          <ac:chgData name="Daly Donnacha HSLU I" userId="0f22e960-400a-43ff-baeb-4828c8f5cd3a" providerId="ADAL" clId="{0107A2AC-E230-6340-9D00-A45E25ACF2AC}" dt="2021-03-18T18:48:11.426" v="1883" actId="14100"/>
          <ac:picMkLst>
            <pc:docMk/>
            <pc:sldMk cId="1547300287" sldId="371"/>
            <ac:picMk id="4100" creationId="{3CA87430-5D57-244B-A305-8FF16349AD46}"/>
          </ac:picMkLst>
        </pc:picChg>
        <pc:cxnChg chg="add mod">
          <ac:chgData name="Daly Donnacha HSLU I" userId="0f22e960-400a-43ff-baeb-4828c8f5cd3a" providerId="ADAL" clId="{0107A2AC-E230-6340-9D00-A45E25ACF2AC}" dt="2021-03-18T18:35:56.099" v="1763"/>
          <ac:cxnSpMkLst>
            <pc:docMk/>
            <pc:sldMk cId="1547300287" sldId="371"/>
            <ac:cxnSpMk id="5" creationId="{37566129-BA2B-4947-A7DE-3A73993E7288}"/>
          </ac:cxnSpMkLst>
        </pc:cxnChg>
        <pc:cxnChg chg="add mod">
          <ac:chgData name="Daly Donnacha HSLU I" userId="0f22e960-400a-43ff-baeb-4828c8f5cd3a" providerId="ADAL" clId="{0107A2AC-E230-6340-9D00-A45E25ACF2AC}" dt="2021-03-18T18:35:56.099" v="1763"/>
          <ac:cxnSpMkLst>
            <pc:docMk/>
            <pc:sldMk cId="1547300287" sldId="371"/>
            <ac:cxnSpMk id="6" creationId="{385816F8-9255-374A-B937-55E7137FA2FE}"/>
          </ac:cxnSpMkLst>
        </pc:cxnChg>
        <pc:cxnChg chg="add mod">
          <ac:chgData name="Daly Donnacha HSLU I" userId="0f22e960-400a-43ff-baeb-4828c8f5cd3a" providerId="ADAL" clId="{0107A2AC-E230-6340-9D00-A45E25ACF2AC}" dt="2021-03-18T18:35:56.099" v="1763"/>
          <ac:cxnSpMkLst>
            <pc:docMk/>
            <pc:sldMk cId="1547300287" sldId="371"/>
            <ac:cxnSpMk id="34" creationId="{E3C907A7-DF51-3842-9065-7ECD9CECCD73}"/>
          </ac:cxnSpMkLst>
        </pc:cxnChg>
        <pc:cxnChg chg="add mod">
          <ac:chgData name="Daly Donnacha HSLU I" userId="0f22e960-400a-43ff-baeb-4828c8f5cd3a" providerId="ADAL" clId="{0107A2AC-E230-6340-9D00-A45E25ACF2AC}" dt="2021-03-18T18:42:33.089" v="1810" actId="208"/>
          <ac:cxnSpMkLst>
            <pc:docMk/>
            <pc:sldMk cId="1547300287" sldId="371"/>
            <ac:cxnSpMk id="38" creationId="{F0D40569-05B9-A94D-96BF-90CE80A3E81D}"/>
          </ac:cxnSpMkLst>
        </pc:cxnChg>
        <pc:cxnChg chg="add mod">
          <ac:chgData name="Daly Donnacha HSLU I" userId="0f22e960-400a-43ff-baeb-4828c8f5cd3a" providerId="ADAL" clId="{0107A2AC-E230-6340-9D00-A45E25ACF2AC}" dt="2021-03-18T18:42:33.089" v="1810" actId="208"/>
          <ac:cxnSpMkLst>
            <pc:docMk/>
            <pc:sldMk cId="1547300287" sldId="371"/>
            <ac:cxnSpMk id="39" creationId="{6C24C432-431C-484C-B580-BFFE8F6ED98A}"/>
          </ac:cxnSpMkLst>
        </pc:cxnChg>
        <pc:cxnChg chg="add del mod">
          <ac:chgData name="Daly Donnacha HSLU I" userId="0f22e960-400a-43ff-baeb-4828c8f5cd3a" providerId="ADAL" clId="{0107A2AC-E230-6340-9D00-A45E25ACF2AC}" dt="2021-03-18T18:46:06.831" v="1853" actId="478"/>
          <ac:cxnSpMkLst>
            <pc:docMk/>
            <pc:sldMk cId="1547300287" sldId="371"/>
            <ac:cxnSpMk id="41" creationId="{E76F2A64-150F-E744-B099-3525C72EF7AC}"/>
          </ac:cxnSpMkLst>
        </pc:cxnChg>
        <pc:cxnChg chg="add mod">
          <ac:chgData name="Daly Donnacha HSLU I" userId="0f22e960-400a-43ff-baeb-4828c8f5cd3a" providerId="ADAL" clId="{0107A2AC-E230-6340-9D00-A45E25ACF2AC}" dt="2021-03-19T07:26:47.177" v="7509" actId="14100"/>
          <ac:cxnSpMkLst>
            <pc:docMk/>
            <pc:sldMk cId="1547300287" sldId="371"/>
            <ac:cxnSpMk id="42" creationId="{E2F32A5F-D7D1-1340-B015-8FA3ABC9248C}"/>
          </ac:cxnSpMkLst>
        </pc:cxnChg>
      </pc:sldChg>
      <pc:sldChg chg="del">
        <pc:chgData name="Daly Donnacha HSLU I" userId="0f22e960-400a-43ff-baeb-4828c8f5cd3a" providerId="ADAL" clId="{0107A2AC-E230-6340-9D00-A45E25ACF2AC}" dt="2021-03-18T16:58:58.269" v="221" actId="2696"/>
        <pc:sldMkLst>
          <pc:docMk/>
          <pc:sldMk cId="10494741" sldId="372"/>
        </pc:sldMkLst>
      </pc:sldChg>
      <pc:sldChg chg="addSp delSp modSp new mod">
        <pc:chgData name="Daly Donnacha HSLU I" userId="0f22e960-400a-43ff-baeb-4828c8f5cd3a" providerId="ADAL" clId="{0107A2AC-E230-6340-9D00-A45E25ACF2AC}" dt="2021-03-19T13:21:17.572" v="14665" actId="20577"/>
        <pc:sldMkLst>
          <pc:docMk/>
          <pc:sldMk cId="3013808243" sldId="372"/>
        </pc:sldMkLst>
        <pc:spChg chg="mod">
          <ac:chgData name="Daly Donnacha HSLU I" userId="0f22e960-400a-43ff-baeb-4828c8f5cd3a" providerId="ADAL" clId="{0107A2AC-E230-6340-9D00-A45E25ACF2AC}" dt="2021-03-19T05:24:39.064" v="4793" actId="20577"/>
          <ac:spMkLst>
            <pc:docMk/>
            <pc:sldMk cId="3013808243" sldId="372"/>
            <ac:spMk id="2" creationId="{63D188ED-4C80-CF42-8295-F8C275B8BC76}"/>
          </ac:spMkLst>
        </pc:spChg>
        <pc:spChg chg="add mod">
          <ac:chgData name="Daly Donnacha HSLU I" userId="0f22e960-400a-43ff-baeb-4828c8f5cd3a" providerId="ADAL" clId="{0107A2AC-E230-6340-9D00-A45E25ACF2AC}" dt="2021-03-19T05:05:11.864" v="4277"/>
          <ac:spMkLst>
            <pc:docMk/>
            <pc:sldMk cId="3013808243" sldId="372"/>
            <ac:spMk id="15" creationId="{60A4CAA5-09B8-F44B-B041-F3B789EA4953}"/>
          </ac:spMkLst>
        </pc:spChg>
        <pc:spChg chg="add mod">
          <ac:chgData name="Daly Donnacha HSLU I" userId="0f22e960-400a-43ff-baeb-4828c8f5cd3a" providerId="ADAL" clId="{0107A2AC-E230-6340-9D00-A45E25ACF2AC}" dt="2021-03-19T05:05:11.864" v="4277"/>
          <ac:spMkLst>
            <pc:docMk/>
            <pc:sldMk cId="3013808243" sldId="372"/>
            <ac:spMk id="17" creationId="{0B40854C-DBCD-6842-A5AC-9FD8886B3E8E}"/>
          </ac:spMkLst>
        </pc:spChg>
        <pc:spChg chg="add mod">
          <ac:chgData name="Daly Donnacha HSLU I" userId="0f22e960-400a-43ff-baeb-4828c8f5cd3a" providerId="ADAL" clId="{0107A2AC-E230-6340-9D00-A45E25ACF2AC}" dt="2021-03-19T05:05:11.864" v="4277"/>
          <ac:spMkLst>
            <pc:docMk/>
            <pc:sldMk cId="3013808243" sldId="372"/>
            <ac:spMk id="18" creationId="{0FC3372E-8544-DA47-BC3D-86241918138A}"/>
          </ac:spMkLst>
        </pc:spChg>
        <pc:spChg chg="add mod">
          <ac:chgData name="Daly Donnacha HSLU I" userId="0f22e960-400a-43ff-baeb-4828c8f5cd3a" providerId="ADAL" clId="{0107A2AC-E230-6340-9D00-A45E25ACF2AC}" dt="2021-03-19T05:05:11.864" v="4277"/>
          <ac:spMkLst>
            <pc:docMk/>
            <pc:sldMk cId="3013808243" sldId="372"/>
            <ac:spMk id="19" creationId="{D5CE8BD3-F31A-8143-8957-C5913F82040D}"/>
          </ac:spMkLst>
        </pc:spChg>
        <pc:spChg chg="add mod">
          <ac:chgData name="Daly Donnacha HSLU I" userId="0f22e960-400a-43ff-baeb-4828c8f5cd3a" providerId="ADAL" clId="{0107A2AC-E230-6340-9D00-A45E25ACF2AC}" dt="2021-03-19T05:05:11.864" v="4277"/>
          <ac:spMkLst>
            <pc:docMk/>
            <pc:sldMk cId="3013808243" sldId="372"/>
            <ac:spMk id="20" creationId="{41D7B97F-0FB0-AE42-B140-7A9135A47A66}"/>
          </ac:spMkLst>
        </pc:spChg>
        <pc:spChg chg="add mod">
          <ac:chgData name="Daly Donnacha HSLU I" userId="0f22e960-400a-43ff-baeb-4828c8f5cd3a" providerId="ADAL" clId="{0107A2AC-E230-6340-9D00-A45E25ACF2AC}" dt="2021-03-19T05:05:11.864" v="4277"/>
          <ac:spMkLst>
            <pc:docMk/>
            <pc:sldMk cId="3013808243" sldId="372"/>
            <ac:spMk id="21" creationId="{6825F601-62E9-924F-B910-578A8F6E32B1}"/>
          </ac:spMkLst>
        </pc:spChg>
        <pc:spChg chg="add mod">
          <ac:chgData name="Daly Donnacha HSLU I" userId="0f22e960-400a-43ff-baeb-4828c8f5cd3a" providerId="ADAL" clId="{0107A2AC-E230-6340-9D00-A45E25ACF2AC}" dt="2021-03-19T05:05:11.864" v="4277"/>
          <ac:spMkLst>
            <pc:docMk/>
            <pc:sldMk cId="3013808243" sldId="372"/>
            <ac:spMk id="22" creationId="{5C5BE300-77F1-A84E-8462-00C084B7A834}"/>
          </ac:spMkLst>
        </pc:spChg>
        <pc:spChg chg="add mod">
          <ac:chgData name="Daly Donnacha HSLU I" userId="0f22e960-400a-43ff-baeb-4828c8f5cd3a" providerId="ADAL" clId="{0107A2AC-E230-6340-9D00-A45E25ACF2AC}" dt="2021-03-19T05:05:11.864" v="4277"/>
          <ac:spMkLst>
            <pc:docMk/>
            <pc:sldMk cId="3013808243" sldId="372"/>
            <ac:spMk id="23" creationId="{AD191190-DCD2-4549-A773-9780B46900B7}"/>
          </ac:spMkLst>
        </pc:spChg>
        <pc:spChg chg="add mod">
          <ac:chgData name="Daly Donnacha HSLU I" userId="0f22e960-400a-43ff-baeb-4828c8f5cd3a" providerId="ADAL" clId="{0107A2AC-E230-6340-9D00-A45E25ACF2AC}" dt="2021-03-19T05:05:11.864" v="4277"/>
          <ac:spMkLst>
            <pc:docMk/>
            <pc:sldMk cId="3013808243" sldId="372"/>
            <ac:spMk id="24" creationId="{D29363C7-5B9F-1443-81E7-11BAB194CADA}"/>
          </ac:spMkLst>
        </pc:spChg>
        <pc:spChg chg="add mod">
          <ac:chgData name="Daly Donnacha HSLU I" userId="0f22e960-400a-43ff-baeb-4828c8f5cd3a" providerId="ADAL" clId="{0107A2AC-E230-6340-9D00-A45E25ACF2AC}" dt="2021-03-19T05:05:11.864" v="4277"/>
          <ac:spMkLst>
            <pc:docMk/>
            <pc:sldMk cId="3013808243" sldId="372"/>
            <ac:spMk id="25" creationId="{284AEDC6-06A8-1846-BBA9-7FB83EB63E58}"/>
          </ac:spMkLst>
        </pc:spChg>
        <pc:spChg chg="add mod">
          <ac:chgData name="Daly Donnacha HSLU I" userId="0f22e960-400a-43ff-baeb-4828c8f5cd3a" providerId="ADAL" clId="{0107A2AC-E230-6340-9D00-A45E25ACF2AC}" dt="2021-03-19T05:05:11.864" v="4277"/>
          <ac:spMkLst>
            <pc:docMk/>
            <pc:sldMk cId="3013808243" sldId="372"/>
            <ac:spMk id="27" creationId="{35D80B5B-C7FC-284C-88DF-81CEDDA2A1AF}"/>
          </ac:spMkLst>
        </pc:spChg>
        <pc:spChg chg="add mod">
          <ac:chgData name="Daly Donnacha HSLU I" userId="0f22e960-400a-43ff-baeb-4828c8f5cd3a" providerId="ADAL" clId="{0107A2AC-E230-6340-9D00-A45E25ACF2AC}" dt="2021-03-19T05:05:11.864" v="4277"/>
          <ac:spMkLst>
            <pc:docMk/>
            <pc:sldMk cId="3013808243" sldId="372"/>
            <ac:spMk id="28" creationId="{134A2F4E-5F93-7240-A563-8FEC2306535F}"/>
          </ac:spMkLst>
        </pc:spChg>
        <pc:spChg chg="add mod">
          <ac:chgData name="Daly Donnacha HSLU I" userId="0f22e960-400a-43ff-baeb-4828c8f5cd3a" providerId="ADAL" clId="{0107A2AC-E230-6340-9D00-A45E25ACF2AC}" dt="2021-03-19T05:05:11.864" v="4277"/>
          <ac:spMkLst>
            <pc:docMk/>
            <pc:sldMk cId="3013808243" sldId="372"/>
            <ac:spMk id="29" creationId="{A6FFBC7B-10D0-924C-82BC-7505BA098F33}"/>
          </ac:spMkLst>
        </pc:spChg>
        <pc:spChg chg="add mod">
          <ac:chgData name="Daly Donnacha HSLU I" userId="0f22e960-400a-43ff-baeb-4828c8f5cd3a" providerId="ADAL" clId="{0107A2AC-E230-6340-9D00-A45E25ACF2AC}" dt="2021-03-19T05:05:11.864" v="4277"/>
          <ac:spMkLst>
            <pc:docMk/>
            <pc:sldMk cId="3013808243" sldId="372"/>
            <ac:spMk id="30" creationId="{E178D0A0-CA60-E244-9295-EBFF1184B477}"/>
          </ac:spMkLst>
        </pc:spChg>
        <pc:spChg chg="add mod">
          <ac:chgData name="Daly Donnacha HSLU I" userId="0f22e960-400a-43ff-baeb-4828c8f5cd3a" providerId="ADAL" clId="{0107A2AC-E230-6340-9D00-A45E25ACF2AC}" dt="2021-03-19T05:05:11.864" v="4277"/>
          <ac:spMkLst>
            <pc:docMk/>
            <pc:sldMk cId="3013808243" sldId="372"/>
            <ac:spMk id="31" creationId="{24E95D32-BB61-E441-B6A2-48A85CC30D69}"/>
          </ac:spMkLst>
        </pc:spChg>
        <pc:spChg chg="add mod">
          <ac:chgData name="Daly Donnacha HSLU I" userId="0f22e960-400a-43ff-baeb-4828c8f5cd3a" providerId="ADAL" clId="{0107A2AC-E230-6340-9D00-A45E25ACF2AC}" dt="2021-03-19T05:05:11.864" v="4277"/>
          <ac:spMkLst>
            <pc:docMk/>
            <pc:sldMk cId="3013808243" sldId="372"/>
            <ac:spMk id="32" creationId="{37E937F7-24AC-EB49-9C18-B7281ED6F327}"/>
          </ac:spMkLst>
        </pc:spChg>
        <pc:spChg chg="add mod">
          <ac:chgData name="Daly Donnacha HSLU I" userId="0f22e960-400a-43ff-baeb-4828c8f5cd3a" providerId="ADAL" clId="{0107A2AC-E230-6340-9D00-A45E25ACF2AC}" dt="2021-03-19T06:02:45.670" v="5412" actId="14100"/>
          <ac:spMkLst>
            <pc:docMk/>
            <pc:sldMk cId="3013808243" sldId="372"/>
            <ac:spMk id="33" creationId="{8C466822-8A45-0E42-B5F0-93E0A48021F1}"/>
          </ac:spMkLst>
        </pc:spChg>
        <pc:spChg chg="add mod">
          <ac:chgData name="Daly Donnacha HSLU I" userId="0f22e960-400a-43ff-baeb-4828c8f5cd3a" providerId="ADAL" clId="{0107A2AC-E230-6340-9D00-A45E25ACF2AC}" dt="2021-03-19T13:21:17.572" v="14665" actId="20577"/>
          <ac:spMkLst>
            <pc:docMk/>
            <pc:sldMk cId="3013808243" sldId="372"/>
            <ac:spMk id="34" creationId="{2239C571-29A7-A343-8B7F-0879996BB871}"/>
          </ac:spMkLst>
        </pc:spChg>
        <pc:spChg chg="add mod">
          <ac:chgData name="Daly Donnacha HSLU I" userId="0f22e960-400a-43ff-baeb-4828c8f5cd3a" providerId="ADAL" clId="{0107A2AC-E230-6340-9D00-A45E25ACF2AC}" dt="2021-03-19T05:14:24.471" v="4560" actId="1076"/>
          <ac:spMkLst>
            <pc:docMk/>
            <pc:sldMk cId="3013808243" sldId="372"/>
            <ac:spMk id="35" creationId="{FC7183F6-51E5-4849-8D86-C19695D42448}"/>
          </ac:spMkLst>
        </pc:spChg>
        <pc:spChg chg="add mod">
          <ac:chgData name="Daly Donnacha HSLU I" userId="0f22e960-400a-43ff-baeb-4828c8f5cd3a" providerId="ADAL" clId="{0107A2AC-E230-6340-9D00-A45E25ACF2AC}" dt="2021-03-19T05:14:55.583" v="4565" actId="1076"/>
          <ac:spMkLst>
            <pc:docMk/>
            <pc:sldMk cId="3013808243" sldId="372"/>
            <ac:spMk id="39" creationId="{C7BCF9EB-9301-AB41-982B-9F2DFC5E5280}"/>
          </ac:spMkLst>
        </pc:spChg>
        <pc:spChg chg="add mod">
          <ac:chgData name="Daly Donnacha HSLU I" userId="0f22e960-400a-43ff-baeb-4828c8f5cd3a" providerId="ADAL" clId="{0107A2AC-E230-6340-9D00-A45E25ACF2AC}" dt="2021-03-19T05:15:37.511" v="4573" actId="1076"/>
          <ac:spMkLst>
            <pc:docMk/>
            <pc:sldMk cId="3013808243" sldId="372"/>
            <ac:spMk id="43" creationId="{CAE3A33F-0FCD-7E40-820C-84C7E1AA2AA8}"/>
          </ac:spMkLst>
        </pc:spChg>
        <pc:spChg chg="add mod">
          <ac:chgData name="Daly Donnacha HSLU I" userId="0f22e960-400a-43ff-baeb-4828c8f5cd3a" providerId="ADAL" clId="{0107A2AC-E230-6340-9D00-A45E25ACF2AC}" dt="2021-03-19T05:17:28.671" v="4580"/>
          <ac:spMkLst>
            <pc:docMk/>
            <pc:sldMk cId="3013808243" sldId="372"/>
            <ac:spMk id="44" creationId="{B43D2BDB-479B-4E4A-8BC8-CAD06A24CBCE}"/>
          </ac:spMkLst>
        </pc:spChg>
        <pc:spChg chg="add del mod">
          <ac:chgData name="Daly Donnacha HSLU I" userId="0f22e960-400a-43ff-baeb-4828c8f5cd3a" providerId="ADAL" clId="{0107A2AC-E230-6340-9D00-A45E25ACF2AC}" dt="2021-03-19T05:25:55.732" v="4806" actId="478"/>
          <ac:spMkLst>
            <pc:docMk/>
            <pc:sldMk cId="3013808243" sldId="372"/>
            <ac:spMk id="45" creationId="{9F818985-5300-6E4A-90BA-8A8C7A4C919A}"/>
          </ac:spMkLst>
        </pc:spChg>
        <pc:picChg chg="add del mod">
          <ac:chgData name="Daly Donnacha HSLU I" userId="0f22e960-400a-43ff-baeb-4828c8f5cd3a" providerId="ADAL" clId="{0107A2AC-E230-6340-9D00-A45E25ACF2AC}" dt="2021-03-19T04:13:22.680" v="3131" actId="21"/>
          <ac:picMkLst>
            <pc:docMk/>
            <pc:sldMk cId="3013808243" sldId="372"/>
            <ac:picMk id="3" creationId="{5B2244DF-3C13-9741-ACCA-E5C977E4F5F1}"/>
          </ac:picMkLst>
        </pc:picChg>
        <pc:cxnChg chg="add mod">
          <ac:chgData name="Daly Donnacha HSLU I" userId="0f22e960-400a-43ff-baeb-4828c8f5cd3a" providerId="ADAL" clId="{0107A2AC-E230-6340-9D00-A45E25ACF2AC}" dt="2021-03-19T05:05:11.864" v="4277"/>
          <ac:cxnSpMkLst>
            <pc:docMk/>
            <pc:sldMk cId="3013808243" sldId="372"/>
            <ac:cxnSpMk id="4" creationId="{90608379-8312-174C-A906-FAB7BE987E7C}"/>
          </ac:cxnSpMkLst>
        </pc:cxnChg>
        <pc:cxnChg chg="add mod">
          <ac:chgData name="Daly Donnacha HSLU I" userId="0f22e960-400a-43ff-baeb-4828c8f5cd3a" providerId="ADAL" clId="{0107A2AC-E230-6340-9D00-A45E25ACF2AC}" dt="2021-03-19T05:05:11.864" v="4277"/>
          <ac:cxnSpMkLst>
            <pc:docMk/>
            <pc:sldMk cId="3013808243" sldId="372"/>
            <ac:cxnSpMk id="5" creationId="{FB360714-239B-D046-BDB0-1AFA71BB1E4D}"/>
          </ac:cxnSpMkLst>
        </pc:cxnChg>
        <pc:cxnChg chg="add mod">
          <ac:chgData name="Daly Donnacha HSLU I" userId="0f22e960-400a-43ff-baeb-4828c8f5cd3a" providerId="ADAL" clId="{0107A2AC-E230-6340-9D00-A45E25ACF2AC}" dt="2021-03-19T05:05:11.864" v="4277"/>
          <ac:cxnSpMkLst>
            <pc:docMk/>
            <pc:sldMk cId="3013808243" sldId="372"/>
            <ac:cxnSpMk id="6" creationId="{2D0A29C0-3A4E-6745-AEAA-96AE81E608EA}"/>
          </ac:cxnSpMkLst>
        </pc:cxnChg>
        <pc:cxnChg chg="add mod">
          <ac:chgData name="Daly Donnacha HSLU I" userId="0f22e960-400a-43ff-baeb-4828c8f5cd3a" providerId="ADAL" clId="{0107A2AC-E230-6340-9D00-A45E25ACF2AC}" dt="2021-03-19T05:05:11.864" v="4277"/>
          <ac:cxnSpMkLst>
            <pc:docMk/>
            <pc:sldMk cId="3013808243" sldId="372"/>
            <ac:cxnSpMk id="7" creationId="{2EB086A8-D9FC-E743-8921-0C5A1B40A9F9}"/>
          </ac:cxnSpMkLst>
        </pc:cxnChg>
        <pc:cxnChg chg="add mod">
          <ac:chgData name="Daly Donnacha HSLU I" userId="0f22e960-400a-43ff-baeb-4828c8f5cd3a" providerId="ADAL" clId="{0107A2AC-E230-6340-9D00-A45E25ACF2AC}" dt="2021-03-19T05:05:11.864" v="4277"/>
          <ac:cxnSpMkLst>
            <pc:docMk/>
            <pc:sldMk cId="3013808243" sldId="372"/>
            <ac:cxnSpMk id="8" creationId="{6DDE8449-EC44-B546-8DF1-742E5BC91711}"/>
          </ac:cxnSpMkLst>
        </pc:cxnChg>
        <pc:cxnChg chg="add mod">
          <ac:chgData name="Daly Donnacha HSLU I" userId="0f22e960-400a-43ff-baeb-4828c8f5cd3a" providerId="ADAL" clId="{0107A2AC-E230-6340-9D00-A45E25ACF2AC}" dt="2021-03-19T05:05:11.864" v="4277"/>
          <ac:cxnSpMkLst>
            <pc:docMk/>
            <pc:sldMk cId="3013808243" sldId="372"/>
            <ac:cxnSpMk id="9" creationId="{2D0BB229-364C-984A-968B-29531F61C772}"/>
          </ac:cxnSpMkLst>
        </pc:cxnChg>
        <pc:cxnChg chg="add mod">
          <ac:chgData name="Daly Donnacha HSLU I" userId="0f22e960-400a-43ff-baeb-4828c8f5cd3a" providerId="ADAL" clId="{0107A2AC-E230-6340-9D00-A45E25ACF2AC}" dt="2021-03-19T05:05:11.864" v="4277"/>
          <ac:cxnSpMkLst>
            <pc:docMk/>
            <pc:sldMk cId="3013808243" sldId="372"/>
            <ac:cxnSpMk id="10" creationId="{6215E192-01C4-034E-90F9-AD5552CFC48C}"/>
          </ac:cxnSpMkLst>
        </pc:cxnChg>
        <pc:cxnChg chg="add mod">
          <ac:chgData name="Daly Donnacha HSLU I" userId="0f22e960-400a-43ff-baeb-4828c8f5cd3a" providerId="ADAL" clId="{0107A2AC-E230-6340-9D00-A45E25ACF2AC}" dt="2021-03-19T05:05:11.864" v="4277"/>
          <ac:cxnSpMkLst>
            <pc:docMk/>
            <pc:sldMk cId="3013808243" sldId="372"/>
            <ac:cxnSpMk id="11" creationId="{B582F555-170B-C74C-9BE7-5563ABD3E261}"/>
          </ac:cxnSpMkLst>
        </pc:cxnChg>
        <pc:cxnChg chg="add mod">
          <ac:chgData name="Daly Donnacha HSLU I" userId="0f22e960-400a-43ff-baeb-4828c8f5cd3a" providerId="ADAL" clId="{0107A2AC-E230-6340-9D00-A45E25ACF2AC}" dt="2021-03-19T05:05:11.864" v="4277"/>
          <ac:cxnSpMkLst>
            <pc:docMk/>
            <pc:sldMk cId="3013808243" sldId="372"/>
            <ac:cxnSpMk id="12" creationId="{82C3A838-B736-F74D-A6E3-2E5A10AC8BA1}"/>
          </ac:cxnSpMkLst>
        </pc:cxnChg>
        <pc:cxnChg chg="add mod">
          <ac:chgData name="Daly Donnacha HSLU I" userId="0f22e960-400a-43ff-baeb-4828c8f5cd3a" providerId="ADAL" clId="{0107A2AC-E230-6340-9D00-A45E25ACF2AC}" dt="2021-03-19T05:05:11.864" v="4277"/>
          <ac:cxnSpMkLst>
            <pc:docMk/>
            <pc:sldMk cId="3013808243" sldId="372"/>
            <ac:cxnSpMk id="13" creationId="{814ACC6E-5DD3-144B-B34A-78E103A6214E}"/>
          </ac:cxnSpMkLst>
        </pc:cxnChg>
        <pc:cxnChg chg="add mod">
          <ac:chgData name="Daly Donnacha HSLU I" userId="0f22e960-400a-43ff-baeb-4828c8f5cd3a" providerId="ADAL" clId="{0107A2AC-E230-6340-9D00-A45E25ACF2AC}" dt="2021-03-19T05:05:11.864" v="4277"/>
          <ac:cxnSpMkLst>
            <pc:docMk/>
            <pc:sldMk cId="3013808243" sldId="372"/>
            <ac:cxnSpMk id="14" creationId="{B41A3CFC-0F01-5A40-8001-87C413A6179C}"/>
          </ac:cxnSpMkLst>
        </pc:cxnChg>
        <pc:cxnChg chg="add mod">
          <ac:chgData name="Daly Donnacha HSLU I" userId="0f22e960-400a-43ff-baeb-4828c8f5cd3a" providerId="ADAL" clId="{0107A2AC-E230-6340-9D00-A45E25ACF2AC}" dt="2021-03-19T05:05:11.864" v="4277"/>
          <ac:cxnSpMkLst>
            <pc:docMk/>
            <pc:sldMk cId="3013808243" sldId="372"/>
            <ac:cxnSpMk id="16" creationId="{4E3990C4-3255-7B44-A971-F3CF197F2676}"/>
          </ac:cxnSpMkLst>
        </pc:cxnChg>
        <pc:cxnChg chg="add mod">
          <ac:chgData name="Daly Donnacha HSLU I" userId="0f22e960-400a-43ff-baeb-4828c8f5cd3a" providerId="ADAL" clId="{0107A2AC-E230-6340-9D00-A45E25ACF2AC}" dt="2021-03-19T05:05:11.864" v="4277"/>
          <ac:cxnSpMkLst>
            <pc:docMk/>
            <pc:sldMk cId="3013808243" sldId="372"/>
            <ac:cxnSpMk id="26" creationId="{BA87FE80-AF1E-F94C-8E95-C74DEAB33639}"/>
          </ac:cxnSpMkLst>
        </pc:cxnChg>
        <pc:cxnChg chg="add mod">
          <ac:chgData name="Daly Donnacha HSLU I" userId="0f22e960-400a-43ff-baeb-4828c8f5cd3a" providerId="ADAL" clId="{0107A2AC-E230-6340-9D00-A45E25ACF2AC}" dt="2021-03-19T05:13:54.050" v="4554" actId="1582"/>
          <ac:cxnSpMkLst>
            <pc:docMk/>
            <pc:sldMk cId="3013808243" sldId="372"/>
            <ac:cxnSpMk id="36" creationId="{A18C896B-23F7-F741-90D0-2DFB799C716B}"/>
          </ac:cxnSpMkLst>
        </pc:cxnChg>
        <pc:cxnChg chg="add mod">
          <ac:chgData name="Daly Donnacha HSLU I" userId="0f22e960-400a-43ff-baeb-4828c8f5cd3a" providerId="ADAL" clId="{0107A2AC-E230-6340-9D00-A45E25ACF2AC}" dt="2021-03-19T05:14:13.614" v="4558" actId="1076"/>
          <ac:cxnSpMkLst>
            <pc:docMk/>
            <pc:sldMk cId="3013808243" sldId="372"/>
            <ac:cxnSpMk id="38" creationId="{51AAF9B2-54B6-6F45-BFEF-4FF680E24A3A}"/>
          </ac:cxnSpMkLst>
        </pc:cxnChg>
        <pc:cxnChg chg="add mod">
          <ac:chgData name="Daly Donnacha HSLU I" userId="0f22e960-400a-43ff-baeb-4828c8f5cd3a" providerId="ADAL" clId="{0107A2AC-E230-6340-9D00-A45E25ACF2AC}" dt="2021-03-19T05:15:21.173" v="4569" actId="14100"/>
          <ac:cxnSpMkLst>
            <pc:docMk/>
            <pc:sldMk cId="3013808243" sldId="372"/>
            <ac:cxnSpMk id="40" creationId="{52720E67-F22E-D841-AE8A-D179A8F48DF7}"/>
          </ac:cxnSpMkLst>
        </pc:cxnChg>
      </pc:sldChg>
      <pc:sldChg chg="addSp delSp modSp new mod">
        <pc:chgData name="Daly Donnacha HSLU I" userId="0f22e960-400a-43ff-baeb-4828c8f5cd3a" providerId="ADAL" clId="{0107A2AC-E230-6340-9D00-A45E25ACF2AC}" dt="2021-03-19T12:08:52.581" v="13075" actId="113"/>
        <pc:sldMkLst>
          <pc:docMk/>
          <pc:sldMk cId="1273443601" sldId="373"/>
        </pc:sldMkLst>
        <pc:spChg chg="mod">
          <ac:chgData name="Daly Donnacha HSLU I" userId="0f22e960-400a-43ff-baeb-4828c8f5cd3a" providerId="ADAL" clId="{0107A2AC-E230-6340-9D00-A45E25ACF2AC}" dt="2021-03-19T07:23:14.837" v="7486" actId="20577"/>
          <ac:spMkLst>
            <pc:docMk/>
            <pc:sldMk cId="1273443601" sldId="373"/>
            <ac:spMk id="2" creationId="{A6733E79-8AB2-0F49-BC7B-5E14B4A936AB}"/>
          </ac:spMkLst>
        </pc:spChg>
        <pc:spChg chg="add mod">
          <ac:chgData name="Daly Donnacha HSLU I" userId="0f22e960-400a-43ff-baeb-4828c8f5cd3a" providerId="ADAL" clId="{0107A2AC-E230-6340-9D00-A45E25ACF2AC}" dt="2021-03-19T07:38:52.573" v="7740" actId="14100"/>
          <ac:spMkLst>
            <pc:docMk/>
            <pc:sldMk cId="1273443601" sldId="373"/>
            <ac:spMk id="3" creationId="{3C66E5B9-0C15-1741-8928-CF9B4CDFA13F}"/>
          </ac:spMkLst>
        </pc:spChg>
        <pc:spChg chg="add mod">
          <ac:chgData name="Daly Donnacha HSLU I" userId="0f22e960-400a-43ff-baeb-4828c8f5cd3a" providerId="ADAL" clId="{0107A2AC-E230-6340-9D00-A45E25ACF2AC}" dt="2021-03-18T19:55:49.746" v="2927"/>
          <ac:spMkLst>
            <pc:docMk/>
            <pc:sldMk cId="1273443601" sldId="373"/>
            <ac:spMk id="6" creationId="{81B3E21B-5E18-D942-96FE-0ED2EF18DF12}"/>
          </ac:spMkLst>
        </pc:spChg>
        <pc:spChg chg="add mod">
          <ac:chgData name="Daly Donnacha HSLU I" userId="0f22e960-400a-43ff-baeb-4828c8f5cd3a" providerId="ADAL" clId="{0107A2AC-E230-6340-9D00-A45E25ACF2AC}" dt="2021-03-18T19:55:49.746" v="2927"/>
          <ac:spMkLst>
            <pc:docMk/>
            <pc:sldMk cId="1273443601" sldId="373"/>
            <ac:spMk id="7" creationId="{382CC517-DF92-BE41-9349-25B573DE013D}"/>
          </ac:spMkLst>
        </pc:spChg>
        <pc:spChg chg="add mod">
          <ac:chgData name="Daly Donnacha HSLU I" userId="0f22e960-400a-43ff-baeb-4828c8f5cd3a" providerId="ADAL" clId="{0107A2AC-E230-6340-9D00-A45E25ACF2AC}" dt="2021-03-18T19:55:49.746" v="2927"/>
          <ac:spMkLst>
            <pc:docMk/>
            <pc:sldMk cId="1273443601" sldId="373"/>
            <ac:spMk id="8" creationId="{E1BD3EB7-D55B-F443-8B60-0B41E2E6E2D6}"/>
          </ac:spMkLst>
        </pc:spChg>
        <pc:spChg chg="add mod">
          <ac:chgData name="Daly Donnacha HSLU I" userId="0f22e960-400a-43ff-baeb-4828c8f5cd3a" providerId="ADAL" clId="{0107A2AC-E230-6340-9D00-A45E25ACF2AC}" dt="2021-03-18T19:55:49.746" v="2927"/>
          <ac:spMkLst>
            <pc:docMk/>
            <pc:sldMk cId="1273443601" sldId="373"/>
            <ac:spMk id="9" creationId="{9EC77348-D96B-6A48-B897-B651FA6B5EFF}"/>
          </ac:spMkLst>
        </pc:spChg>
        <pc:spChg chg="add mod">
          <ac:chgData name="Daly Donnacha HSLU I" userId="0f22e960-400a-43ff-baeb-4828c8f5cd3a" providerId="ADAL" clId="{0107A2AC-E230-6340-9D00-A45E25ACF2AC}" dt="2021-03-18T19:55:49.746" v="2927"/>
          <ac:spMkLst>
            <pc:docMk/>
            <pc:sldMk cId="1273443601" sldId="373"/>
            <ac:spMk id="10" creationId="{9D77EE4F-D605-8A42-8B44-9A2D92187B10}"/>
          </ac:spMkLst>
        </pc:spChg>
        <pc:spChg chg="add mod">
          <ac:chgData name="Daly Donnacha HSLU I" userId="0f22e960-400a-43ff-baeb-4828c8f5cd3a" providerId="ADAL" clId="{0107A2AC-E230-6340-9D00-A45E25ACF2AC}" dt="2021-03-19T07:27:22.681" v="7517" actId="1038"/>
          <ac:spMkLst>
            <pc:docMk/>
            <pc:sldMk cId="1273443601" sldId="373"/>
            <ac:spMk id="12" creationId="{E407DC47-1440-2E43-8CE6-DB1C11088FF4}"/>
          </ac:spMkLst>
        </pc:spChg>
        <pc:spChg chg="add mod">
          <ac:chgData name="Daly Donnacha HSLU I" userId="0f22e960-400a-43ff-baeb-4828c8f5cd3a" providerId="ADAL" clId="{0107A2AC-E230-6340-9D00-A45E25ACF2AC}" dt="2021-03-18T19:55:49.746" v="2927"/>
          <ac:spMkLst>
            <pc:docMk/>
            <pc:sldMk cId="1273443601" sldId="373"/>
            <ac:spMk id="13" creationId="{17751CCD-6E5D-274F-A3DC-167DEBDF83A1}"/>
          </ac:spMkLst>
        </pc:spChg>
        <pc:spChg chg="add mod">
          <ac:chgData name="Daly Donnacha HSLU I" userId="0f22e960-400a-43ff-baeb-4828c8f5cd3a" providerId="ADAL" clId="{0107A2AC-E230-6340-9D00-A45E25ACF2AC}" dt="2021-03-19T12:08:52.581" v="13075" actId="113"/>
          <ac:spMkLst>
            <pc:docMk/>
            <pc:sldMk cId="1273443601" sldId="373"/>
            <ac:spMk id="16" creationId="{87E8814F-7D49-C64D-A9F4-6FDA915C5B54}"/>
          </ac:spMkLst>
        </pc:spChg>
        <pc:spChg chg="add mod">
          <ac:chgData name="Daly Donnacha HSLU I" userId="0f22e960-400a-43ff-baeb-4828c8f5cd3a" providerId="ADAL" clId="{0107A2AC-E230-6340-9D00-A45E25ACF2AC}" dt="2021-03-19T07:38:32.910" v="7725" actId="14100"/>
          <ac:spMkLst>
            <pc:docMk/>
            <pc:sldMk cId="1273443601" sldId="373"/>
            <ac:spMk id="17" creationId="{3F865769-07FB-624B-BF27-FD644D567779}"/>
          </ac:spMkLst>
        </pc:spChg>
        <pc:spChg chg="add mod">
          <ac:chgData name="Daly Donnacha HSLU I" userId="0f22e960-400a-43ff-baeb-4828c8f5cd3a" providerId="ADAL" clId="{0107A2AC-E230-6340-9D00-A45E25ACF2AC}" dt="2021-03-19T07:40:49.296" v="7776" actId="14100"/>
          <ac:spMkLst>
            <pc:docMk/>
            <pc:sldMk cId="1273443601" sldId="373"/>
            <ac:spMk id="22" creationId="{A65C8E0D-95FA-F14C-947C-BFC0DF37032A}"/>
          </ac:spMkLst>
        </pc:spChg>
        <pc:spChg chg="add mod">
          <ac:chgData name="Daly Donnacha HSLU I" userId="0f22e960-400a-43ff-baeb-4828c8f5cd3a" providerId="ADAL" clId="{0107A2AC-E230-6340-9D00-A45E25ACF2AC}" dt="2021-03-18T19:55:49.746" v="2927"/>
          <ac:spMkLst>
            <pc:docMk/>
            <pc:sldMk cId="1273443601" sldId="373"/>
            <ac:spMk id="23" creationId="{63346737-8A1C-B24E-968A-CA655DFE6706}"/>
          </ac:spMkLst>
        </pc:spChg>
        <pc:spChg chg="add mod">
          <ac:chgData name="Daly Donnacha HSLU I" userId="0f22e960-400a-43ff-baeb-4828c8f5cd3a" providerId="ADAL" clId="{0107A2AC-E230-6340-9D00-A45E25ACF2AC}" dt="2021-03-18T19:55:49.746" v="2927"/>
          <ac:spMkLst>
            <pc:docMk/>
            <pc:sldMk cId="1273443601" sldId="373"/>
            <ac:spMk id="24" creationId="{7E369322-FE79-E24E-A287-CAEABA02E064}"/>
          </ac:spMkLst>
        </pc:spChg>
        <pc:spChg chg="add mod">
          <ac:chgData name="Daly Donnacha HSLU I" userId="0f22e960-400a-43ff-baeb-4828c8f5cd3a" providerId="ADAL" clId="{0107A2AC-E230-6340-9D00-A45E25ACF2AC}" dt="2021-03-18T19:55:49.746" v="2927"/>
          <ac:spMkLst>
            <pc:docMk/>
            <pc:sldMk cId="1273443601" sldId="373"/>
            <ac:spMk id="25" creationId="{4C2D81EC-C3EC-0540-A7C8-FF5FB99F8171}"/>
          </ac:spMkLst>
        </pc:spChg>
        <pc:spChg chg="add mod">
          <ac:chgData name="Daly Donnacha HSLU I" userId="0f22e960-400a-43ff-baeb-4828c8f5cd3a" providerId="ADAL" clId="{0107A2AC-E230-6340-9D00-A45E25ACF2AC}" dt="2021-03-18T19:55:49.746" v="2927"/>
          <ac:spMkLst>
            <pc:docMk/>
            <pc:sldMk cId="1273443601" sldId="373"/>
            <ac:spMk id="26" creationId="{BCF28DB9-3A82-A445-ABE0-7159A35CB28C}"/>
          </ac:spMkLst>
        </pc:spChg>
        <pc:graphicFrameChg chg="add mod">
          <ac:chgData name="Daly Donnacha HSLU I" userId="0f22e960-400a-43ff-baeb-4828c8f5cd3a" providerId="ADAL" clId="{0107A2AC-E230-6340-9D00-A45E25ACF2AC}" dt="2021-03-18T19:55:49.746" v="2927"/>
          <ac:graphicFrameMkLst>
            <pc:docMk/>
            <pc:sldMk cId="1273443601" sldId="373"/>
            <ac:graphicFrameMk id="11" creationId="{A29EA0DB-0213-3645-9AAF-AC7FE304A026}"/>
          </ac:graphicFrameMkLst>
        </pc:graphicFrameChg>
        <pc:picChg chg="add mod">
          <ac:chgData name="Daly Donnacha HSLU I" userId="0f22e960-400a-43ff-baeb-4828c8f5cd3a" providerId="ADAL" clId="{0107A2AC-E230-6340-9D00-A45E25ACF2AC}" dt="2021-03-18T19:55:49.746" v="2927"/>
          <ac:picMkLst>
            <pc:docMk/>
            <pc:sldMk cId="1273443601" sldId="373"/>
            <ac:picMk id="15" creationId="{B61AEE1B-22DA-2141-B21F-4244935A9871}"/>
          </ac:picMkLst>
        </pc:picChg>
        <pc:picChg chg="add mod">
          <ac:chgData name="Daly Donnacha HSLU I" userId="0f22e960-400a-43ff-baeb-4828c8f5cd3a" providerId="ADAL" clId="{0107A2AC-E230-6340-9D00-A45E25ACF2AC}" dt="2021-03-19T07:29:23.079" v="7597" actId="1037"/>
          <ac:picMkLst>
            <pc:docMk/>
            <pc:sldMk cId="1273443601" sldId="373"/>
            <ac:picMk id="18" creationId="{D29A990E-8063-5F4E-92E2-9DBFEFB31295}"/>
          </ac:picMkLst>
        </pc:picChg>
        <pc:cxnChg chg="add mod">
          <ac:chgData name="Daly Donnacha HSLU I" userId="0f22e960-400a-43ff-baeb-4828c8f5cd3a" providerId="ADAL" clId="{0107A2AC-E230-6340-9D00-A45E25ACF2AC}" dt="2021-03-18T19:55:49.746" v="2927"/>
          <ac:cxnSpMkLst>
            <pc:docMk/>
            <pc:sldMk cId="1273443601" sldId="373"/>
            <ac:cxnSpMk id="4" creationId="{1A1892DC-4E3A-3246-B2A6-96EDDFC3F739}"/>
          </ac:cxnSpMkLst>
        </pc:cxnChg>
        <pc:cxnChg chg="add mod">
          <ac:chgData name="Daly Donnacha HSLU I" userId="0f22e960-400a-43ff-baeb-4828c8f5cd3a" providerId="ADAL" clId="{0107A2AC-E230-6340-9D00-A45E25ACF2AC}" dt="2021-03-18T19:55:49.746" v="2927"/>
          <ac:cxnSpMkLst>
            <pc:docMk/>
            <pc:sldMk cId="1273443601" sldId="373"/>
            <ac:cxnSpMk id="5" creationId="{1003DE3D-B2CC-DA4C-B7DB-49AEB856D740}"/>
          </ac:cxnSpMkLst>
        </pc:cxnChg>
        <pc:cxnChg chg="add mod">
          <ac:chgData name="Daly Donnacha HSLU I" userId="0f22e960-400a-43ff-baeb-4828c8f5cd3a" providerId="ADAL" clId="{0107A2AC-E230-6340-9D00-A45E25ACF2AC}" dt="2021-03-18T19:55:49.746" v="2927"/>
          <ac:cxnSpMkLst>
            <pc:docMk/>
            <pc:sldMk cId="1273443601" sldId="373"/>
            <ac:cxnSpMk id="14" creationId="{20C342D5-C349-F543-8D9E-D5221E6D6A53}"/>
          </ac:cxnSpMkLst>
        </pc:cxnChg>
        <pc:cxnChg chg="add mod">
          <ac:chgData name="Daly Donnacha HSLU I" userId="0f22e960-400a-43ff-baeb-4828c8f5cd3a" providerId="ADAL" clId="{0107A2AC-E230-6340-9D00-A45E25ACF2AC}" dt="2021-03-19T07:38:52.573" v="7740" actId="14100"/>
          <ac:cxnSpMkLst>
            <pc:docMk/>
            <pc:sldMk cId="1273443601" sldId="373"/>
            <ac:cxnSpMk id="19" creationId="{768626E6-7FA6-E248-8FF3-D9D2579BCE06}"/>
          </ac:cxnSpMkLst>
        </pc:cxnChg>
        <pc:cxnChg chg="add del mod">
          <ac:chgData name="Daly Donnacha HSLU I" userId="0f22e960-400a-43ff-baeb-4828c8f5cd3a" providerId="ADAL" clId="{0107A2AC-E230-6340-9D00-A45E25ACF2AC}" dt="2021-03-19T07:29:32.972" v="7600" actId="478"/>
          <ac:cxnSpMkLst>
            <pc:docMk/>
            <pc:sldMk cId="1273443601" sldId="373"/>
            <ac:cxnSpMk id="20" creationId="{167D68B1-83B1-F547-B885-50A5451B7945}"/>
          </ac:cxnSpMkLst>
        </pc:cxnChg>
        <pc:cxnChg chg="add del mod">
          <ac:chgData name="Daly Donnacha HSLU I" userId="0f22e960-400a-43ff-baeb-4828c8f5cd3a" providerId="ADAL" clId="{0107A2AC-E230-6340-9D00-A45E25ACF2AC}" dt="2021-03-19T07:29:30.725" v="7599" actId="478"/>
          <ac:cxnSpMkLst>
            <pc:docMk/>
            <pc:sldMk cId="1273443601" sldId="373"/>
            <ac:cxnSpMk id="21" creationId="{CA52A5FD-F148-814F-A124-DF9DFE49ABD7}"/>
          </ac:cxnSpMkLst>
        </pc:cxnChg>
        <pc:cxnChg chg="add mod">
          <ac:chgData name="Daly Donnacha HSLU I" userId="0f22e960-400a-43ff-baeb-4828c8f5cd3a" providerId="ADAL" clId="{0107A2AC-E230-6340-9D00-A45E25ACF2AC}" dt="2021-03-19T07:38:13.365" v="7722" actId="208"/>
          <ac:cxnSpMkLst>
            <pc:docMk/>
            <pc:sldMk cId="1273443601" sldId="373"/>
            <ac:cxnSpMk id="31" creationId="{FD8AE21B-E706-044D-83CE-701F51B297BB}"/>
          </ac:cxnSpMkLst>
        </pc:cxnChg>
      </pc:sldChg>
      <pc:sldChg chg="del">
        <pc:chgData name="Daly Donnacha HSLU I" userId="0f22e960-400a-43ff-baeb-4828c8f5cd3a" providerId="ADAL" clId="{0107A2AC-E230-6340-9D00-A45E25ACF2AC}" dt="2021-03-18T16:58:58.269" v="221" actId="2696"/>
        <pc:sldMkLst>
          <pc:docMk/>
          <pc:sldMk cId="1403786330" sldId="373"/>
        </pc:sldMkLst>
      </pc:sldChg>
      <pc:sldChg chg="del">
        <pc:chgData name="Daly Donnacha HSLU I" userId="0f22e960-400a-43ff-baeb-4828c8f5cd3a" providerId="ADAL" clId="{0107A2AC-E230-6340-9D00-A45E25ACF2AC}" dt="2021-03-18T16:58:58.269" v="221" actId="2696"/>
        <pc:sldMkLst>
          <pc:docMk/>
          <pc:sldMk cId="757757058" sldId="374"/>
        </pc:sldMkLst>
      </pc:sldChg>
      <pc:sldChg chg="addSp modSp new mod ord">
        <pc:chgData name="Daly Donnacha HSLU I" userId="0f22e960-400a-43ff-baeb-4828c8f5cd3a" providerId="ADAL" clId="{0107A2AC-E230-6340-9D00-A45E25ACF2AC}" dt="2021-03-19T10:45:13.831" v="12004" actId="6549"/>
        <pc:sldMkLst>
          <pc:docMk/>
          <pc:sldMk cId="3935327740" sldId="374"/>
        </pc:sldMkLst>
        <pc:spChg chg="mod">
          <ac:chgData name="Daly Donnacha HSLU I" userId="0f22e960-400a-43ff-baeb-4828c8f5cd3a" providerId="ADAL" clId="{0107A2AC-E230-6340-9D00-A45E25ACF2AC}" dt="2021-03-19T10:45:13.831" v="12004" actId="6549"/>
          <ac:spMkLst>
            <pc:docMk/>
            <pc:sldMk cId="3935327740" sldId="374"/>
            <ac:spMk id="2" creationId="{3AECEF2D-7816-1744-91C8-5C237AB38F8B}"/>
          </ac:spMkLst>
        </pc:spChg>
        <pc:spChg chg="add mod">
          <ac:chgData name="Daly Donnacha HSLU I" userId="0f22e960-400a-43ff-baeb-4828c8f5cd3a" providerId="ADAL" clId="{0107A2AC-E230-6340-9D00-A45E25ACF2AC}" dt="2021-03-19T09:59:26.804" v="10862" actId="1037"/>
          <ac:spMkLst>
            <pc:docMk/>
            <pc:sldMk cId="3935327740" sldId="374"/>
            <ac:spMk id="7" creationId="{D2E890EA-EA99-114E-8B64-80A6B5B0ACB7}"/>
          </ac:spMkLst>
        </pc:spChg>
        <pc:spChg chg="add mod">
          <ac:chgData name="Daly Donnacha HSLU I" userId="0f22e960-400a-43ff-baeb-4828c8f5cd3a" providerId="ADAL" clId="{0107A2AC-E230-6340-9D00-A45E25ACF2AC}" dt="2021-03-19T09:59:03.157" v="10850" actId="1035"/>
          <ac:spMkLst>
            <pc:docMk/>
            <pc:sldMk cId="3935327740" sldId="374"/>
            <ac:spMk id="8" creationId="{FDD8741C-B5A9-3F4B-B770-BF4342BE81E2}"/>
          </ac:spMkLst>
        </pc:spChg>
        <pc:picChg chg="add mod">
          <ac:chgData name="Daly Donnacha HSLU I" userId="0f22e960-400a-43ff-baeb-4828c8f5cd3a" providerId="ADAL" clId="{0107A2AC-E230-6340-9D00-A45E25ACF2AC}" dt="2021-03-19T09:59:26.804" v="10862" actId="1037"/>
          <ac:picMkLst>
            <pc:docMk/>
            <pc:sldMk cId="3935327740" sldId="374"/>
            <ac:picMk id="3" creationId="{8BA7AEBB-11FD-074B-834B-58744F5DC667}"/>
          </ac:picMkLst>
        </pc:picChg>
        <pc:picChg chg="add mod">
          <ac:chgData name="Daly Donnacha HSLU I" userId="0f22e960-400a-43ff-baeb-4828c8f5cd3a" providerId="ADAL" clId="{0107A2AC-E230-6340-9D00-A45E25ACF2AC}" dt="2021-03-19T09:58:52.713" v="10839" actId="1038"/>
          <ac:picMkLst>
            <pc:docMk/>
            <pc:sldMk cId="3935327740" sldId="374"/>
            <ac:picMk id="4" creationId="{E852C52C-37D1-FC47-80B1-03C77219DB38}"/>
          </ac:picMkLst>
        </pc:picChg>
        <pc:picChg chg="add mod">
          <ac:chgData name="Daly Donnacha HSLU I" userId="0f22e960-400a-43ff-baeb-4828c8f5cd3a" providerId="ADAL" clId="{0107A2AC-E230-6340-9D00-A45E25ACF2AC}" dt="2021-03-19T09:59:26.804" v="10862" actId="1037"/>
          <ac:picMkLst>
            <pc:docMk/>
            <pc:sldMk cId="3935327740" sldId="374"/>
            <ac:picMk id="5" creationId="{133F8334-B1C7-6A40-B6FA-426A626EC398}"/>
          </ac:picMkLst>
        </pc:picChg>
        <pc:picChg chg="add mod">
          <ac:chgData name="Daly Donnacha HSLU I" userId="0f22e960-400a-43ff-baeb-4828c8f5cd3a" providerId="ADAL" clId="{0107A2AC-E230-6340-9D00-A45E25ACF2AC}" dt="2021-03-19T09:59:03.157" v="10850" actId="1035"/>
          <ac:picMkLst>
            <pc:docMk/>
            <pc:sldMk cId="3935327740" sldId="374"/>
            <ac:picMk id="6" creationId="{D614CB7A-306B-A049-B0DD-4434C26470D1}"/>
          </ac:picMkLst>
        </pc:picChg>
      </pc:sldChg>
      <pc:sldChg chg="addSp delSp modSp new mod ord">
        <pc:chgData name="Daly Donnacha HSLU I" userId="0f22e960-400a-43ff-baeb-4828c8f5cd3a" providerId="ADAL" clId="{0107A2AC-E230-6340-9D00-A45E25ACF2AC}" dt="2021-03-19T09:34:35.605" v="10283" actId="571"/>
        <pc:sldMkLst>
          <pc:docMk/>
          <pc:sldMk cId="857097735" sldId="375"/>
        </pc:sldMkLst>
        <pc:spChg chg="mod">
          <ac:chgData name="Daly Donnacha HSLU I" userId="0f22e960-400a-43ff-baeb-4828c8f5cd3a" providerId="ADAL" clId="{0107A2AC-E230-6340-9D00-A45E25ACF2AC}" dt="2021-03-19T09:28:20.096" v="10218" actId="20577"/>
          <ac:spMkLst>
            <pc:docMk/>
            <pc:sldMk cId="857097735" sldId="375"/>
            <ac:spMk id="2" creationId="{DC0EBAAD-B7A7-954A-84B6-E66F4E924F58}"/>
          </ac:spMkLst>
        </pc:spChg>
        <pc:spChg chg="add mod">
          <ac:chgData name="Daly Donnacha HSLU I" userId="0f22e960-400a-43ff-baeb-4828c8f5cd3a" providerId="ADAL" clId="{0107A2AC-E230-6340-9D00-A45E25ACF2AC}" dt="2021-03-19T09:30:45.961" v="10244" actId="14100"/>
          <ac:spMkLst>
            <pc:docMk/>
            <pc:sldMk cId="857097735" sldId="375"/>
            <ac:spMk id="3" creationId="{E7A42BE9-6979-D447-B9CD-3AC9897D8945}"/>
          </ac:spMkLst>
        </pc:spChg>
        <pc:spChg chg="mod">
          <ac:chgData name="Daly Donnacha HSLU I" userId="0f22e960-400a-43ff-baeb-4828c8f5cd3a" providerId="ADAL" clId="{0107A2AC-E230-6340-9D00-A45E25ACF2AC}" dt="2021-03-18T20:02:54.017" v="2965"/>
          <ac:spMkLst>
            <pc:docMk/>
            <pc:sldMk cId="857097735" sldId="375"/>
            <ac:spMk id="5" creationId="{42CC1C18-C043-8240-A9AF-188F943E68D4}"/>
          </ac:spMkLst>
        </pc:spChg>
        <pc:spChg chg="mod">
          <ac:chgData name="Daly Donnacha HSLU I" userId="0f22e960-400a-43ff-baeb-4828c8f5cd3a" providerId="ADAL" clId="{0107A2AC-E230-6340-9D00-A45E25ACF2AC}" dt="2021-03-18T20:02:54.017" v="2965"/>
          <ac:spMkLst>
            <pc:docMk/>
            <pc:sldMk cId="857097735" sldId="375"/>
            <ac:spMk id="9" creationId="{6E029D5F-E5E2-D748-9582-9B049D6AFAE2}"/>
          </ac:spMkLst>
        </pc:spChg>
        <pc:spChg chg="mod">
          <ac:chgData name="Daly Donnacha HSLU I" userId="0f22e960-400a-43ff-baeb-4828c8f5cd3a" providerId="ADAL" clId="{0107A2AC-E230-6340-9D00-A45E25ACF2AC}" dt="2021-03-18T20:02:54.017" v="2965"/>
          <ac:spMkLst>
            <pc:docMk/>
            <pc:sldMk cId="857097735" sldId="375"/>
            <ac:spMk id="13" creationId="{E4EEE675-0DAA-C34A-9D40-589BFE1E179A}"/>
          </ac:spMkLst>
        </pc:spChg>
        <pc:spChg chg="add mod">
          <ac:chgData name="Daly Donnacha HSLU I" userId="0f22e960-400a-43ff-baeb-4828c8f5cd3a" providerId="ADAL" clId="{0107A2AC-E230-6340-9D00-A45E25ACF2AC}" dt="2021-03-19T09:31:27.357" v="10255" actId="14100"/>
          <ac:spMkLst>
            <pc:docMk/>
            <pc:sldMk cId="857097735" sldId="375"/>
            <ac:spMk id="20" creationId="{AC30B2CE-B26C-4740-B9DB-F8A1DE5697B9}"/>
          </ac:spMkLst>
        </pc:spChg>
        <pc:spChg chg="add mod">
          <ac:chgData name="Daly Donnacha HSLU I" userId="0f22e960-400a-43ff-baeb-4828c8f5cd3a" providerId="ADAL" clId="{0107A2AC-E230-6340-9D00-A45E25ACF2AC}" dt="2021-03-18T20:02:54.017" v="2965"/>
          <ac:spMkLst>
            <pc:docMk/>
            <pc:sldMk cId="857097735" sldId="375"/>
            <ac:spMk id="21" creationId="{5A9C6106-5450-D746-ACAF-D8D12148679D}"/>
          </ac:spMkLst>
        </pc:spChg>
        <pc:spChg chg="add mod">
          <ac:chgData name="Daly Donnacha HSLU I" userId="0f22e960-400a-43ff-baeb-4828c8f5cd3a" providerId="ADAL" clId="{0107A2AC-E230-6340-9D00-A45E25ACF2AC}" dt="2021-03-19T09:31:22.314" v="10254" actId="1035"/>
          <ac:spMkLst>
            <pc:docMk/>
            <pc:sldMk cId="857097735" sldId="375"/>
            <ac:spMk id="22" creationId="{A756D964-93AF-D044-A62E-579507B45FFE}"/>
          </ac:spMkLst>
        </pc:spChg>
        <pc:spChg chg="add mod">
          <ac:chgData name="Daly Donnacha HSLU I" userId="0f22e960-400a-43ff-baeb-4828c8f5cd3a" providerId="ADAL" clId="{0107A2AC-E230-6340-9D00-A45E25ACF2AC}" dt="2021-03-19T09:31:22.314" v="10254" actId="1035"/>
          <ac:spMkLst>
            <pc:docMk/>
            <pc:sldMk cId="857097735" sldId="375"/>
            <ac:spMk id="23" creationId="{5AA53AF0-57B8-B241-B03B-37D19889199D}"/>
          </ac:spMkLst>
        </pc:spChg>
        <pc:spChg chg="add mod">
          <ac:chgData name="Daly Donnacha HSLU I" userId="0f22e960-400a-43ff-baeb-4828c8f5cd3a" providerId="ADAL" clId="{0107A2AC-E230-6340-9D00-A45E25ACF2AC}" dt="2021-03-19T09:32:50.677" v="10272" actId="1076"/>
          <ac:spMkLst>
            <pc:docMk/>
            <pc:sldMk cId="857097735" sldId="375"/>
            <ac:spMk id="24" creationId="{4E63FEBD-6FE6-2840-902D-7CBFA26036A6}"/>
          </ac:spMkLst>
        </pc:spChg>
        <pc:spChg chg="add del mod">
          <ac:chgData name="Daly Donnacha HSLU I" userId="0f22e960-400a-43ff-baeb-4828c8f5cd3a" providerId="ADAL" clId="{0107A2AC-E230-6340-9D00-A45E25ACF2AC}" dt="2021-03-19T09:32:34.449" v="10269" actId="478"/>
          <ac:spMkLst>
            <pc:docMk/>
            <pc:sldMk cId="857097735" sldId="375"/>
            <ac:spMk id="25" creationId="{1F804EB0-6271-5742-A995-86E3C523B940}"/>
          </ac:spMkLst>
        </pc:spChg>
        <pc:spChg chg="add del mod">
          <ac:chgData name="Daly Donnacha HSLU I" userId="0f22e960-400a-43ff-baeb-4828c8f5cd3a" providerId="ADAL" clId="{0107A2AC-E230-6340-9D00-A45E25ACF2AC}" dt="2021-03-19T09:32:53.568" v="10273" actId="478"/>
          <ac:spMkLst>
            <pc:docMk/>
            <pc:sldMk cId="857097735" sldId="375"/>
            <ac:spMk id="26" creationId="{2607F114-2084-1341-9048-32D63B5AAD42}"/>
          </ac:spMkLst>
        </pc:spChg>
        <pc:spChg chg="add del mod">
          <ac:chgData name="Daly Donnacha HSLU I" userId="0f22e960-400a-43ff-baeb-4828c8f5cd3a" providerId="ADAL" clId="{0107A2AC-E230-6340-9D00-A45E25ACF2AC}" dt="2021-03-19T09:34:23.597" v="10280" actId="478"/>
          <ac:spMkLst>
            <pc:docMk/>
            <pc:sldMk cId="857097735" sldId="375"/>
            <ac:spMk id="27" creationId="{836B8AFD-65E8-B84A-8A24-BEAC09CB0F37}"/>
          </ac:spMkLst>
        </pc:spChg>
        <pc:spChg chg="add del mod">
          <ac:chgData name="Daly Donnacha HSLU I" userId="0f22e960-400a-43ff-baeb-4828c8f5cd3a" providerId="ADAL" clId="{0107A2AC-E230-6340-9D00-A45E25ACF2AC}" dt="2021-03-19T09:33:13.648" v="10277" actId="478"/>
          <ac:spMkLst>
            <pc:docMk/>
            <pc:sldMk cId="857097735" sldId="375"/>
            <ac:spMk id="28" creationId="{969BB009-BDE4-9B49-8241-385B441EB1F2}"/>
          </ac:spMkLst>
        </pc:spChg>
        <pc:spChg chg="add del mod">
          <ac:chgData name="Daly Donnacha HSLU I" userId="0f22e960-400a-43ff-baeb-4828c8f5cd3a" providerId="ADAL" clId="{0107A2AC-E230-6340-9D00-A45E25ACF2AC}" dt="2021-03-19T09:34:20.152" v="10279" actId="478"/>
          <ac:spMkLst>
            <pc:docMk/>
            <pc:sldMk cId="857097735" sldId="375"/>
            <ac:spMk id="29" creationId="{2B48B036-77EE-9241-89D7-A311CEA9F79E}"/>
          </ac:spMkLst>
        </pc:spChg>
        <pc:spChg chg="add del mod">
          <ac:chgData name="Daly Donnacha HSLU I" userId="0f22e960-400a-43ff-baeb-4828c8f5cd3a" providerId="ADAL" clId="{0107A2AC-E230-6340-9D00-A45E25ACF2AC}" dt="2021-03-19T09:33:20.032" v="10278" actId="478"/>
          <ac:spMkLst>
            <pc:docMk/>
            <pc:sldMk cId="857097735" sldId="375"/>
            <ac:spMk id="30" creationId="{5A1BD549-2743-C846-88FC-2FC1C876DDA3}"/>
          </ac:spMkLst>
        </pc:spChg>
        <pc:spChg chg="add mod">
          <ac:chgData name="Daly Donnacha HSLU I" userId="0f22e960-400a-43ff-baeb-4828c8f5cd3a" providerId="ADAL" clId="{0107A2AC-E230-6340-9D00-A45E25ACF2AC}" dt="2021-03-19T09:33:03.533" v="10274" actId="571"/>
          <ac:spMkLst>
            <pc:docMk/>
            <pc:sldMk cId="857097735" sldId="375"/>
            <ac:spMk id="31" creationId="{A429CF65-2262-7642-AFCE-CE96161426AC}"/>
          </ac:spMkLst>
        </pc:spChg>
        <pc:spChg chg="add mod">
          <ac:chgData name="Daly Donnacha HSLU I" userId="0f22e960-400a-43ff-baeb-4828c8f5cd3a" providerId="ADAL" clId="{0107A2AC-E230-6340-9D00-A45E25ACF2AC}" dt="2021-03-19T09:33:07.085" v="10275" actId="571"/>
          <ac:spMkLst>
            <pc:docMk/>
            <pc:sldMk cId="857097735" sldId="375"/>
            <ac:spMk id="32" creationId="{22A2AA4D-8E1B-CA48-879F-79196122A010}"/>
          </ac:spMkLst>
        </pc:spChg>
        <pc:spChg chg="add mod">
          <ac:chgData name="Daly Donnacha HSLU I" userId="0f22e960-400a-43ff-baeb-4828c8f5cd3a" providerId="ADAL" clId="{0107A2AC-E230-6340-9D00-A45E25ACF2AC}" dt="2021-03-19T09:33:10.595" v="10276" actId="571"/>
          <ac:spMkLst>
            <pc:docMk/>
            <pc:sldMk cId="857097735" sldId="375"/>
            <ac:spMk id="33" creationId="{2D22885D-9041-A441-BBA4-46F1FF92AE9F}"/>
          </ac:spMkLst>
        </pc:spChg>
        <pc:spChg chg="add mod">
          <ac:chgData name="Daly Donnacha HSLU I" userId="0f22e960-400a-43ff-baeb-4828c8f5cd3a" providerId="ADAL" clId="{0107A2AC-E230-6340-9D00-A45E25ACF2AC}" dt="2021-03-19T09:34:29.041" v="10281" actId="571"/>
          <ac:spMkLst>
            <pc:docMk/>
            <pc:sldMk cId="857097735" sldId="375"/>
            <ac:spMk id="34" creationId="{E8C1655A-6F3D-2142-89B3-E166A9107A1F}"/>
          </ac:spMkLst>
        </pc:spChg>
        <pc:spChg chg="add mod">
          <ac:chgData name="Daly Donnacha HSLU I" userId="0f22e960-400a-43ff-baeb-4828c8f5cd3a" providerId="ADAL" clId="{0107A2AC-E230-6340-9D00-A45E25ACF2AC}" dt="2021-03-19T09:34:32.255" v="10282" actId="571"/>
          <ac:spMkLst>
            <pc:docMk/>
            <pc:sldMk cId="857097735" sldId="375"/>
            <ac:spMk id="35" creationId="{3DD469BD-A0DA-5B40-8408-6D390B0D1A38}"/>
          </ac:spMkLst>
        </pc:spChg>
        <pc:spChg chg="add mod">
          <ac:chgData name="Daly Donnacha HSLU I" userId="0f22e960-400a-43ff-baeb-4828c8f5cd3a" providerId="ADAL" clId="{0107A2AC-E230-6340-9D00-A45E25ACF2AC}" dt="2021-03-19T09:34:35.605" v="10283" actId="571"/>
          <ac:spMkLst>
            <pc:docMk/>
            <pc:sldMk cId="857097735" sldId="375"/>
            <ac:spMk id="36" creationId="{C2D2A832-DB48-B749-98E7-41EB470BA138}"/>
          </ac:spMkLst>
        </pc:spChg>
        <pc:grpChg chg="add mod">
          <ac:chgData name="Daly Donnacha HSLU I" userId="0f22e960-400a-43ff-baeb-4828c8f5cd3a" providerId="ADAL" clId="{0107A2AC-E230-6340-9D00-A45E25ACF2AC}" dt="2021-03-19T09:30:41.226" v="10243" actId="14100"/>
          <ac:grpSpMkLst>
            <pc:docMk/>
            <pc:sldMk cId="857097735" sldId="375"/>
            <ac:grpSpMk id="4" creationId="{AD9A1B5C-6FE1-9545-952E-E1B52CF13EEF}"/>
          </ac:grpSpMkLst>
        </pc:grpChg>
        <pc:grpChg chg="add mod">
          <ac:chgData name="Daly Donnacha HSLU I" userId="0f22e960-400a-43ff-baeb-4828c8f5cd3a" providerId="ADAL" clId="{0107A2AC-E230-6340-9D00-A45E25ACF2AC}" dt="2021-03-19T09:30:41.226" v="10243" actId="14100"/>
          <ac:grpSpMkLst>
            <pc:docMk/>
            <pc:sldMk cId="857097735" sldId="375"/>
            <ac:grpSpMk id="8" creationId="{C063B70B-A946-E643-8A0E-9A6509CA235C}"/>
          </ac:grpSpMkLst>
        </pc:grpChg>
        <pc:grpChg chg="add mod">
          <ac:chgData name="Daly Donnacha HSLU I" userId="0f22e960-400a-43ff-baeb-4828c8f5cd3a" providerId="ADAL" clId="{0107A2AC-E230-6340-9D00-A45E25ACF2AC}" dt="2021-03-19T09:30:41.226" v="10243" actId="14100"/>
          <ac:grpSpMkLst>
            <pc:docMk/>
            <pc:sldMk cId="857097735" sldId="375"/>
            <ac:grpSpMk id="12" creationId="{DC639083-92AD-9145-A44A-2DFE0A8D80BA}"/>
          </ac:grpSpMkLst>
        </pc:grpChg>
        <pc:grpChg chg="mod">
          <ac:chgData name="Daly Donnacha HSLU I" userId="0f22e960-400a-43ff-baeb-4828c8f5cd3a" providerId="ADAL" clId="{0107A2AC-E230-6340-9D00-A45E25ACF2AC}" dt="2021-03-18T20:02:54.017" v="2965"/>
          <ac:grpSpMkLst>
            <pc:docMk/>
            <pc:sldMk cId="857097735" sldId="375"/>
            <ac:grpSpMk id="16" creationId="{22BABF26-6D4E-1046-8DBC-E04AFD479030}"/>
          </ac:grpSpMkLst>
        </pc:grpChg>
        <pc:picChg chg="mod">
          <ac:chgData name="Daly Donnacha HSLU I" userId="0f22e960-400a-43ff-baeb-4828c8f5cd3a" providerId="ADAL" clId="{0107A2AC-E230-6340-9D00-A45E25ACF2AC}" dt="2021-03-18T20:02:54.017" v="2965"/>
          <ac:picMkLst>
            <pc:docMk/>
            <pc:sldMk cId="857097735" sldId="375"/>
            <ac:picMk id="6" creationId="{FB0737BC-FEF1-EE46-A639-5117994AEC6C}"/>
          </ac:picMkLst>
        </pc:picChg>
        <pc:picChg chg="mod">
          <ac:chgData name="Daly Donnacha HSLU I" userId="0f22e960-400a-43ff-baeb-4828c8f5cd3a" providerId="ADAL" clId="{0107A2AC-E230-6340-9D00-A45E25ACF2AC}" dt="2021-03-18T20:02:54.017" v="2965"/>
          <ac:picMkLst>
            <pc:docMk/>
            <pc:sldMk cId="857097735" sldId="375"/>
            <ac:picMk id="7" creationId="{8EB960CA-2E01-0444-9682-99150D12207F}"/>
          </ac:picMkLst>
        </pc:picChg>
        <pc:picChg chg="mod">
          <ac:chgData name="Daly Donnacha HSLU I" userId="0f22e960-400a-43ff-baeb-4828c8f5cd3a" providerId="ADAL" clId="{0107A2AC-E230-6340-9D00-A45E25ACF2AC}" dt="2021-03-18T20:02:54.017" v="2965"/>
          <ac:picMkLst>
            <pc:docMk/>
            <pc:sldMk cId="857097735" sldId="375"/>
            <ac:picMk id="10" creationId="{35F42116-44C8-AA4A-AD23-0CE49E1A31C7}"/>
          </ac:picMkLst>
        </pc:picChg>
        <pc:picChg chg="mod">
          <ac:chgData name="Daly Donnacha HSLU I" userId="0f22e960-400a-43ff-baeb-4828c8f5cd3a" providerId="ADAL" clId="{0107A2AC-E230-6340-9D00-A45E25ACF2AC}" dt="2021-03-18T20:02:54.017" v="2965"/>
          <ac:picMkLst>
            <pc:docMk/>
            <pc:sldMk cId="857097735" sldId="375"/>
            <ac:picMk id="11" creationId="{1793E581-B917-4C40-BEF2-6D2B45E36237}"/>
          </ac:picMkLst>
        </pc:picChg>
        <pc:picChg chg="mod">
          <ac:chgData name="Daly Donnacha HSLU I" userId="0f22e960-400a-43ff-baeb-4828c8f5cd3a" providerId="ADAL" clId="{0107A2AC-E230-6340-9D00-A45E25ACF2AC}" dt="2021-03-18T20:02:54.017" v="2965"/>
          <ac:picMkLst>
            <pc:docMk/>
            <pc:sldMk cId="857097735" sldId="375"/>
            <ac:picMk id="14" creationId="{FAEDEC2B-8ABD-F342-8620-6A3BD4417B0C}"/>
          </ac:picMkLst>
        </pc:picChg>
        <pc:picChg chg="mod">
          <ac:chgData name="Daly Donnacha HSLU I" userId="0f22e960-400a-43ff-baeb-4828c8f5cd3a" providerId="ADAL" clId="{0107A2AC-E230-6340-9D00-A45E25ACF2AC}" dt="2021-03-18T20:02:54.017" v="2965"/>
          <ac:picMkLst>
            <pc:docMk/>
            <pc:sldMk cId="857097735" sldId="375"/>
            <ac:picMk id="15" creationId="{ABE7A035-5E08-0D49-AC0F-66F5DA94975B}"/>
          </ac:picMkLst>
        </pc:picChg>
        <pc:picChg chg="mod">
          <ac:chgData name="Daly Donnacha HSLU I" userId="0f22e960-400a-43ff-baeb-4828c8f5cd3a" providerId="ADAL" clId="{0107A2AC-E230-6340-9D00-A45E25ACF2AC}" dt="2021-03-18T20:02:54.017" v="2965"/>
          <ac:picMkLst>
            <pc:docMk/>
            <pc:sldMk cId="857097735" sldId="375"/>
            <ac:picMk id="17" creationId="{584937E2-A3D4-5F46-9517-70CC9B03F7C1}"/>
          </ac:picMkLst>
        </pc:picChg>
        <pc:picChg chg="mod">
          <ac:chgData name="Daly Donnacha HSLU I" userId="0f22e960-400a-43ff-baeb-4828c8f5cd3a" providerId="ADAL" clId="{0107A2AC-E230-6340-9D00-A45E25ACF2AC}" dt="2021-03-18T20:02:54.017" v="2965"/>
          <ac:picMkLst>
            <pc:docMk/>
            <pc:sldMk cId="857097735" sldId="375"/>
            <ac:picMk id="18" creationId="{1572A545-B04F-184D-A79E-7EA95142667A}"/>
          </ac:picMkLst>
        </pc:picChg>
        <pc:picChg chg="mod">
          <ac:chgData name="Daly Donnacha HSLU I" userId="0f22e960-400a-43ff-baeb-4828c8f5cd3a" providerId="ADAL" clId="{0107A2AC-E230-6340-9D00-A45E25ACF2AC}" dt="2021-03-18T20:02:54.017" v="2965"/>
          <ac:picMkLst>
            <pc:docMk/>
            <pc:sldMk cId="857097735" sldId="375"/>
            <ac:picMk id="19" creationId="{C1FD3CF7-2FCC-454D-B9AC-97C4126DEAFC}"/>
          </ac:picMkLst>
        </pc:picChg>
      </pc:sldChg>
      <pc:sldChg chg="del">
        <pc:chgData name="Daly Donnacha HSLU I" userId="0f22e960-400a-43ff-baeb-4828c8f5cd3a" providerId="ADAL" clId="{0107A2AC-E230-6340-9D00-A45E25ACF2AC}" dt="2021-03-18T16:58:58.269" v="221" actId="2696"/>
        <pc:sldMkLst>
          <pc:docMk/>
          <pc:sldMk cId="4187784029" sldId="375"/>
        </pc:sldMkLst>
      </pc:sldChg>
      <pc:sldChg chg="modSp add del mod">
        <pc:chgData name="Daly Donnacha HSLU I" userId="0f22e960-400a-43ff-baeb-4828c8f5cd3a" providerId="ADAL" clId="{0107A2AC-E230-6340-9D00-A45E25ACF2AC}" dt="2021-03-19T13:44:27.069" v="15785" actId="2696"/>
        <pc:sldMkLst>
          <pc:docMk/>
          <pc:sldMk cId="3009049179" sldId="376"/>
        </pc:sldMkLst>
        <pc:spChg chg="mod">
          <ac:chgData name="Daly Donnacha HSLU I" userId="0f22e960-400a-43ff-baeb-4828c8f5cd3a" providerId="ADAL" clId="{0107A2AC-E230-6340-9D00-A45E25ACF2AC}" dt="2021-03-18T20:04:35.901" v="2993" actId="20577"/>
          <ac:spMkLst>
            <pc:docMk/>
            <pc:sldMk cId="3009049179" sldId="376"/>
            <ac:spMk id="2" creationId="{E378C4D5-BEC5-C547-AF3A-ABB6A7E383D7}"/>
          </ac:spMkLst>
        </pc:spChg>
      </pc:sldChg>
      <pc:sldChg chg="del">
        <pc:chgData name="Daly Donnacha HSLU I" userId="0f22e960-400a-43ff-baeb-4828c8f5cd3a" providerId="ADAL" clId="{0107A2AC-E230-6340-9D00-A45E25ACF2AC}" dt="2021-03-18T16:58:58.269" v="221" actId="2696"/>
        <pc:sldMkLst>
          <pc:docMk/>
          <pc:sldMk cId="3585468508" sldId="376"/>
        </pc:sldMkLst>
      </pc:sldChg>
      <pc:sldChg chg="modSp add del mod">
        <pc:chgData name="Daly Donnacha HSLU I" userId="0f22e960-400a-43ff-baeb-4828c8f5cd3a" providerId="ADAL" clId="{0107A2AC-E230-6340-9D00-A45E25ACF2AC}" dt="2021-03-19T13:44:28.454" v="15786" actId="2696"/>
        <pc:sldMkLst>
          <pc:docMk/>
          <pc:sldMk cId="1969148834" sldId="377"/>
        </pc:sldMkLst>
        <pc:spChg chg="mod">
          <ac:chgData name="Daly Donnacha HSLU I" userId="0f22e960-400a-43ff-baeb-4828c8f5cd3a" providerId="ADAL" clId="{0107A2AC-E230-6340-9D00-A45E25ACF2AC}" dt="2021-03-18T20:04:46.654" v="3003" actId="20577"/>
          <ac:spMkLst>
            <pc:docMk/>
            <pc:sldMk cId="1969148834" sldId="377"/>
            <ac:spMk id="2" creationId="{E378C4D5-BEC5-C547-AF3A-ABB6A7E383D7}"/>
          </ac:spMkLst>
        </pc:spChg>
      </pc:sldChg>
      <pc:sldChg chg="del">
        <pc:chgData name="Daly Donnacha HSLU I" userId="0f22e960-400a-43ff-baeb-4828c8f5cd3a" providerId="ADAL" clId="{0107A2AC-E230-6340-9D00-A45E25ACF2AC}" dt="2021-03-18T16:58:58.269" v="221" actId="2696"/>
        <pc:sldMkLst>
          <pc:docMk/>
          <pc:sldMk cId="3986739479" sldId="377"/>
        </pc:sldMkLst>
      </pc:sldChg>
      <pc:sldChg chg="addSp delSp modSp new del mod ord">
        <pc:chgData name="Daly Donnacha HSLU I" userId="0f22e960-400a-43ff-baeb-4828c8f5cd3a" providerId="ADAL" clId="{0107A2AC-E230-6340-9D00-A45E25ACF2AC}" dt="2021-03-19T13:44:24.665" v="15782" actId="2696"/>
        <pc:sldMkLst>
          <pc:docMk/>
          <pc:sldMk cId="1173915024" sldId="378"/>
        </pc:sldMkLst>
        <pc:picChg chg="add del mod">
          <ac:chgData name="Daly Donnacha HSLU I" userId="0f22e960-400a-43ff-baeb-4828c8f5cd3a" providerId="ADAL" clId="{0107A2AC-E230-6340-9D00-A45E25ACF2AC}" dt="2021-03-19T13:08:39.842" v="14360" actId="21"/>
          <ac:picMkLst>
            <pc:docMk/>
            <pc:sldMk cId="1173915024" sldId="378"/>
            <ac:picMk id="3" creationId="{5A3581A1-5657-9C4C-9923-44E843CD61DF}"/>
          </ac:picMkLst>
        </pc:picChg>
        <pc:picChg chg="add del mod">
          <ac:chgData name="Daly Donnacha HSLU I" userId="0f22e960-400a-43ff-baeb-4828c8f5cd3a" providerId="ADAL" clId="{0107A2AC-E230-6340-9D00-A45E25ACF2AC}" dt="2021-03-19T13:07:53.698" v="14348" actId="21"/>
          <ac:picMkLst>
            <pc:docMk/>
            <pc:sldMk cId="1173915024" sldId="378"/>
            <ac:picMk id="4" creationId="{7F4B241F-5B0E-4E47-97FF-70966060C2E3}"/>
          </ac:picMkLst>
        </pc:picChg>
        <pc:picChg chg="add del mod">
          <ac:chgData name="Daly Donnacha HSLU I" userId="0f22e960-400a-43ff-baeb-4828c8f5cd3a" providerId="ADAL" clId="{0107A2AC-E230-6340-9D00-A45E25ACF2AC}" dt="2021-03-19T13:08:08.906" v="14353" actId="21"/>
          <ac:picMkLst>
            <pc:docMk/>
            <pc:sldMk cId="1173915024" sldId="378"/>
            <ac:picMk id="5" creationId="{B87259F6-1A22-2C4C-97CA-5ABB705A7F75}"/>
          </ac:picMkLst>
        </pc:picChg>
      </pc:sldChg>
      <pc:sldChg chg="del">
        <pc:chgData name="Daly Donnacha HSLU I" userId="0f22e960-400a-43ff-baeb-4828c8f5cd3a" providerId="ADAL" clId="{0107A2AC-E230-6340-9D00-A45E25ACF2AC}" dt="2021-03-18T16:58:58.269" v="221" actId="2696"/>
        <pc:sldMkLst>
          <pc:docMk/>
          <pc:sldMk cId="3061244415" sldId="378"/>
        </pc:sldMkLst>
      </pc:sldChg>
      <pc:sldChg chg="del">
        <pc:chgData name="Daly Donnacha HSLU I" userId="0f22e960-400a-43ff-baeb-4828c8f5cd3a" providerId="ADAL" clId="{0107A2AC-E230-6340-9D00-A45E25ACF2AC}" dt="2021-03-18T16:58:58.269" v="221" actId="2696"/>
        <pc:sldMkLst>
          <pc:docMk/>
          <pc:sldMk cId="1024875337" sldId="379"/>
        </pc:sldMkLst>
      </pc:sldChg>
      <pc:sldChg chg="addSp delSp modSp new mod">
        <pc:chgData name="Daly Donnacha HSLU I" userId="0f22e960-400a-43ff-baeb-4828c8f5cd3a" providerId="ADAL" clId="{0107A2AC-E230-6340-9D00-A45E25ACF2AC}" dt="2021-03-19T05:21:55.622" v="4743" actId="20577"/>
        <pc:sldMkLst>
          <pc:docMk/>
          <pc:sldMk cId="1131895972" sldId="379"/>
        </pc:sldMkLst>
        <pc:spChg chg="mod">
          <ac:chgData name="Daly Donnacha HSLU I" userId="0f22e960-400a-43ff-baeb-4828c8f5cd3a" providerId="ADAL" clId="{0107A2AC-E230-6340-9D00-A45E25ACF2AC}" dt="2021-03-19T04:25:03.887" v="3367" actId="20577"/>
          <ac:spMkLst>
            <pc:docMk/>
            <pc:sldMk cId="1131895972" sldId="379"/>
            <ac:spMk id="2" creationId="{0AD36399-0BBC-EA48-8583-73E68530045E}"/>
          </ac:spMkLst>
        </pc:spChg>
        <pc:spChg chg="add del mod">
          <ac:chgData name="Daly Donnacha HSLU I" userId="0f22e960-400a-43ff-baeb-4828c8f5cd3a" providerId="ADAL" clId="{0107A2AC-E230-6340-9D00-A45E25ACF2AC}" dt="2021-03-19T04:38:49.976" v="3582" actId="478"/>
          <ac:spMkLst>
            <pc:docMk/>
            <pc:sldMk cId="1131895972" sldId="379"/>
            <ac:spMk id="14" creationId="{66AA059A-CA38-ED41-9E35-348AD4086DBC}"/>
          </ac:spMkLst>
        </pc:spChg>
        <pc:spChg chg="add del mod">
          <ac:chgData name="Daly Donnacha HSLU I" userId="0f22e960-400a-43ff-baeb-4828c8f5cd3a" providerId="ADAL" clId="{0107A2AC-E230-6340-9D00-A45E25ACF2AC}" dt="2021-03-19T04:38:49.976" v="3582" actId="478"/>
          <ac:spMkLst>
            <pc:docMk/>
            <pc:sldMk cId="1131895972" sldId="379"/>
            <ac:spMk id="16" creationId="{7921059B-0DF1-F54B-84FE-495EA674D322}"/>
          </ac:spMkLst>
        </pc:spChg>
        <pc:spChg chg="add del mod">
          <ac:chgData name="Daly Donnacha HSLU I" userId="0f22e960-400a-43ff-baeb-4828c8f5cd3a" providerId="ADAL" clId="{0107A2AC-E230-6340-9D00-A45E25ACF2AC}" dt="2021-03-19T04:38:49.976" v="3582" actId="478"/>
          <ac:spMkLst>
            <pc:docMk/>
            <pc:sldMk cId="1131895972" sldId="379"/>
            <ac:spMk id="17" creationId="{63B35670-FC5C-4049-A7FF-BFAEBCE1ACAA}"/>
          </ac:spMkLst>
        </pc:spChg>
        <pc:spChg chg="add del mod">
          <ac:chgData name="Daly Donnacha HSLU I" userId="0f22e960-400a-43ff-baeb-4828c8f5cd3a" providerId="ADAL" clId="{0107A2AC-E230-6340-9D00-A45E25ACF2AC}" dt="2021-03-19T04:38:49.976" v="3582" actId="478"/>
          <ac:spMkLst>
            <pc:docMk/>
            <pc:sldMk cId="1131895972" sldId="379"/>
            <ac:spMk id="18" creationId="{A438C888-3315-DF40-BAA8-FC771DA93E91}"/>
          </ac:spMkLst>
        </pc:spChg>
        <pc:spChg chg="add del mod">
          <ac:chgData name="Daly Donnacha HSLU I" userId="0f22e960-400a-43ff-baeb-4828c8f5cd3a" providerId="ADAL" clId="{0107A2AC-E230-6340-9D00-A45E25ACF2AC}" dt="2021-03-19T04:38:49.976" v="3582" actId="478"/>
          <ac:spMkLst>
            <pc:docMk/>
            <pc:sldMk cId="1131895972" sldId="379"/>
            <ac:spMk id="19" creationId="{73C72C38-9F45-6C42-8763-4FD7C739FA6C}"/>
          </ac:spMkLst>
        </pc:spChg>
        <pc:spChg chg="add del mod">
          <ac:chgData name="Daly Donnacha HSLU I" userId="0f22e960-400a-43ff-baeb-4828c8f5cd3a" providerId="ADAL" clId="{0107A2AC-E230-6340-9D00-A45E25ACF2AC}" dt="2021-03-19T04:38:49.976" v="3582" actId="478"/>
          <ac:spMkLst>
            <pc:docMk/>
            <pc:sldMk cId="1131895972" sldId="379"/>
            <ac:spMk id="20" creationId="{82586790-A088-5444-A872-52100F9FBDC9}"/>
          </ac:spMkLst>
        </pc:spChg>
        <pc:spChg chg="add del mod">
          <ac:chgData name="Daly Donnacha HSLU I" userId="0f22e960-400a-43ff-baeb-4828c8f5cd3a" providerId="ADAL" clId="{0107A2AC-E230-6340-9D00-A45E25ACF2AC}" dt="2021-03-19T04:38:49.976" v="3582" actId="478"/>
          <ac:spMkLst>
            <pc:docMk/>
            <pc:sldMk cId="1131895972" sldId="379"/>
            <ac:spMk id="21" creationId="{D7B8B7A5-6E66-124D-8E4A-4CC6A0C6BEAA}"/>
          </ac:spMkLst>
        </pc:spChg>
        <pc:spChg chg="add del mod">
          <ac:chgData name="Daly Donnacha HSLU I" userId="0f22e960-400a-43ff-baeb-4828c8f5cd3a" providerId="ADAL" clId="{0107A2AC-E230-6340-9D00-A45E25ACF2AC}" dt="2021-03-19T04:38:49.976" v="3582" actId="478"/>
          <ac:spMkLst>
            <pc:docMk/>
            <pc:sldMk cId="1131895972" sldId="379"/>
            <ac:spMk id="22" creationId="{69AD4AA8-4B32-1948-BFD8-3669884983D8}"/>
          </ac:spMkLst>
        </pc:spChg>
        <pc:spChg chg="add del mod">
          <ac:chgData name="Daly Donnacha HSLU I" userId="0f22e960-400a-43ff-baeb-4828c8f5cd3a" providerId="ADAL" clId="{0107A2AC-E230-6340-9D00-A45E25ACF2AC}" dt="2021-03-19T04:38:49.976" v="3582" actId="478"/>
          <ac:spMkLst>
            <pc:docMk/>
            <pc:sldMk cId="1131895972" sldId="379"/>
            <ac:spMk id="23" creationId="{FCC08F79-9F6B-2945-B8F6-AA36B5F89A30}"/>
          </ac:spMkLst>
        </pc:spChg>
        <pc:spChg chg="add del mod">
          <ac:chgData name="Daly Donnacha HSLU I" userId="0f22e960-400a-43ff-baeb-4828c8f5cd3a" providerId="ADAL" clId="{0107A2AC-E230-6340-9D00-A45E25ACF2AC}" dt="2021-03-19T04:38:49.976" v="3582" actId="478"/>
          <ac:spMkLst>
            <pc:docMk/>
            <pc:sldMk cId="1131895972" sldId="379"/>
            <ac:spMk id="24" creationId="{CC7F62E6-09A0-BC40-98DE-EEF9BD31D6AC}"/>
          </ac:spMkLst>
        </pc:spChg>
        <pc:spChg chg="add del mod">
          <ac:chgData name="Daly Donnacha HSLU I" userId="0f22e960-400a-43ff-baeb-4828c8f5cd3a" providerId="ADAL" clId="{0107A2AC-E230-6340-9D00-A45E25ACF2AC}" dt="2021-03-19T04:38:49.976" v="3582" actId="478"/>
          <ac:spMkLst>
            <pc:docMk/>
            <pc:sldMk cId="1131895972" sldId="379"/>
            <ac:spMk id="26" creationId="{52F9F2BF-86E8-2444-9AA9-48E1FA042EFD}"/>
          </ac:spMkLst>
        </pc:spChg>
        <pc:spChg chg="add del mod">
          <ac:chgData name="Daly Donnacha HSLU I" userId="0f22e960-400a-43ff-baeb-4828c8f5cd3a" providerId="ADAL" clId="{0107A2AC-E230-6340-9D00-A45E25ACF2AC}" dt="2021-03-19T04:38:49.976" v="3582" actId="478"/>
          <ac:spMkLst>
            <pc:docMk/>
            <pc:sldMk cId="1131895972" sldId="379"/>
            <ac:spMk id="27" creationId="{260AFE65-601E-124D-85E4-FCA0104B28C4}"/>
          </ac:spMkLst>
        </pc:spChg>
        <pc:spChg chg="add del mod">
          <ac:chgData name="Daly Donnacha HSLU I" userId="0f22e960-400a-43ff-baeb-4828c8f5cd3a" providerId="ADAL" clId="{0107A2AC-E230-6340-9D00-A45E25ACF2AC}" dt="2021-03-19T04:38:49.976" v="3582" actId="478"/>
          <ac:spMkLst>
            <pc:docMk/>
            <pc:sldMk cId="1131895972" sldId="379"/>
            <ac:spMk id="28" creationId="{3A40A719-439F-054E-96C4-C7D41A4E8A7E}"/>
          </ac:spMkLst>
        </pc:spChg>
        <pc:spChg chg="add del mod">
          <ac:chgData name="Daly Donnacha HSLU I" userId="0f22e960-400a-43ff-baeb-4828c8f5cd3a" providerId="ADAL" clId="{0107A2AC-E230-6340-9D00-A45E25ACF2AC}" dt="2021-03-19T04:38:49.976" v="3582" actId="478"/>
          <ac:spMkLst>
            <pc:docMk/>
            <pc:sldMk cId="1131895972" sldId="379"/>
            <ac:spMk id="29" creationId="{27DEFBB8-EE6D-0F46-80EA-0A56DB18F68A}"/>
          </ac:spMkLst>
        </pc:spChg>
        <pc:spChg chg="add del mod">
          <ac:chgData name="Daly Donnacha HSLU I" userId="0f22e960-400a-43ff-baeb-4828c8f5cd3a" providerId="ADAL" clId="{0107A2AC-E230-6340-9D00-A45E25ACF2AC}" dt="2021-03-19T04:38:49.976" v="3582" actId="478"/>
          <ac:spMkLst>
            <pc:docMk/>
            <pc:sldMk cId="1131895972" sldId="379"/>
            <ac:spMk id="30" creationId="{E17890E5-2352-C045-9228-C49216793430}"/>
          </ac:spMkLst>
        </pc:spChg>
        <pc:spChg chg="add del mod">
          <ac:chgData name="Daly Donnacha HSLU I" userId="0f22e960-400a-43ff-baeb-4828c8f5cd3a" providerId="ADAL" clId="{0107A2AC-E230-6340-9D00-A45E25ACF2AC}" dt="2021-03-19T04:38:49.976" v="3582" actId="478"/>
          <ac:spMkLst>
            <pc:docMk/>
            <pc:sldMk cId="1131895972" sldId="379"/>
            <ac:spMk id="31" creationId="{644CED42-AFF5-7848-971F-D66E4926BA0A}"/>
          </ac:spMkLst>
        </pc:spChg>
        <pc:spChg chg="add del mod">
          <ac:chgData name="Daly Donnacha HSLU I" userId="0f22e960-400a-43ff-baeb-4828c8f5cd3a" providerId="ADAL" clId="{0107A2AC-E230-6340-9D00-A45E25ACF2AC}" dt="2021-03-19T04:38:49.976" v="3582" actId="478"/>
          <ac:spMkLst>
            <pc:docMk/>
            <pc:sldMk cId="1131895972" sldId="379"/>
            <ac:spMk id="32" creationId="{C3DCD1F6-9C6E-4E40-97C9-59CD6181BEC6}"/>
          </ac:spMkLst>
        </pc:spChg>
        <pc:spChg chg="add del mod">
          <ac:chgData name="Daly Donnacha HSLU I" userId="0f22e960-400a-43ff-baeb-4828c8f5cd3a" providerId="ADAL" clId="{0107A2AC-E230-6340-9D00-A45E25ACF2AC}" dt="2021-03-19T04:14:26.202" v="3181" actId="478"/>
          <ac:spMkLst>
            <pc:docMk/>
            <pc:sldMk cId="1131895972" sldId="379"/>
            <ac:spMk id="34" creationId="{8E82ABBB-D265-C84B-A8A4-67CBA32F4E4C}"/>
          </ac:spMkLst>
        </pc:spChg>
        <pc:spChg chg="add del mod">
          <ac:chgData name="Daly Donnacha HSLU I" userId="0f22e960-400a-43ff-baeb-4828c8f5cd3a" providerId="ADAL" clId="{0107A2AC-E230-6340-9D00-A45E25ACF2AC}" dt="2021-03-19T04:15:14.542" v="3182" actId="478"/>
          <ac:spMkLst>
            <pc:docMk/>
            <pc:sldMk cId="1131895972" sldId="379"/>
            <ac:spMk id="35" creationId="{4FEEB44F-0F23-3B40-9C6A-C3AD342B3095}"/>
          </ac:spMkLst>
        </pc:spChg>
        <pc:spChg chg="add del mod">
          <ac:chgData name="Daly Donnacha HSLU I" userId="0f22e960-400a-43ff-baeb-4828c8f5cd3a" providerId="ADAL" clId="{0107A2AC-E230-6340-9D00-A45E25ACF2AC}" dt="2021-03-19T04:15:17.786" v="3183" actId="478"/>
          <ac:spMkLst>
            <pc:docMk/>
            <pc:sldMk cId="1131895972" sldId="379"/>
            <ac:spMk id="36" creationId="{75AD0611-5DB0-7E4E-A400-C2071F3C9C9A}"/>
          </ac:spMkLst>
        </pc:spChg>
        <pc:spChg chg="add mod">
          <ac:chgData name="Daly Donnacha HSLU I" userId="0f22e960-400a-43ff-baeb-4828c8f5cd3a" providerId="ADAL" clId="{0107A2AC-E230-6340-9D00-A45E25ACF2AC}" dt="2021-03-19T04:38:57.351" v="3583"/>
          <ac:spMkLst>
            <pc:docMk/>
            <pc:sldMk cId="1131895972" sldId="379"/>
            <ac:spMk id="48" creationId="{7A403E8C-4108-6149-A9CB-CE3AAB767DA8}"/>
          </ac:spMkLst>
        </pc:spChg>
        <pc:spChg chg="add mod">
          <ac:chgData name="Daly Donnacha HSLU I" userId="0f22e960-400a-43ff-baeb-4828c8f5cd3a" providerId="ADAL" clId="{0107A2AC-E230-6340-9D00-A45E25ACF2AC}" dt="2021-03-19T04:38:57.351" v="3583"/>
          <ac:spMkLst>
            <pc:docMk/>
            <pc:sldMk cId="1131895972" sldId="379"/>
            <ac:spMk id="50" creationId="{5A6396A2-3373-CE4E-815E-FB85801CD811}"/>
          </ac:spMkLst>
        </pc:spChg>
        <pc:spChg chg="add mod">
          <ac:chgData name="Daly Donnacha HSLU I" userId="0f22e960-400a-43ff-baeb-4828c8f5cd3a" providerId="ADAL" clId="{0107A2AC-E230-6340-9D00-A45E25ACF2AC}" dt="2021-03-19T04:38:57.351" v="3583"/>
          <ac:spMkLst>
            <pc:docMk/>
            <pc:sldMk cId="1131895972" sldId="379"/>
            <ac:spMk id="51" creationId="{95C82298-4646-DF40-9C6D-1FF36EEBA365}"/>
          </ac:spMkLst>
        </pc:spChg>
        <pc:spChg chg="add mod">
          <ac:chgData name="Daly Donnacha HSLU I" userId="0f22e960-400a-43ff-baeb-4828c8f5cd3a" providerId="ADAL" clId="{0107A2AC-E230-6340-9D00-A45E25ACF2AC}" dt="2021-03-19T04:38:57.351" v="3583"/>
          <ac:spMkLst>
            <pc:docMk/>
            <pc:sldMk cId="1131895972" sldId="379"/>
            <ac:spMk id="52" creationId="{17C0D483-5371-994F-8D69-143170FE87E7}"/>
          </ac:spMkLst>
        </pc:spChg>
        <pc:spChg chg="add mod">
          <ac:chgData name="Daly Donnacha HSLU I" userId="0f22e960-400a-43ff-baeb-4828c8f5cd3a" providerId="ADAL" clId="{0107A2AC-E230-6340-9D00-A45E25ACF2AC}" dt="2021-03-19T04:38:57.351" v="3583"/>
          <ac:spMkLst>
            <pc:docMk/>
            <pc:sldMk cId="1131895972" sldId="379"/>
            <ac:spMk id="53" creationId="{610668BA-2641-7D4F-8B56-3C4135B077E4}"/>
          </ac:spMkLst>
        </pc:spChg>
        <pc:spChg chg="add mod">
          <ac:chgData name="Daly Donnacha HSLU I" userId="0f22e960-400a-43ff-baeb-4828c8f5cd3a" providerId="ADAL" clId="{0107A2AC-E230-6340-9D00-A45E25ACF2AC}" dt="2021-03-19T04:38:57.351" v="3583"/>
          <ac:spMkLst>
            <pc:docMk/>
            <pc:sldMk cId="1131895972" sldId="379"/>
            <ac:spMk id="54" creationId="{C04ACBA4-3EFA-6B4D-B07C-6B9CED5B2E28}"/>
          </ac:spMkLst>
        </pc:spChg>
        <pc:spChg chg="add mod">
          <ac:chgData name="Daly Donnacha HSLU I" userId="0f22e960-400a-43ff-baeb-4828c8f5cd3a" providerId="ADAL" clId="{0107A2AC-E230-6340-9D00-A45E25ACF2AC}" dt="2021-03-19T04:38:57.351" v="3583"/>
          <ac:spMkLst>
            <pc:docMk/>
            <pc:sldMk cId="1131895972" sldId="379"/>
            <ac:spMk id="55" creationId="{97075C09-99EF-9E44-B25F-336548CBACEE}"/>
          </ac:spMkLst>
        </pc:spChg>
        <pc:spChg chg="add mod">
          <ac:chgData name="Daly Donnacha HSLU I" userId="0f22e960-400a-43ff-baeb-4828c8f5cd3a" providerId="ADAL" clId="{0107A2AC-E230-6340-9D00-A45E25ACF2AC}" dt="2021-03-19T04:38:57.351" v="3583"/>
          <ac:spMkLst>
            <pc:docMk/>
            <pc:sldMk cId="1131895972" sldId="379"/>
            <ac:spMk id="56" creationId="{402B5CCA-FA8D-114E-9AFB-777A51938083}"/>
          </ac:spMkLst>
        </pc:spChg>
        <pc:spChg chg="add mod">
          <ac:chgData name="Daly Donnacha HSLU I" userId="0f22e960-400a-43ff-baeb-4828c8f5cd3a" providerId="ADAL" clId="{0107A2AC-E230-6340-9D00-A45E25ACF2AC}" dt="2021-03-19T04:38:57.351" v="3583"/>
          <ac:spMkLst>
            <pc:docMk/>
            <pc:sldMk cId="1131895972" sldId="379"/>
            <ac:spMk id="57" creationId="{8FD7249E-1532-D94F-82A8-053D71EEC468}"/>
          </ac:spMkLst>
        </pc:spChg>
        <pc:spChg chg="add mod">
          <ac:chgData name="Daly Donnacha HSLU I" userId="0f22e960-400a-43ff-baeb-4828c8f5cd3a" providerId="ADAL" clId="{0107A2AC-E230-6340-9D00-A45E25ACF2AC}" dt="2021-03-19T04:38:57.351" v="3583"/>
          <ac:spMkLst>
            <pc:docMk/>
            <pc:sldMk cId="1131895972" sldId="379"/>
            <ac:spMk id="58" creationId="{5768EDB1-A9F9-AE46-B6F4-D699E3F111A0}"/>
          </ac:spMkLst>
        </pc:spChg>
        <pc:spChg chg="add mod">
          <ac:chgData name="Daly Donnacha HSLU I" userId="0f22e960-400a-43ff-baeb-4828c8f5cd3a" providerId="ADAL" clId="{0107A2AC-E230-6340-9D00-A45E25ACF2AC}" dt="2021-03-19T04:38:57.351" v="3583"/>
          <ac:spMkLst>
            <pc:docMk/>
            <pc:sldMk cId="1131895972" sldId="379"/>
            <ac:spMk id="60" creationId="{01C17797-4DB8-B94C-B786-5A60FCC1C760}"/>
          </ac:spMkLst>
        </pc:spChg>
        <pc:spChg chg="add mod">
          <ac:chgData name="Daly Donnacha HSLU I" userId="0f22e960-400a-43ff-baeb-4828c8f5cd3a" providerId="ADAL" clId="{0107A2AC-E230-6340-9D00-A45E25ACF2AC}" dt="2021-03-19T04:38:57.351" v="3583"/>
          <ac:spMkLst>
            <pc:docMk/>
            <pc:sldMk cId="1131895972" sldId="379"/>
            <ac:spMk id="61" creationId="{FD04220B-6E71-5B4B-B887-334790D5832A}"/>
          </ac:spMkLst>
        </pc:spChg>
        <pc:spChg chg="add mod">
          <ac:chgData name="Daly Donnacha HSLU I" userId="0f22e960-400a-43ff-baeb-4828c8f5cd3a" providerId="ADAL" clId="{0107A2AC-E230-6340-9D00-A45E25ACF2AC}" dt="2021-03-19T04:38:57.351" v="3583"/>
          <ac:spMkLst>
            <pc:docMk/>
            <pc:sldMk cId="1131895972" sldId="379"/>
            <ac:spMk id="62" creationId="{825013DF-B43A-0846-94ED-ED290C1B9260}"/>
          </ac:spMkLst>
        </pc:spChg>
        <pc:spChg chg="add mod">
          <ac:chgData name="Daly Donnacha HSLU I" userId="0f22e960-400a-43ff-baeb-4828c8f5cd3a" providerId="ADAL" clId="{0107A2AC-E230-6340-9D00-A45E25ACF2AC}" dt="2021-03-19T04:38:57.351" v="3583"/>
          <ac:spMkLst>
            <pc:docMk/>
            <pc:sldMk cId="1131895972" sldId="379"/>
            <ac:spMk id="63" creationId="{FCFF27B5-6D62-FC40-BF31-54CE0C3C7513}"/>
          </ac:spMkLst>
        </pc:spChg>
        <pc:spChg chg="add mod">
          <ac:chgData name="Daly Donnacha HSLU I" userId="0f22e960-400a-43ff-baeb-4828c8f5cd3a" providerId="ADAL" clId="{0107A2AC-E230-6340-9D00-A45E25ACF2AC}" dt="2021-03-19T04:38:57.351" v="3583"/>
          <ac:spMkLst>
            <pc:docMk/>
            <pc:sldMk cId="1131895972" sldId="379"/>
            <ac:spMk id="64" creationId="{EE2B1A9E-717B-8045-88FB-F56394D2D111}"/>
          </ac:spMkLst>
        </pc:spChg>
        <pc:spChg chg="add mod">
          <ac:chgData name="Daly Donnacha HSLU I" userId="0f22e960-400a-43ff-baeb-4828c8f5cd3a" providerId="ADAL" clId="{0107A2AC-E230-6340-9D00-A45E25ACF2AC}" dt="2021-03-19T04:38:57.351" v="3583"/>
          <ac:spMkLst>
            <pc:docMk/>
            <pc:sldMk cId="1131895972" sldId="379"/>
            <ac:spMk id="65" creationId="{72F64328-D396-224D-ADA8-33595B424B2F}"/>
          </ac:spMkLst>
        </pc:spChg>
        <pc:spChg chg="add mod">
          <ac:chgData name="Daly Donnacha HSLU I" userId="0f22e960-400a-43ff-baeb-4828c8f5cd3a" providerId="ADAL" clId="{0107A2AC-E230-6340-9D00-A45E25ACF2AC}" dt="2021-03-19T05:05:39.441" v="4278" actId="14100"/>
          <ac:spMkLst>
            <pc:docMk/>
            <pc:sldMk cId="1131895972" sldId="379"/>
            <ac:spMk id="66" creationId="{37247B69-1C02-D34D-8DE2-9E38DBA25237}"/>
          </ac:spMkLst>
        </pc:spChg>
        <pc:spChg chg="add mod">
          <ac:chgData name="Daly Donnacha HSLU I" userId="0f22e960-400a-43ff-baeb-4828c8f5cd3a" providerId="ADAL" clId="{0107A2AC-E230-6340-9D00-A45E25ACF2AC}" dt="2021-03-19T05:21:30.271" v="4733" actId="20577"/>
          <ac:spMkLst>
            <pc:docMk/>
            <pc:sldMk cId="1131895972" sldId="379"/>
            <ac:spMk id="67" creationId="{AE2E5194-E110-004B-B346-5CFE49D171B4}"/>
          </ac:spMkLst>
        </pc:spChg>
        <pc:spChg chg="add del mod">
          <ac:chgData name="Daly Donnacha HSLU I" userId="0f22e960-400a-43ff-baeb-4828c8f5cd3a" providerId="ADAL" clId="{0107A2AC-E230-6340-9D00-A45E25ACF2AC}" dt="2021-03-19T04:55:44.946" v="4064" actId="478"/>
          <ac:spMkLst>
            <pc:docMk/>
            <pc:sldMk cId="1131895972" sldId="379"/>
            <ac:spMk id="68" creationId="{8D5F185A-C010-6642-A204-77D0DD5AF165}"/>
          </ac:spMkLst>
        </pc:spChg>
        <pc:spChg chg="add mod">
          <ac:chgData name="Daly Donnacha HSLU I" userId="0f22e960-400a-43ff-baeb-4828c8f5cd3a" providerId="ADAL" clId="{0107A2AC-E230-6340-9D00-A45E25ACF2AC}" dt="2021-03-19T05:21:50.944" v="4741" actId="20577"/>
          <ac:spMkLst>
            <pc:docMk/>
            <pc:sldMk cId="1131895972" sldId="379"/>
            <ac:spMk id="69" creationId="{2EC5E470-03D7-B347-B864-89B9DFBD76C3}"/>
          </ac:spMkLst>
        </pc:spChg>
        <pc:spChg chg="add mod">
          <ac:chgData name="Daly Donnacha HSLU I" userId="0f22e960-400a-43ff-baeb-4828c8f5cd3a" providerId="ADAL" clId="{0107A2AC-E230-6340-9D00-A45E25ACF2AC}" dt="2021-03-19T05:21:38.364" v="4737" actId="20577"/>
          <ac:spMkLst>
            <pc:docMk/>
            <pc:sldMk cId="1131895972" sldId="379"/>
            <ac:spMk id="70" creationId="{85DE03EB-1725-0740-8A6F-0BF4786E0C68}"/>
          </ac:spMkLst>
        </pc:spChg>
        <pc:spChg chg="add mod">
          <ac:chgData name="Daly Donnacha HSLU I" userId="0f22e960-400a-43ff-baeb-4828c8f5cd3a" providerId="ADAL" clId="{0107A2AC-E230-6340-9D00-A45E25ACF2AC}" dt="2021-03-19T05:02:38.253" v="4219" actId="14100"/>
          <ac:spMkLst>
            <pc:docMk/>
            <pc:sldMk cId="1131895972" sldId="379"/>
            <ac:spMk id="71" creationId="{B2CFE32E-5FCA-5649-A97C-DC7FF595BE5B}"/>
          </ac:spMkLst>
        </pc:spChg>
        <pc:spChg chg="add mod">
          <ac:chgData name="Daly Donnacha HSLU I" userId="0f22e960-400a-43ff-baeb-4828c8f5cd3a" providerId="ADAL" clId="{0107A2AC-E230-6340-9D00-A45E25ACF2AC}" dt="2021-03-19T05:21:55.622" v="4743" actId="20577"/>
          <ac:spMkLst>
            <pc:docMk/>
            <pc:sldMk cId="1131895972" sldId="379"/>
            <ac:spMk id="72" creationId="{757799EF-28B4-844D-8B8D-7C72C73DACF2}"/>
          </ac:spMkLst>
        </pc:spChg>
        <pc:spChg chg="add del mod">
          <ac:chgData name="Daly Donnacha HSLU I" userId="0f22e960-400a-43ff-baeb-4828c8f5cd3a" providerId="ADAL" clId="{0107A2AC-E230-6340-9D00-A45E25ACF2AC}" dt="2021-03-19T05:00:58.849" v="4201" actId="478"/>
          <ac:spMkLst>
            <pc:docMk/>
            <pc:sldMk cId="1131895972" sldId="379"/>
            <ac:spMk id="73" creationId="{0418A1AF-70FD-8047-B187-FED2CDCBF107}"/>
          </ac:spMkLst>
        </pc:spChg>
        <pc:spChg chg="add mod">
          <ac:chgData name="Daly Donnacha HSLU I" userId="0f22e960-400a-43ff-baeb-4828c8f5cd3a" providerId="ADAL" clId="{0107A2AC-E230-6340-9D00-A45E25ACF2AC}" dt="2021-03-19T05:15:55.427" v="4574"/>
          <ac:spMkLst>
            <pc:docMk/>
            <pc:sldMk cId="1131895972" sldId="379"/>
            <ac:spMk id="74" creationId="{4A6E371A-C961-7344-A9DA-70F8CF37ECD0}"/>
          </ac:spMkLst>
        </pc:spChg>
        <pc:spChg chg="add mod">
          <ac:chgData name="Daly Donnacha HSLU I" userId="0f22e960-400a-43ff-baeb-4828c8f5cd3a" providerId="ADAL" clId="{0107A2AC-E230-6340-9D00-A45E25ACF2AC}" dt="2021-03-19T05:15:55.427" v="4574"/>
          <ac:spMkLst>
            <pc:docMk/>
            <pc:sldMk cId="1131895972" sldId="379"/>
            <ac:spMk id="77" creationId="{0109E124-4CEC-EA40-9209-2A5AC26A3114}"/>
          </ac:spMkLst>
        </pc:spChg>
        <pc:spChg chg="add mod">
          <ac:chgData name="Daly Donnacha HSLU I" userId="0f22e960-400a-43ff-baeb-4828c8f5cd3a" providerId="ADAL" clId="{0107A2AC-E230-6340-9D00-A45E25ACF2AC}" dt="2021-03-19T05:15:55.427" v="4574"/>
          <ac:spMkLst>
            <pc:docMk/>
            <pc:sldMk cId="1131895972" sldId="379"/>
            <ac:spMk id="79" creationId="{D5120D6F-48B9-B04D-ABEC-F82AFBCA9299}"/>
          </ac:spMkLst>
        </pc:spChg>
        <pc:spChg chg="add del mod">
          <ac:chgData name="Daly Donnacha HSLU I" userId="0f22e960-400a-43ff-baeb-4828c8f5cd3a" providerId="ADAL" clId="{0107A2AC-E230-6340-9D00-A45E25ACF2AC}" dt="2021-03-19T05:17:26.043" v="4579" actId="21"/>
          <ac:spMkLst>
            <pc:docMk/>
            <pc:sldMk cId="1131895972" sldId="379"/>
            <ac:spMk id="80" creationId="{DE2BE9E1-2986-D846-AB3B-86D9DEE40C07}"/>
          </ac:spMkLst>
        </pc:spChg>
        <pc:picChg chg="add del mod">
          <ac:chgData name="Daly Donnacha HSLU I" userId="0f22e960-400a-43ff-baeb-4828c8f5cd3a" providerId="ADAL" clId="{0107A2AC-E230-6340-9D00-A45E25ACF2AC}" dt="2021-03-19T04:38:47.060" v="3581" actId="478"/>
          <ac:picMkLst>
            <pc:docMk/>
            <pc:sldMk cId="1131895972" sldId="379"/>
            <ac:picMk id="33" creationId="{35DB4631-B482-3143-AF13-1816B3DDB20E}"/>
          </ac:picMkLst>
        </pc:picChg>
        <pc:cxnChg chg="add del mod">
          <ac:chgData name="Daly Donnacha HSLU I" userId="0f22e960-400a-43ff-baeb-4828c8f5cd3a" providerId="ADAL" clId="{0107A2AC-E230-6340-9D00-A45E25ACF2AC}" dt="2021-03-19T04:38:49.976" v="3582" actId="478"/>
          <ac:cxnSpMkLst>
            <pc:docMk/>
            <pc:sldMk cId="1131895972" sldId="379"/>
            <ac:cxnSpMk id="3" creationId="{5C2E521A-A2AB-A442-A583-E33CBA0732AC}"/>
          </ac:cxnSpMkLst>
        </pc:cxnChg>
        <pc:cxnChg chg="add del mod">
          <ac:chgData name="Daly Donnacha HSLU I" userId="0f22e960-400a-43ff-baeb-4828c8f5cd3a" providerId="ADAL" clId="{0107A2AC-E230-6340-9D00-A45E25ACF2AC}" dt="2021-03-19T04:38:49.976" v="3582" actId="478"/>
          <ac:cxnSpMkLst>
            <pc:docMk/>
            <pc:sldMk cId="1131895972" sldId="379"/>
            <ac:cxnSpMk id="4" creationId="{0CD8AD9C-98C2-DC45-846F-6BFC4CD460AB}"/>
          </ac:cxnSpMkLst>
        </pc:cxnChg>
        <pc:cxnChg chg="add del mod">
          <ac:chgData name="Daly Donnacha HSLU I" userId="0f22e960-400a-43ff-baeb-4828c8f5cd3a" providerId="ADAL" clId="{0107A2AC-E230-6340-9D00-A45E25ACF2AC}" dt="2021-03-19T04:38:49.976" v="3582" actId="478"/>
          <ac:cxnSpMkLst>
            <pc:docMk/>
            <pc:sldMk cId="1131895972" sldId="379"/>
            <ac:cxnSpMk id="5" creationId="{75BFB875-FBA5-DB45-A9AE-DBBF3869E80C}"/>
          </ac:cxnSpMkLst>
        </pc:cxnChg>
        <pc:cxnChg chg="add del mod">
          <ac:chgData name="Daly Donnacha HSLU I" userId="0f22e960-400a-43ff-baeb-4828c8f5cd3a" providerId="ADAL" clId="{0107A2AC-E230-6340-9D00-A45E25ACF2AC}" dt="2021-03-19T04:38:49.976" v="3582" actId="478"/>
          <ac:cxnSpMkLst>
            <pc:docMk/>
            <pc:sldMk cId="1131895972" sldId="379"/>
            <ac:cxnSpMk id="6" creationId="{D9F94811-CC34-2B4A-A8B9-1ED2ECA76A07}"/>
          </ac:cxnSpMkLst>
        </pc:cxnChg>
        <pc:cxnChg chg="add del mod">
          <ac:chgData name="Daly Donnacha HSLU I" userId="0f22e960-400a-43ff-baeb-4828c8f5cd3a" providerId="ADAL" clId="{0107A2AC-E230-6340-9D00-A45E25ACF2AC}" dt="2021-03-19T04:38:49.976" v="3582" actId="478"/>
          <ac:cxnSpMkLst>
            <pc:docMk/>
            <pc:sldMk cId="1131895972" sldId="379"/>
            <ac:cxnSpMk id="7" creationId="{E24B2F8B-4E1D-AD48-85C3-C48FF68BB97D}"/>
          </ac:cxnSpMkLst>
        </pc:cxnChg>
        <pc:cxnChg chg="add del mod">
          <ac:chgData name="Daly Donnacha HSLU I" userId="0f22e960-400a-43ff-baeb-4828c8f5cd3a" providerId="ADAL" clId="{0107A2AC-E230-6340-9D00-A45E25ACF2AC}" dt="2021-03-19T04:38:49.976" v="3582" actId="478"/>
          <ac:cxnSpMkLst>
            <pc:docMk/>
            <pc:sldMk cId="1131895972" sldId="379"/>
            <ac:cxnSpMk id="8" creationId="{CBD9EE96-0A1C-444F-8C72-83BB0B83E311}"/>
          </ac:cxnSpMkLst>
        </pc:cxnChg>
        <pc:cxnChg chg="add del mod">
          <ac:chgData name="Daly Donnacha HSLU I" userId="0f22e960-400a-43ff-baeb-4828c8f5cd3a" providerId="ADAL" clId="{0107A2AC-E230-6340-9D00-A45E25ACF2AC}" dt="2021-03-19T04:38:49.976" v="3582" actId="478"/>
          <ac:cxnSpMkLst>
            <pc:docMk/>
            <pc:sldMk cId="1131895972" sldId="379"/>
            <ac:cxnSpMk id="9" creationId="{EBAFD10C-8429-1A41-84C6-D02757002223}"/>
          </ac:cxnSpMkLst>
        </pc:cxnChg>
        <pc:cxnChg chg="add del mod">
          <ac:chgData name="Daly Donnacha HSLU I" userId="0f22e960-400a-43ff-baeb-4828c8f5cd3a" providerId="ADAL" clId="{0107A2AC-E230-6340-9D00-A45E25ACF2AC}" dt="2021-03-19T04:38:49.976" v="3582" actId="478"/>
          <ac:cxnSpMkLst>
            <pc:docMk/>
            <pc:sldMk cId="1131895972" sldId="379"/>
            <ac:cxnSpMk id="10" creationId="{6E14B601-D619-3740-A258-47E4A989D0F9}"/>
          </ac:cxnSpMkLst>
        </pc:cxnChg>
        <pc:cxnChg chg="add del mod">
          <ac:chgData name="Daly Donnacha HSLU I" userId="0f22e960-400a-43ff-baeb-4828c8f5cd3a" providerId="ADAL" clId="{0107A2AC-E230-6340-9D00-A45E25ACF2AC}" dt="2021-03-19T04:38:49.976" v="3582" actId="478"/>
          <ac:cxnSpMkLst>
            <pc:docMk/>
            <pc:sldMk cId="1131895972" sldId="379"/>
            <ac:cxnSpMk id="11" creationId="{17859B91-D8EE-9E4D-B827-EC88C1EBD9F2}"/>
          </ac:cxnSpMkLst>
        </pc:cxnChg>
        <pc:cxnChg chg="add del mod">
          <ac:chgData name="Daly Donnacha HSLU I" userId="0f22e960-400a-43ff-baeb-4828c8f5cd3a" providerId="ADAL" clId="{0107A2AC-E230-6340-9D00-A45E25ACF2AC}" dt="2021-03-19T04:38:49.976" v="3582" actId="478"/>
          <ac:cxnSpMkLst>
            <pc:docMk/>
            <pc:sldMk cId="1131895972" sldId="379"/>
            <ac:cxnSpMk id="12" creationId="{517AE696-8475-A040-9495-656E850F1760}"/>
          </ac:cxnSpMkLst>
        </pc:cxnChg>
        <pc:cxnChg chg="add del mod">
          <ac:chgData name="Daly Donnacha HSLU I" userId="0f22e960-400a-43ff-baeb-4828c8f5cd3a" providerId="ADAL" clId="{0107A2AC-E230-6340-9D00-A45E25ACF2AC}" dt="2021-03-19T04:38:49.976" v="3582" actId="478"/>
          <ac:cxnSpMkLst>
            <pc:docMk/>
            <pc:sldMk cId="1131895972" sldId="379"/>
            <ac:cxnSpMk id="13" creationId="{1058D03B-5A3C-4C44-B45C-92A5D16473EA}"/>
          </ac:cxnSpMkLst>
        </pc:cxnChg>
        <pc:cxnChg chg="add del mod">
          <ac:chgData name="Daly Donnacha HSLU I" userId="0f22e960-400a-43ff-baeb-4828c8f5cd3a" providerId="ADAL" clId="{0107A2AC-E230-6340-9D00-A45E25ACF2AC}" dt="2021-03-19T04:38:49.976" v="3582" actId="478"/>
          <ac:cxnSpMkLst>
            <pc:docMk/>
            <pc:sldMk cId="1131895972" sldId="379"/>
            <ac:cxnSpMk id="15" creationId="{37A8D76E-BDF4-CD4B-BCCD-E12FCF881988}"/>
          </ac:cxnSpMkLst>
        </pc:cxnChg>
        <pc:cxnChg chg="add del mod">
          <ac:chgData name="Daly Donnacha HSLU I" userId="0f22e960-400a-43ff-baeb-4828c8f5cd3a" providerId="ADAL" clId="{0107A2AC-E230-6340-9D00-A45E25ACF2AC}" dt="2021-03-19T04:38:49.976" v="3582" actId="478"/>
          <ac:cxnSpMkLst>
            <pc:docMk/>
            <pc:sldMk cId="1131895972" sldId="379"/>
            <ac:cxnSpMk id="25" creationId="{7C7B7C76-2620-AD4E-9063-647DFE1A4047}"/>
          </ac:cxnSpMkLst>
        </pc:cxnChg>
        <pc:cxnChg chg="add mod">
          <ac:chgData name="Daly Donnacha HSLU I" userId="0f22e960-400a-43ff-baeb-4828c8f5cd3a" providerId="ADAL" clId="{0107A2AC-E230-6340-9D00-A45E25ACF2AC}" dt="2021-03-19T04:38:57.351" v="3583"/>
          <ac:cxnSpMkLst>
            <pc:docMk/>
            <pc:sldMk cId="1131895972" sldId="379"/>
            <ac:cxnSpMk id="37" creationId="{EB485C72-DC46-E145-B707-2DA37750FDB7}"/>
          </ac:cxnSpMkLst>
        </pc:cxnChg>
        <pc:cxnChg chg="add mod">
          <ac:chgData name="Daly Donnacha HSLU I" userId="0f22e960-400a-43ff-baeb-4828c8f5cd3a" providerId="ADAL" clId="{0107A2AC-E230-6340-9D00-A45E25ACF2AC}" dt="2021-03-19T04:38:57.351" v="3583"/>
          <ac:cxnSpMkLst>
            <pc:docMk/>
            <pc:sldMk cId="1131895972" sldId="379"/>
            <ac:cxnSpMk id="38" creationId="{6DE79D4C-68D5-9949-9272-44A74E8FB888}"/>
          </ac:cxnSpMkLst>
        </pc:cxnChg>
        <pc:cxnChg chg="add mod">
          <ac:chgData name="Daly Donnacha HSLU I" userId="0f22e960-400a-43ff-baeb-4828c8f5cd3a" providerId="ADAL" clId="{0107A2AC-E230-6340-9D00-A45E25ACF2AC}" dt="2021-03-19T04:38:57.351" v="3583"/>
          <ac:cxnSpMkLst>
            <pc:docMk/>
            <pc:sldMk cId="1131895972" sldId="379"/>
            <ac:cxnSpMk id="39" creationId="{C87A9C91-338E-0449-A201-0DCEE2B5D01E}"/>
          </ac:cxnSpMkLst>
        </pc:cxnChg>
        <pc:cxnChg chg="add mod">
          <ac:chgData name="Daly Donnacha HSLU I" userId="0f22e960-400a-43ff-baeb-4828c8f5cd3a" providerId="ADAL" clId="{0107A2AC-E230-6340-9D00-A45E25ACF2AC}" dt="2021-03-19T04:38:57.351" v="3583"/>
          <ac:cxnSpMkLst>
            <pc:docMk/>
            <pc:sldMk cId="1131895972" sldId="379"/>
            <ac:cxnSpMk id="40" creationId="{DAE12502-3023-4041-984D-5B85866D17DE}"/>
          </ac:cxnSpMkLst>
        </pc:cxnChg>
        <pc:cxnChg chg="add mod">
          <ac:chgData name="Daly Donnacha HSLU I" userId="0f22e960-400a-43ff-baeb-4828c8f5cd3a" providerId="ADAL" clId="{0107A2AC-E230-6340-9D00-A45E25ACF2AC}" dt="2021-03-19T04:38:57.351" v="3583"/>
          <ac:cxnSpMkLst>
            <pc:docMk/>
            <pc:sldMk cId="1131895972" sldId="379"/>
            <ac:cxnSpMk id="41" creationId="{88822887-E9F0-F445-A224-6D1A6BB3E49C}"/>
          </ac:cxnSpMkLst>
        </pc:cxnChg>
        <pc:cxnChg chg="add mod">
          <ac:chgData name="Daly Donnacha HSLU I" userId="0f22e960-400a-43ff-baeb-4828c8f5cd3a" providerId="ADAL" clId="{0107A2AC-E230-6340-9D00-A45E25ACF2AC}" dt="2021-03-19T04:38:57.351" v="3583"/>
          <ac:cxnSpMkLst>
            <pc:docMk/>
            <pc:sldMk cId="1131895972" sldId="379"/>
            <ac:cxnSpMk id="42" creationId="{6EF3D0FA-06C7-B842-BF0E-351635E47B45}"/>
          </ac:cxnSpMkLst>
        </pc:cxnChg>
        <pc:cxnChg chg="add mod">
          <ac:chgData name="Daly Donnacha HSLU I" userId="0f22e960-400a-43ff-baeb-4828c8f5cd3a" providerId="ADAL" clId="{0107A2AC-E230-6340-9D00-A45E25ACF2AC}" dt="2021-03-19T04:38:57.351" v="3583"/>
          <ac:cxnSpMkLst>
            <pc:docMk/>
            <pc:sldMk cId="1131895972" sldId="379"/>
            <ac:cxnSpMk id="43" creationId="{D08E724D-888D-2144-8D88-8A3CF4D0B62E}"/>
          </ac:cxnSpMkLst>
        </pc:cxnChg>
        <pc:cxnChg chg="add mod">
          <ac:chgData name="Daly Donnacha HSLU I" userId="0f22e960-400a-43ff-baeb-4828c8f5cd3a" providerId="ADAL" clId="{0107A2AC-E230-6340-9D00-A45E25ACF2AC}" dt="2021-03-19T04:38:57.351" v="3583"/>
          <ac:cxnSpMkLst>
            <pc:docMk/>
            <pc:sldMk cId="1131895972" sldId="379"/>
            <ac:cxnSpMk id="44" creationId="{8033409F-CA04-0842-9D42-A949C75199D9}"/>
          </ac:cxnSpMkLst>
        </pc:cxnChg>
        <pc:cxnChg chg="add mod">
          <ac:chgData name="Daly Donnacha HSLU I" userId="0f22e960-400a-43ff-baeb-4828c8f5cd3a" providerId="ADAL" clId="{0107A2AC-E230-6340-9D00-A45E25ACF2AC}" dt="2021-03-19T04:38:57.351" v="3583"/>
          <ac:cxnSpMkLst>
            <pc:docMk/>
            <pc:sldMk cId="1131895972" sldId="379"/>
            <ac:cxnSpMk id="45" creationId="{AB94A74A-E073-8F4D-8F2B-11AF10A5E9F4}"/>
          </ac:cxnSpMkLst>
        </pc:cxnChg>
        <pc:cxnChg chg="add mod">
          <ac:chgData name="Daly Donnacha HSLU I" userId="0f22e960-400a-43ff-baeb-4828c8f5cd3a" providerId="ADAL" clId="{0107A2AC-E230-6340-9D00-A45E25ACF2AC}" dt="2021-03-19T04:38:57.351" v="3583"/>
          <ac:cxnSpMkLst>
            <pc:docMk/>
            <pc:sldMk cId="1131895972" sldId="379"/>
            <ac:cxnSpMk id="46" creationId="{BE8E7516-CB38-1B44-8685-DCFC90CC8E19}"/>
          </ac:cxnSpMkLst>
        </pc:cxnChg>
        <pc:cxnChg chg="add mod">
          <ac:chgData name="Daly Donnacha HSLU I" userId="0f22e960-400a-43ff-baeb-4828c8f5cd3a" providerId="ADAL" clId="{0107A2AC-E230-6340-9D00-A45E25ACF2AC}" dt="2021-03-19T04:38:57.351" v="3583"/>
          <ac:cxnSpMkLst>
            <pc:docMk/>
            <pc:sldMk cId="1131895972" sldId="379"/>
            <ac:cxnSpMk id="47" creationId="{1602C88B-FEB6-FD4C-870A-98B82E7C7D25}"/>
          </ac:cxnSpMkLst>
        </pc:cxnChg>
        <pc:cxnChg chg="add mod">
          <ac:chgData name="Daly Donnacha HSLU I" userId="0f22e960-400a-43ff-baeb-4828c8f5cd3a" providerId="ADAL" clId="{0107A2AC-E230-6340-9D00-A45E25ACF2AC}" dt="2021-03-19T04:38:57.351" v="3583"/>
          <ac:cxnSpMkLst>
            <pc:docMk/>
            <pc:sldMk cId="1131895972" sldId="379"/>
            <ac:cxnSpMk id="49" creationId="{DBC20126-9BA2-CB45-B206-C373DCF0F31D}"/>
          </ac:cxnSpMkLst>
        </pc:cxnChg>
        <pc:cxnChg chg="add mod">
          <ac:chgData name="Daly Donnacha HSLU I" userId="0f22e960-400a-43ff-baeb-4828c8f5cd3a" providerId="ADAL" clId="{0107A2AC-E230-6340-9D00-A45E25ACF2AC}" dt="2021-03-19T04:38:57.351" v="3583"/>
          <ac:cxnSpMkLst>
            <pc:docMk/>
            <pc:sldMk cId="1131895972" sldId="379"/>
            <ac:cxnSpMk id="59" creationId="{25016D72-1E7D-CE48-B94B-125F1EC89CA9}"/>
          </ac:cxnSpMkLst>
        </pc:cxnChg>
        <pc:cxnChg chg="add mod">
          <ac:chgData name="Daly Donnacha HSLU I" userId="0f22e960-400a-43ff-baeb-4828c8f5cd3a" providerId="ADAL" clId="{0107A2AC-E230-6340-9D00-A45E25ACF2AC}" dt="2021-03-19T05:15:55.427" v="4574"/>
          <ac:cxnSpMkLst>
            <pc:docMk/>
            <pc:sldMk cId="1131895972" sldId="379"/>
            <ac:cxnSpMk id="75" creationId="{605B19AA-7F41-CE45-9225-0730346B5588}"/>
          </ac:cxnSpMkLst>
        </pc:cxnChg>
        <pc:cxnChg chg="add mod">
          <ac:chgData name="Daly Donnacha HSLU I" userId="0f22e960-400a-43ff-baeb-4828c8f5cd3a" providerId="ADAL" clId="{0107A2AC-E230-6340-9D00-A45E25ACF2AC}" dt="2021-03-19T05:15:55.427" v="4574"/>
          <ac:cxnSpMkLst>
            <pc:docMk/>
            <pc:sldMk cId="1131895972" sldId="379"/>
            <ac:cxnSpMk id="76" creationId="{0DFCBB55-5EB9-E74F-B01C-47747E72A0AB}"/>
          </ac:cxnSpMkLst>
        </pc:cxnChg>
        <pc:cxnChg chg="add mod">
          <ac:chgData name="Daly Donnacha HSLU I" userId="0f22e960-400a-43ff-baeb-4828c8f5cd3a" providerId="ADAL" clId="{0107A2AC-E230-6340-9D00-A45E25ACF2AC}" dt="2021-03-19T05:15:55.427" v="4574"/>
          <ac:cxnSpMkLst>
            <pc:docMk/>
            <pc:sldMk cId="1131895972" sldId="379"/>
            <ac:cxnSpMk id="78" creationId="{1C939C15-BF51-F640-90D5-A26D762634AD}"/>
          </ac:cxnSpMkLst>
        </pc:cxnChg>
      </pc:sldChg>
      <pc:sldChg chg="addSp delSp modSp new mod">
        <pc:chgData name="Daly Donnacha HSLU I" userId="0f22e960-400a-43ff-baeb-4828c8f5cd3a" providerId="ADAL" clId="{0107A2AC-E230-6340-9D00-A45E25ACF2AC}" dt="2021-03-19T05:55:39.542" v="5280" actId="167"/>
        <pc:sldMkLst>
          <pc:docMk/>
          <pc:sldMk cId="1613548643" sldId="380"/>
        </pc:sldMkLst>
        <pc:spChg chg="mod">
          <ac:chgData name="Daly Donnacha HSLU I" userId="0f22e960-400a-43ff-baeb-4828c8f5cd3a" providerId="ADAL" clId="{0107A2AC-E230-6340-9D00-A45E25ACF2AC}" dt="2021-03-19T05:27:57.006" v="4876" actId="20577"/>
          <ac:spMkLst>
            <pc:docMk/>
            <pc:sldMk cId="1613548643" sldId="380"/>
            <ac:spMk id="2" creationId="{3B29F64F-0F90-F446-A484-D82269E0DF35}"/>
          </ac:spMkLst>
        </pc:spChg>
        <pc:spChg chg="add mod">
          <ac:chgData name="Daly Donnacha HSLU I" userId="0f22e960-400a-43ff-baeb-4828c8f5cd3a" providerId="ADAL" clId="{0107A2AC-E230-6340-9D00-A45E25ACF2AC}" dt="2021-03-19T05:34:55.151" v="4985" actId="1035"/>
          <ac:spMkLst>
            <pc:docMk/>
            <pc:sldMk cId="1613548643" sldId="380"/>
            <ac:spMk id="3" creationId="{B4A72384-5EF3-E040-98F5-5BBF6C993FB5}"/>
          </ac:spMkLst>
        </pc:spChg>
        <pc:spChg chg="add mod">
          <ac:chgData name="Daly Donnacha HSLU I" userId="0f22e960-400a-43ff-baeb-4828c8f5cd3a" providerId="ADAL" clId="{0107A2AC-E230-6340-9D00-A45E25ACF2AC}" dt="2021-03-19T05:47:21.417" v="5185"/>
          <ac:spMkLst>
            <pc:docMk/>
            <pc:sldMk cId="1613548643" sldId="380"/>
            <ac:spMk id="4" creationId="{4D67FE54-762A-1D4A-A761-5243823E00CE}"/>
          </ac:spMkLst>
        </pc:spChg>
        <pc:spChg chg="add mod">
          <ac:chgData name="Daly Donnacha HSLU I" userId="0f22e960-400a-43ff-baeb-4828c8f5cd3a" providerId="ADAL" clId="{0107A2AC-E230-6340-9D00-A45E25ACF2AC}" dt="2021-03-19T05:47:24.619" v="5186"/>
          <ac:spMkLst>
            <pc:docMk/>
            <pc:sldMk cId="1613548643" sldId="380"/>
            <ac:spMk id="5" creationId="{59D94AA7-FB06-2D47-950D-E1ECD77BC9C4}"/>
          </ac:spMkLst>
        </pc:spChg>
        <pc:spChg chg="add mod">
          <ac:chgData name="Daly Donnacha HSLU I" userId="0f22e960-400a-43ff-baeb-4828c8f5cd3a" providerId="ADAL" clId="{0107A2AC-E230-6340-9D00-A45E25ACF2AC}" dt="2021-03-19T05:35:50.645" v="4993" actId="207"/>
          <ac:spMkLst>
            <pc:docMk/>
            <pc:sldMk cId="1613548643" sldId="380"/>
            <ac:spMk id="6" creationId="{DD66DC3B-1E66-B84C-ABAB-3CF8A9A5A371}"/>
          </ac:spMkLst>
        </pc:spChg>
        <pc:spChg chg="add mod">
          <ac:chgData name="Daly Donnacha HSLU I" userId="0f22e960-400a-43ff-baeb-4828c8f5cd3a" providerId="ADAL" clId="{0107A2AC-E230-6340-9D00-A45E25ACF2AC}" dt="2021-03-19T05:48:28.648" v="5203" actId="1035"/>
          <ac:spMkLst>
            <pc:docMk/>
            <pc:sldMk cId="1613548643" sldId="380"/>
            <ac:spMk id="7" creationId="{928602E2-2AF0-A44D-AC1B-047496BE6738}"/>
          </ac:spMkLst>
        </pc:spChg>
        <pc:spChg chg="add del mod">
          <ac:chgData name="Daly Donnacha HSLU I" userId="0f22e960-400a-43ff-baeb-4828c8f5cd3a" providerId="ADAL" clId="{0107A2AC-E230-6340-9D00-A45E25ACF2AC}" dt="2021-03-19T05:42:34.585" v="5125" actId="478"/>
          <ac:spMkLst>
            <pc:docMk/>
            <pc:sldMk cId="1613548643" sldId="380"/>
            <ac:spMk id="8" creationId="{5056E16A-8839-A543-8E8B-6985BC3F2F6A}"/>
          </ac:spMkLst>
        </pc:spChg>
        <pc:spChg chg="add mod">
          <ac:chgData name="Daly Donnacha HSLU I" userId="0f22e960-400a-43ff-baeb-4828c8f5cd3a" providerId="ADAL" clId="{0107A2AC-E230-6340-9D00-A45E25ACF2AC}" dt="2021-03-19T05:49:54.012" v="5235" actId="1037"/>
          <ac:spMkLst>
            <pc:docMk/>
            <pc:sldMk cId="1613548643" sldId="380"/>
            <ac:spMk id="11" creationId="{06DA52DB-1C12-FB44-A0E0-F479F1575C1B}"/>
          </ac:spMkLst>
        </pc:spChg>
        <pc:spChg chg="add mod">
          <ac:chgData name="Daly Donnacha HSLU I" userId="0f22e960-400a-43ff-baeb-4828c8f5cd3a" providerId="ADAL" clId="{0107A2AC-E230-6340-9D00-A45E25ACF2AC}" dt="2021-03-19T05:51:38.967" v="5248"/>
          <ac:spMkLst>
            <pc:docMk/>
            <pc:sldMk cId="1613548643" sldId="380"/>
            <ac:spMk id="12" creationId="{C8117994-DB89-4340-B829-D0ED37726FC6}"/>
          </ac:spMkLst>
        </pc:spChg>
        <pc:spChg chg="add mod">
          <ac:chgData name="Daly Donnacha HSLU I" userId="0f22e960-400a-43ff-baeb-4828c8f5cd3a" providerId="ADAL" clId="{0107A2AC-E230-6340-9D00-A45E25ACF2AC}" dt="2021-03-19T05:34:50.811" v="4982" actId="1037"/>
          <ac:spMkLst>
            <pc:docMk/>
            <pc:sldMk cId="1613548643" sldId="380"/>
            <ac:spMk id="13" creationId="{1AC87BE4-7227-D44B-A381-EC8360F9D36C}"/>
          </ac:spMkLst>
        </pc:spChg>
        <pc:spChg chg="add mod">
          <ac:chgData name="Daly Donnacha HSLU I" userId="0f22e960-400a-43ff-baeb-4828c8f5cd3a" providerId="ADAL" clId="{0107A2AC-E230-6340-9D00-A45E25ACF2AC}" dt="2021-03-19T05:42:37.346" v="5126"/>
          <ac:spMkLst>
            <pc:docMk/>
            <pc:sldMk cId="1613548643" sldId="380"/>
            <ac:spMk id="14" creationId="{ABCABB18-AACB-0049-B15A-17373531754F}"/>
          </ac:spMkLst>
        </pc:spChg>
        <pc:spChg chg="add mod">
          <ac:chgData name="Daly Donnacha HSLU I" userId="0f22e960-400a-43ff-baeb-4828c8f5cd3a" providerId="ADAL" clId="{0107A2AC-E230-6340-9D00-A45E25ACF2AC}" dt="2021-03-19T05:48:16.841" v="5194" actId="255"/>
          <ac:spMkLst>
            <pc:docMk/>
            <pc:sldMk cId="1613548643" sldId="380"/>
            <ac:spMk id="15" creationId="{B6B216BA-9ABF-8A4F-B48C-FCCAD1D974CB}"/>
          </ac:spMkLst>
        </pc:spChg>
        <pc:spChg chg="add del mod">
          <ac:chgData name="Daly Donnacha HSLU I" userId="0f22e960-400a-43ff-baeb-4828c8f5cd3a" providerId="ADAL" clId="{0107A2AC-E230-6340-9D00-A45E25ACF2AC}" dt="2021-03-19T05:42:09.510" v="5116" actId="478"/>
          <ac:spMkLst>
            <pc:docMk/>
            <pc:sldMk cId="1613548643" sldId="380"/>
            <ac:spMk id="16" creationId="{7310AD26-9C8A-6041-ACFC-EBE6F22B9E16}"/>
          </ac:spMkLst>
        </pc:spChg>
        <pc:spChg chg="add mod">
          <ac:chgData name="Daly Donnacha HSLU I" userId="0f22e960-400a-43ff-baeb-4828c8f5cd3a" providerId="ADAL" clId="{0107A2AC-E230-6340-9D00-A45E25ACF2AC}" dt="2021-03-19T05:43:15.724" v="5165" actId="207"/>
          <ac:spMkLst>
            <pc:docMk/>
            <pc:sldMk cId="1613548643" sldId="380"/>
            <ac:spMk id="17" creationId="{B6DD3290-0481-C548-9266-FAEB260DB9ED}"/>
          </ac:spMkLst>
        </pc:spChg>
        <pc:spChg chg="add del mod">
          <ac:chgData name="Daly Donnacha HSLU I" userId="0f22e960-400a-43ff-baeb-4828c8f5cd3a" providerId="ADAL" clId="{0107A2AC-E230-6340-9D00-A45E25ACF2AC}" dt="2021-03-19T05:45:58.573" v="5181" actId="478"/>
          <ac:spMkLst>
            <pc:docMk/>
            <pc:sldMk cId="1613548643" sldId="380"/>
            <ac:spMk id="18" creationId="{EDE53A04-5DC2-5442-8A9E-9215B81562CA}"/>
          </ac:spMkLst>
        </pc:spChg>
        <pc:spChg chg="add mod">
          <ac:chgData name="Daly Donnacha HSLU I" userId="0f22e960-400a-43ff-baeb-4828c8f5cd3a" providerId="ADAL" clId="{0107A2AC-E230-6340-9D00-A45E25ACF2AC}" dt="2021-03-19T05:45:15.095" v="5176"/>
          <ac:spMkLst>
            <pc:docMk/>
            <pc:sldMk cId="1613548643" sldId="380"/>
            <ac:spMk id="19" creationId="{EC1A4775-CE75-8145-97F0-B4870A499444}"/>
          </ac:spMkLst>
        </pc:spChg>
        <pc:spChg chg="add del">
          <ac:chgData name="Daly Donnacha HSLU I" userId="0f22e960-400a-43ff-baeb-4828c8f5cd3a" providerId="ADAL" clId="{0107A2AC-E230-6340-9D00-A45E25ACF2AC}" dt="2021-03-19T05:45:33.176" v="5178" actId="478"/>
          <ac:spMkLst>
            <pc:docMk/>
            <pc:sldMk cId="1613548643" sldId="380"/>
            <ac:spMk id="20" creationId="{BAD2271B-9CB3-EA46-8C02-14F37C5FC8B4}"/>
          </ac:spMkLst>
        </pc:spChg>
        <pc:spChg chg="add mod">
          <ac:chgData name="Daly Donnacha HSLU I" userId="0f22e960-400a-43ff-baeb-4828c8f5cd3a" providerId="ADAL" clId="{0107A2AC-E230-6340-9D00-A45E25ACF2AC}" dt="2021-03-19T05:45:51.146" v="5180" actId="108"/>
          <ac:spMkLst>
            <pc:docMk/>
            <pc:sldMk cId="1613548643" sldId="380"/>
            <ac:spMk id="21" creationId="{885DE8D7-E751-1243-9742-4F9AEF4A4075}"/>
          </ac:spMkLst>
        </pc:spChg>
        <pc:spChg chg="add mod">
          <ac:chgData name="Daly Donnacha HSLU I" userId="0f22e960-400a-43ff-baeb-4828c8f5cd3a" providerId="ADAL" clId="{0107A2AC-E230-6340-9D00-A45E25ACF2AC}" dt="2021-03-19T05:46:24.219" v="5183" actId="108"/>
          <ac:spMkLst>
            <pc:docMk/>
            <pc:sldMk cId="1613548643" sldId="380"/>
            <ac:spMk id="22" creationId="{07336CF0-87C9-6C4A-BC78-C8C737D14858}"/>
          </ac:spMkLst>
        </pc:spChg>
        <pc:spChg chg="add mod">
          <ac:chgData name="Daly Donnacha HSLU I" userId="0f22e960-400a-43ff-baeb-4828c8f5cd3a" providerId="ADAL" clId="{0107A2AC-E230-6340-9D00-A45E25ACF2AC}" dt="2021-03-19T05:55:39.542" v="5280" actId="167"/>
          <ac:spMkLst>
            <pc:docMk/>
            <pc:sldMk cId="1613548643" sldId="380"/>
            <ac:spMk id="23" creationId="{A1E9A3BA-2EBF-3444-86D3-B9533C52A175}"/>
          </ac:spMkLst>
        </pc:spChg>
        <pc:cxnChg chg="add del mod">
          <ac:chgData name="Daly Donnacha HSLU I" userId="0f22e960-400a-43ff-baeb-4828c8f5cd3a" providerId="ADAL" clId="{0107A2AC-E230-6340-9D00-A45E25ACF2AC}" dt="2021-03-19T05:42:34.585" v="5125" actId="478"/>
          <ac:cxnSpMkLst>
            <pc:docMk/>
            <pc:sldMk cId="1613548643" sldId="380"/>
            <ac:cxnSpMk id="9" creationId="{CB824A35-055C-D840-B492-E8D33C143CA5}"/>
          </ac:cxnSpMkLst>
        </pc:cxnChg>
        <pc:cxnChg chg="add del mod">
          <ac:chgData name="Daly Donnacha HSLU I" userId="0f22e960-400a-43ff-baeb-4828c8f5cd3a" providerId="ADAL" clId="{0107A2AC-E230-6340-9D00-A45E25ACF2AC}" dt="2021-03-19T05:42:34.585" v="5125" actId="478"/>
          <ac:cxnSpMkLst>
            <pc:docMk/>
            <pc:sldMk cId="1613548643" sldId="380"/>
            <ac:cxnSpMk id="10" creationId="{D2144BCD-D5D0-7347-BE90-743845A39FE0}"/>
          </ac:cxnSpMkLst>
        </pc:cxnChg>
      </pc:sldChg>
      <pc:sldChg chg="del">
        <pc:chgData name="Daly Donnacha HSLU I" userId="0f22e960-400a-43ff-baeb-4828c8f5cd3a" providerId="ADAL" clId="{0107A2AC-E230-6340-9D00-A45E25ACF2AC}" dt="2021-03-18T16:58:58.269" v="221" actId="2696"/>
        <pc:sldMkLst>
          <pc:docMk/>
          <pc:sldMk cId="2604886320" sldId="380"/>
        </pc:sldMkLst>
      </pc:sldChg>
      <pc:sldChg chg="del">
        <pc:chgData name="Daly Donnacha HSLU I" userId="0f22e960-400a-43ff-baeb-4828c8f5cd3a" providerId="ADAL" clId="{0107A2AC-E230-6340-9D00-A45E25ACF2AC}" dt="2021-03-18T16:58:58.269" v="221" actId="2696"/>
        <pc:sldMkLst>
          <pc:docMk/>
          <pc:sldMk cId="2473244791" sldId="381"/>
        </pc:sldMkLst>
      </pc:sldChg>
      <pc:sldChg chg="addSp delSp modSp new mod">
        <pc:chgData name="Daly Donnacha HSLU I" userId="0f22e960-400a-43ff-baeb-4828c8f5cd3a" providerId="ADAL" clId="{0107A2AC-E230-6340-9D00-A45E25ACF2AC}" dt="2021-03-19T17:13:49.050" v="16874" actId="1076"/>
        <pc:sldMkLst>
          <pc:docMk/>
          <pc:sldMk cId="3986624815" sldId="381"/>
        </pc:sldMkLst>
        <pc:spChg chg="mod">
          <ac:chgData name="Daly Donnacha HSLU I" userId="0f22e960-400a-43ff-baeb-4828c8f5cd3a" providerId="ADAL" clId="{0107A2AC-E230-6340-9D00-A45E25ACF2AC}" dt="2021-03-19T07:02:08.840" v="6965" actId="20577"/>
          <ac:spMkLst>
            <pc:docMk/>
            <pc:sldMk cId="3986624815" sldId="381"/>
            <ac:spMk id="2" creationId="{7DE9C81E-C0B0-124C-9DDA-CEFCCF5E61C2}"/>
          </ac:spMkLst>
        </pc:spChg>
        <pc:spChg chg="add mod">
          <ac:chgData name="Daly Donnacha HSLU I" userId="0f22e960-400a-43ff-baeb-4828c8f5cd3a" providerId="ADAL" clId="{0107A2AC-E230-6340-9D00-A45E25ACF2AC}" dt="2021-03-19T06:44:01.281" v="6359" actId="167"/>
          <ac:spMkLst>
            <pc:docMk/>
            <pc:sldMk cId="3986624815" sldId="381"/>
            <ac:spMk id="3" creationId="{39C0A5A9-4063-E04D-B711-93D8D364179E}"/>
          </ac:spMkLst>
        </pc:spChg>
        <pc:spChg chg="add del mod">
          <ac:chgData name="Daly Donnacha HSLU I" userId="0f22e960-400a-43ff-baeb-4828c8f5cd3a" providerId="ADAL" clId="{0107A2AC-E230-6340-9D00-A45E25ACF2AC}" dt="2021-03-19T17:13:43.632" v="16872" actId="478"/>
          <ac:spMkLst>
            <pc:docMk/>
            <pc:sldMk cId="3986624815" sldId="381"/>
            <ac:spMk id="4" creationId="{ED3C0160-909E-924B-BB70-FEE3BDBE84AF}"/>
          </ac:spMkLst>
        </pc:spChg>
        <pc:spChg chg="add mod">
          <ac:chgData name="Daly Donnacha HSLU I" userId="0f22e960-400a-43ff-baeb-4828c8f5cd3a" providerId="ADAL" clId="{0107A2AC-E230-6340-9D00-A45E25ACF2AC}" dt="2021-03-19T06:53:51.085" v="6670" actId="1036"/>
          <ac:spMkLst>
            <pc:docMk/>
            <pc:sldMk cId="3986624815" sldId="381"/>
            <ac:spMk id="5" creationId="{F73DC4C5-007C-004F-9DEB-3431C8120C28}"/>
          </ac:spMkLst>
        </pc:spChg>
        <pc:spChg chg="add mod">
          <ac:chgData name="Daly Donnacha HSLU I" userId="0f22e960-400a-43ff-baeb-4828c8f5cd3a" providerId="ADAL" clId="{0107A2AC-E230-6340-9D00-A45E25ACF2AC}" dt="2021-03-19T06:51:34.219" v="6549" actId="14100"/>
          <ac:spMkLst>
            <pc:docMk/>
            <pc:sldMk cId="3986624815" sldId="381"/>
            <ac:spMk id="6" creationId="{38EBD091-B2C1-9E45-B7F3-3E9320DA8DB2}"/>
          </ac:spMkLst>
        </pc:spChg>
        <pc:spChg chg="add mod">
          <ac:chgData name="Daly Donnacha HSLU I" userId="0f22e960-400a-43ff-baeb-4828c8f5cd3a" providerId="ADAL" clId="{0107A2AC-E230-6340-9D00-A45E25ACF2AC}" dt="2021-03-19T06:51:43.354" v="6557" actId="1037"/>
          <ac:spMkLst>
            <pc:docMk/>
            <pc:sldMk cId="3986624815" sldId="381"/>
            <ac:spMk id="7" creationId="{42059898-A068-CE4E-82C0-E810F115BBE3}"/>
          </ac:spMkLst>
        </pc:spChg>
        <pc:spChg chg="add del mod">
          <ac:chgData name="Daly Donnacha HSLU I" userId="0f22e960-400a-43ff-baeb-4828c8f5cd3a" providerId="ADAL" clId="{0107A2AC-E230-6340-9D00-A45E25ACF2AC}" dt="2021-03-19T06:44:44.573" v="6373"/>
          <ac:spMkLst>
            <pc:docMk/>
            <pc:sldMk cId="3986624815" sldId="381"/>
            <ac:spMk id="8" creationId="{7B8715BB-80DF-1C43-BB20-BB569660713D}"/>
          </ac:spMkLst>
        </pc:spChg>
        <pc:spChg chg="add mod">
          <ac:chgData name="Daly Donnacha HSLU I" userId="0f22e960-400a-43ff-baeb-4828c8f5cd3a" providerId="ADAL" clId="{0107A2AC-E230-6340-9D00-A45E25ACF2AC}" dt="2021-03-19T06:52:08.473" v="6614" actId="1037"/>
          <ac:spMkLst>
            <pc:docMk/>
            <pc:sldMk cId="3986624815" sldId="381"/>
            <ac:spMk id="9" creationId="{E9ABDDC6-6407-8047-B5CB-F34C026E04AD}"/>
          </ac:spMkLst>
        </pc:spChg>
        <pc:spChg chg="add mod">
          <ac:chgData name="Daly Donnacha HSLU I" userId="0f22e960-400a-43ff-baeb-4828c8f5cd3a" providerId="ADAL" clId="{0107A2AC-E230-6340-9D00-A45E25ACF2AC}" dt="2021-03-19T12:09:06.675" v="13077" actId="113"/>
          <ac:spMkLst>
            <pc:docMk/>
            <pc:sldMk cId="3986624815" sldId="381"/>
            <ac:spMk id="10" creationId="{33E89CC5-738F-F64E-B2B5-2038EC2FEAB3}"/>
          </ac:spMkLst>
        </pc:spChg>
        <pc:spChg chg="add mod">
          <ac:chgData name="Daly Donnacha HSLU I" userId="0f22e960-400a-43ff-baeb-4828c8f5cd3a" providerId="ADAL" clId="{0107A2AC-E230-6340-9D00-A45E25ACF2AC}" dt="2021-03-19T06:55:14.499" v="6688" actId="20577"/>
          <ac:spMkLst>
            <pc:docMk/>
            <pc:sldMk cId="3986624815" sldId="381"/>
            <ac:spMk id="11" creationId="{BD1D9C9F-C9B3-CC4B-A7ED-EB5C18A2D8B1}"/>
          </ac:spMkLst>
        </pc:spChg>
        <pc:spChg chg="add mod">
          <ac:chgData name="Daly Donnacha HSLU I" userId="0f22e960-400a-43ff-baeb-4828c8f5cd3a" providerId="ADAL" clId="{0107A2AC-E230-6340-9D00-A45E25ACF2AC}" dt="2021-03-19T06:47:42.739" v="6401"/>
          <ac:spMkLst>
            <pc:docMk/>
            <pc:sldMk cId="3986624815" sldId="381"/>
            <ac:spMk id="23" creationId="{E78684EB-37DC-9C4F-805B-B19CA405A0E1}"/>
          </ac:spMkLst>
        </pc:spChg>
        <pc:spChg chg="add mod">
          <ac:chgData name="Daly Donnacha HSLU I" userId="0f22e960-400a-43ff-baeb-4828c8f5cd3a" providerId="ADAL" clId="{0107A2AC-E230-6340-9D00-A45E25ACF2AC}" dt="2021-03-19T06:47:42.739" v="6401"/>
          <ac:spMkLst>
            <pc:docMk/>
            <pc:sldMk cId="3986624815" sldId="381"/>
            <ac:spMk id="24" creationId="{E16B6F81-EFE6-F54E-87C8-F43A60EE9F53}"/>
          </ac:spMkLst>
        </pc:spChg>
        <pc:spChg chg="add mod">
          <ac:chgData name="Daly Donnacha HSLU I" userId="0f22e960-400a-43ff-baeb-4828c8f5cd3a" providerId="ADAL" clId="{0107A2AC-E230-6340-9D00-A45E25ACF2AC}" dt="2021-03-19T06:47:42.739" v="6401"/>
          <ac:spMkLst>
            <pc:docMk/>
            <pc:sldMk cId="3986624815" sldId="381"/>
            <ac:spMk id="25" creationId="{931FF03B-6770-6140-A94E-BDA7C7B12151}"/>
          </ac:spMkLst>
        </pc:spChg>
        <pc:spChg chg="add mod">
          <ac:chgData name="Daly Donnacha HSLU I" userId="0f22e960-400a-43ff-baeb-4828c8f5cd3a" providerId="ADAL" clId="{0107A2AC-E230-6340-9D00-A45E25ACF2AC}" dt="2021-03-19T17:13:49.050" v="16874" actId="1076"/>
          <ac:spMkLst>
            <pc:docMk/>
            <pc:sldMk cId="3986624815" sldId="381"/>
            <ac:spMk id="26" creationId="{0AB133E7-82D4-5A42-AC98-267778F1AEA2}"/>
          </ac:spMkLst>
        </pc:spChg>
        <pc:spChg chg="add mod">
          <ac:chgData name="Daly Donnacha HSLU I" userId="0f22e960-400a-43ff-baeb-4828c8f5cd3a" providerId="ADAL" clId="{0107A2AC-E230-6340-9D00-A45E25ACF2AC}" dt="2021-03-19T06:54:47.113" v="6683" actId="20577"/>
          <ac:spMkLst>
            <pc:docMk/>
            <pc:sldMk cId="3986624815" sldId="381"/>
            <ac:spMk id="29" creationId="{A1C10B41-DF87-D842-BC84-9FB93204DC74}"/>
          </ac:spMkLst>
        </pc:spChg>
        <pc:spChg chg="add mod">
          <ac:chgData name="Daly Donnacha HSLU I" userId="0f22e960-400a-43ff-baeb-4828c8f5cd3a" providerId="ADAL" clId="{0107A2AC-E230-6340-9D00-A45E25ACF2AC}" dt="2021-03-19T06:53:56.997" v="6673" actId="1035"/>
          <ac:spMkLst>
            <pc:docMk/>
            <pc:sldMk cId="3986624815" sldId="381"/>
            <ac:spMk id="30" creationId="{2C395A66-00B8-EE47-9623-67E8AEDB1BF9}"/>
          </ac:spMkLst>
        </pc:spChg>
        <pc:spChg chg="add mod">
          <ac:chgData name="Daly Donnacha HSLU I" userId="0f22e960-400a-43ff-baeb-4828c8f5cd3a" providerId="ADAL" clId="{0107A2AC-E230-6340-9D00-A45E25ACF2AC}" dt="2021-03-19T06:57:31.107" v="6902" actId="14100"/>
          <ac:spMkLst>
            <pc:docMk/>
            <pc:sldMk cId="3986624815" sldId="381"/>
            <ac:spMk id="33" creationId="{0941266C-B748-F644-ACED-0E44C9FA5FE5}"/>
          </ac:spMkLst>
        </pc:spChg>
        <pc:spChg chg="add mod">
          <ac:chgData name="Daly Donnacha HSLU I" userId="0f22e960-400a-43ff-baeb-4828c8f5cd3a" providerId="ADAL" clId="{0107A2AC-E230-6340-9D00-A45E25ACF2AC}" dt="2021-03-19T07:01:57.245" v="6957" actId="14100"/>
          <ac:spMkLst>
            <pc:docMk/>
            <pc:sldMk cId="3986624815" sldId="381"/>
            <ac:spMk id="34" creationId="{6B293BE8-7833-E340-8577-E420CFB37702}"/>
          </ac:spMkLst>
        </pc:spChg>
        <pc:spChg chg="add mod">
          <ac:chgData name="Daly Donnacha HSLU I" userId="0f22e960-400a-43ff-baeb-4828c8f5cd3a" providerId="ADAL" clId="{0107A2AC-E230-6340-9D00-A45E25ACF2AC}" dt="2021-03-19T07:03:08.529" v="6970" actId="20577"/>
          <ac:spMkLst>
            <pc:docMk/>
            <pc:sldMk cId="3986624815" sldId="381"/>
            <ac:spMk id="35" creationId="{34B15AD3-034A-F345-B773-891419946D25}"/>
          </ac:spMkLst>
        </pc:spChg>
        <pc:picChg chg="add mod">
          <ac:chgData name="Daly Donnacha HSLU I" userId="0f22e960-400a-43ff-baeb-4828c8f5cd3a" providerId="ADAL" clId="{0107A2AC-E230-6340-9D00-A45E25ACF2AC}" dt="2021-03-19T06:47:48.053" v="6402" actId="171"/>
          <ac:picMkLst>
            <pc:docMk/>
            <pc:sldMk cId="3986624815" sldId="381"/>
            <ac:picMk id="22" creationId="{B8B337B7-3C7F-BE40-BB79-4D04C10E724D}"/>
          </ac:picMkLst>
        </pc:picChg>
        <pc:cxnChg chg="add mod">
          <ac:chgData name="Daly Donnacha HSLU I" userId="0f22e960-400a-43ff-baeb-4828c8f5cd3a" providerId="ADAL" clId="{0107A2AC-E230-6340-9D00-A45E25ACF2AC}" dt="2021-03-19T06:55:13.972" v="6685" actId="20577"/>
          <ac:cxnSpMkLst>
            <pc:docMk/>
            <pc:sldMk cId="3986624815" sldId="381"/>
            <ac:cxnSpMk id="12" creationId="{DE141C13-10C9-4A4E-A66C-2F374DA297B1}"/>
          </ac:cxnSpMkLst>
        </pc:cxnChg>
        <pc:cxnChg chg="add mod">
          <ac:chgData name="Daly Donnacha HSLU I" userId="0f22e960-400a-43ff-baeb-4828c8f5cd3a" providerId="ADAL" clId="{0107A2AC-E230-6340-9D00-A45E25ACF2AC}" dt="2021-03-19T06:55:13.972" v="6685" actId="20577"/>
          <ac:cxnSpMkLst>
            <pc:docMk/>
            <pc:sldMk cId="3986624815" sldId="381"/>
            <ac:cxnSpMk id="13" creationId="{4C089FD0-0AA1-E548-8CC0-898D8BCBB1F4}"/>
          </ac:cxnSpMkLst>
        </pc:cxnChg>
      </pc:sldChg>
      <pc:sldChg chg="addSp delSp modSp new mod">
        <pc:chgData name="Daly Donnacha HSLU I" userId="0f22e960-400a-43ff-baeb-4828c8f5cd3a" providerId="ADAL" clId="{0107A2AC-E230-6340-9D00-A45E25ACF2AC}" dt="2021-03-19T09:20:07.946" v="10006" actId="20577"/>
        <pc:sldMkLst>
          <pc:docMk/>
          <pc:sldMk cId="1705226350" sldId="382"/>
        </pc:sldMkLst>
        <pc:spChg chg="mod">
          <ac:chgData name="Daly Donnacha HSLU I" userId="0f22e960-400a-43ff-baeb-4828c8f5cd3a" providerId="ADAL" clId="{0107A2AC-E230-6340-9D00-A45E25ACF2AC}" dt="2021-03-19T08:55:47.493" v="9265" actId="20577"/>
          <ac:spMkLst>
            <pc:docMk/>
            <pc:sldMk cId="1705226350" sldId="382"/>
            <ac:spMk id="2" creationId="{14E9683E-525B-E445-9FD0-BD2EB0D76D40}"/>
          </ac:spMkLst>
        </pc:spChg>
        <pc:spChg chg="add mod">
          <ac:chgData name="Daly Donnacha HSLU I" userId="0f22e960-400a-43ff-baeb-4828c8f5cd3a" providerId="ADAL" clId="{0107A2AC-E230-6340-9D00-A45E25ACF2AC}" dt="2021-03-19T08:22:38.474" v="8351" actId="1037"/>
          <ac:spMkLst>
            <pc:docMk/>
            <pc:sldMk cId="1705226350" sldId="382"/>
            <ac:spMk id="11" creationId="{C4E0E414-9211-AF42-8E5C-6F4CB6268D55}"/>
          </ac:spMkLst>
        </pc:spChg>
        <pc:spChg chg="add mod">
          <ac:chgData name="Daly Donnacha HSLU I" userId="0f22e960-400a-43ff-baeb-4828c8f5cd3a" providerId="ADAL" clId="{0107A2AC-E230-6340-9D00-A45E25ACF2AC}" dt="2021-03-19T08:22:38.474" v="8351" actId="1037"/>
          <ac:spMkLst>
            <pc:docMk/>
            <pc:sldMk cId="1705226350" sldId="382"/>
            <ac:spMk id="13" creationId="{93E9DD2D-72FA-F14F-A920-C21D5C65096C}"/>
          </ac:spMkLst>
        </pc:spChg>
        <pc:spChg chg="add mod">
          <ac:chgData name="Daly Donnacha HSLU I" userId="0f22e960-400a-43ff-baeb-4828c8f5cd3a" providerId="ADAL" clId="{0107A2AC-E230-6340-9D00-A45E25ACF2AC}" dt="2021-03-19T08:22:38.474" v="8351" actId="1037"/>
          <ac:spMkLst>
            <pc:docMk/>
            <pc:sldMk cId="1705226350" sldId="382"/>
            <ac:spMk id="14" creationId="{87D6200B-430E-D543-8D24-10D8E0674CB6}"/>
          </ac:spMkLst>
        </pc:spChg>
        <pc:spChg chg="add mod">
          <ac:chgData name="Daly Donnacha HSLU I" userId="0f22e960-400a-43ff-baeb-4828c8f5cd3a" providerId="ADAL" clId="{0107A2AC-E230-6340-9D00-A45E25ACF2AC}" dt="2021-03-19T08:22:38.474" v="8351" actId="1037"/>
          <ac:spMkLst>
            <pc:docMk/>
            <pc:sldMk cId="1705226350" sldId="382"/>
            <ac:spMk id="15" creationId="{26292957-E397-AE4F-973E-72A40FC13D66}"/>
          </ac:spMkLst>
        </pc:spChg>
        <pc:spChg chg="add mod">
          <ac:chgData name="Daly Donnacha HSLU I" userId="0f22e960-400a-43ff-baeb-4828c8f5cd3a" providerId="ADAL" clId="{0107A2AC-E230-6340-9D00-A45E25ACF2AC}" dt="2021-03-19T08:22:38.474" v="8351" actId="1037"/>
          <ac:spMkLst>
            <pc:docMk/>
            <pc:sldMk cId="1705226350" sldId="382"/>
            <ac:spMk id="16" creationId="{C98BF9B1-0B64-CF46-AE44-6C865FEE0FC3}"/>
          </ac:spMkLst>
        </pc:spChg>
        <pc:spChg chg="add mod">
          <ac:chgData name="Daly Donnacha HSLU I" userId="0f22e960-400a-43ff-baeb-4828c8f5cd3a" providerId="ADAL" clId="{0107A2AC-E230-6340-9D00-A45E25ACF2AC}" dt="2021-03-19T08:22:38.474" v="8351" actId="1037"/>
          <ac:spMkLst>
            <pc:docMk/>
            <pc:sldMk cId="1705226350" sldId="382"/>
            <ac:spMk id="17" creationId="{6E17A98F-C888-1C48-90D0-B60F94082DE3}"/>
          </ac:spMkLst>
        </pc:spChg>
        <pc:spChg chg="add mod">
          <ac:chgData name="Daly Donnacha HSLU I" userId="0f22e960-400a-43ff-baeb-4828c8f5cd3a" providerId="ADAL" clId="{0107A2AC-E230-6340-9D00-A45E25ACF2AC}" dt="2021-03-19T08:22:38.474" v="8351" actId="1037"/>
          <ac:spMkLst>
            <pc:docMk/>
            <pc:sldMk cId="1705226350" sldId="382"/>
            <ac:spMk id="18" creationId="{B540D582-F254-C643-85BF-C32B34859849}"/>
          </ac:spMkLst>
        </pc:spChg>
        <pc:spChg chg="add mod">
          <ac:chgData name="Daly Donnacha HSLU I" userId="0f22e960-400a-43ff-baeb-4828c8f5cd3a" providerId="ADAL" clId="{0107A2AC-E230-6340-9D00-A45E25ACF2AC}" dt="2021-03-19T08:22:38.474" v="8351" actId="1037"/>
          <ac:spMkLst>
            <pc:docMk/>
            <pc:sldMk cId="1705226350" sldId="382"/>
            <ac:spMk id="19" creationId="{44626CC5-CB46-694D-BF7C-151BBE99803C}"/>
          </ac:spMkLst>
        </pc:spChg>
        <pc:spChg chg="add mod">
          <ac:chgData name="Daly Donnacha HSLU I" userId="0f22e960-400a-43ff-baeb-4828c8f5cd3a" providerId="ADAL" clId="{0107A2AC-E230-6340-9D00-A45E25ACF2AC}" dt="2021-03-19T08:22:38.474" v="8351" actId="1037"/>
          <ac:spMkLst>
            <pc:docMk/>
            <pc:sldMk cId="1705226350" sldId="382"/>
            <ac:spMk id="20" creationId="{2834A1A8-6425-B842-898C-BA9B7407BFA3}"/>
          </ac:spMkLst>
        </pc:spChg>
        <pc:spChg chg="add mod">
          <ac:chgData name="Daly Donnacha HSLU I" userId="0f22e960-400a-43ff-baeb-4828c8f5cd3a" providerId="ADAL" clId="{0107A2AC-E230-6340-9D00-A45E25ACF2AC}" dt="2021-03-19T08:22:38.474" v="8351" actId="1037"/>
          <ac:spMkLst>
            <pc:docMk/>
            <pc:sldMk cId="1705226350" sldId="382"/>
            <ac:spMk id="21" creationId="{66537C68-784E-E84B-A0AA-CB349A89514F}"/>
          </ac:spMkLst>
        </pc:spChg>
        <pc:spChg chg="add mod">
          <ac:chgData name="Daly Donnacha HSLU I" userId="0f22e960-400a-43ff-baeb-4828c8f5cd3a" providerId="ADAL" clId="{0107A2AC-E230-6340-9D00-A45E25ACF2AC}" dt="2021-03-19T08:28:41.074" v="8686" actId="114"/>
          <ac:spMkLst>
            <pc:docMk/>
            <pc:sldMk cId="1705226350" sldId="382"/>
            <ac:spMk id="23" creationId="{C0C13ED8-6E95-5B4A-A587-1C7DF28AF59B}"/>
          </ac:spMkLst>
        </pc:spChg>
        <pc:spChg chg="add mod">
          <ac:chgData name="Daly Donnacha HSLU I" userId="0f22e960-400a-43ff-baeb-4828c8f5cd3a" providerId="ADAL" clId="{0107A2AC-E230-6340-9D00-A45E25ACF2AC}" dt="2021-03-19T08:28:34.657" v="8684" actId="114"/>
          <ac:spMkLst>
            <pc:docMk/>
            <pc:sldMk cId="1705226350" sldId="382"/>
            <ac:spMk id="24" creationId="{7A9A086A-45E1-D44E-A5E4-06C56EAC401B}"/>
          </ac:spMkLst>
        </pc:spChg>
        <pc:spChg chg="add mod">
          <ac:chgData name="Daly Donnacha HSLU I" userId="0f22e960-400a-43ff-baeb-4828c8f5cd3a" providerId="ADAL" clId="{0107A2AC-E230-6340-9D00-A45E25ACF2AC}" dt="2021-03-19T08:22:38.474" v="8351" actId="1037"/>
          <ac:spMkLst>
            <pc:docMk/>
            <pc:sldMk cId="1705226350" sldId="382"/>
            <ac:spMk id="25" creationId="{283B7430-2AFA-1149-9AE5-F7C77EB78D8C}"/>
          </ac:spMkLst>
        </pc:spChg>
        <pc:spChg chg="add del mod">
          <ac:chgData name="Daly Donnacha HSLU I" userId="0f22e960-400a-43ff-baeb-4828c8f5cd3a" providerId="ADAL" clId="{0107A2AC-E230-6340-9D00-A45E25ACF2AC}" dt="2021-03-19T08:28:13.529" v="8676" actId="478"/>
          <ac:spMkLst>
            <pc:docMk/>
            <pc:sldMk cId="1705226350" sldId="382"/>
            <ac:spMk id="26" creationId="{7013C654-4644-7249-8927-E07FB7243955}"/>
          </ac:spMkLst>
        </pc:spChg>
        <pc:spChg chg="add del mod">
          <ac:chgData name="Daly Donnacha HSLU I" userId="0f22e960-400a-43ff-baeb-4828c8f5cd3a" providerId="ADAL" clId="{0107A2AC-E230-6340-9D00-A45E25ACF2AC}" dt="2021-03-19T08:28:06.219" v="8670" actId="478"/>
          <ac:spMkLst>
            <pc:docMk/>
            <pc:sldMk cId="1705226350" sldId="382"/>
            <ac:spMk id="27" creationId="{5F16253C-58F4-F54E-B97A-7FC54194E7A9}"/>
          </ac:spMkLst>
        </pc:spChg>
        <pc:spChg chg="add del mod">
          <ac:chgData name="Daly Donnacha HSLU I" userId="0f22e960-400a-43ff-baeb-4828c8f5cd3a" providerId="ADAL" clId="{0107A2AC-E230-6340-9D00-A45E25ACF2AC}" dt="2021-03-19T08:28:08.695" v="8673" actId="478"/>
          <ac:spMkLst>
            <pc:docMk/>
            <pc:sldMk cId="1705226350" sldId="382"/>
            <ac:spMk id="28" creationId="{7979F3FA-099C-F04C-B410-66B4573C7376}"/>
          </ac:spMkLst>
        </pc:spChg>
        <pc:spChg chg="add del mod">
          <ac:chgData name="Daly Donnacha HSLU I" userId="0f22e960-400a-43ff-baeb-4828c8f5cd3a" providerId="ADAL" clId="{0107A2AC-E230-6340-9D00-A45E25ACF2AC}" dt="2021-03-19T08:28:15.920" v="8677" actId="478"/>
          <ac:spMkLst>
            <pc:docMk/>
            <pc:sldMk cId="1705226350" sldId="382"/>
            <ac:spMk id="29" creationId="{D649905D-F38D-1A4F-B4F8-2D214754B62B}"/>
          </ac:spMkLst>
        </pc:spChg>
        <pc:spChg chg="add mod">
          <ac:chgData name="Daly Donnacha HSLU I" userId="0f22e960-400a-43ff-baeb-4828c8f5cd3a" providerId="ADAL" clId="{0107A2AC-E230-6340-9D00-A45E25ACF2AC}" dt="2021-03-19T08:50:16.794" v="9035" actId="1038"/>
          <ac:spMkLst>
            <pc:docMk/>
            <pc:sldMk cId="1705226350" sldId="382"/>
            <ac:spMk id="41" creationId="{41F12EAE-0156-DA40-AB18-0F5759C5C165}"/>
          </ac:spMkLst>
        </pc:spChg>
        <pc:spChg chg="add mod">
          <ac:chgData name="Daly Donnacha HSLU I" userId="0f22e960-400a-43ff-baeb-4828c8f5cd3a" providerId="ADAL" clId="{0107A2AC-E230-6340-9D00-A45E25ACF2AC}" dt="2021-03-19T08:50:16.794" v="9035" actId="1038"/>
          <ac:spMkLst>
            <pc:docMk/>
            <pc:sldMk cId="1705226350" sldId="382"/>
            <ac:spMk id="43" creationId="{3EBD6A01-1DDC-B248-927A-2224577A3FCC}"/>
          </ac:spMkLst>
        </pc:spChg>
        <pc:spChg chg="add del mod">
          <ac:chgData name="Daly Donnacha HSLU I" userId="0f22e960-400a-43ff-baeb-4828c8f5cd3a" providerId="ADAL" clId="{0107A2AC-E230-6340-9D00-A45E25ACF2AC}" dt="2021-03-19T08:50:16.794" v="9035" actId="1038"/>
          <ac:spMkLst>
            <pc:docMk/>
            <pc:sldMk cId="1705226350" sldId="382"/>
            <ac:spMk id="44" creationId="{7773A00B-4BCE-0948-B10C-23A425A80D9B}"/>
          </ac:spMkLst>
        </pc:spChg>
        <pc:spChg chg="add del mod">
          <ac:chgData name="Daly Donnacha HSLU I" userId="0f22e960-400a-43ff-baeb-4828c8f5cd3a" providerId="ADAL" clId="{0107A2AC-E230-6340-9D00-A45E25ACF2AC}" dt="2021-03-19T08:50:16.794" v="9035" actId="1038"/>
          <ac:spMkLst>
            <pc:docMk/>
            <pc:sldMk cId="1705226350" sldId="382"/>
            <ac:spMk id="45" creationId="{F32A0CA0-A3AB-744C-BBBB-8D56F9A3A609}"/>
          </ac:spMkLst>
        </pc:spChg>
        <pc:spChg chg="add mod">
          <ac:chgData name="Daly Donnacha HSLU I" userId="0f22e960-400a-43ff-baeb-4828c8f5cd3a" providerId="ADAL" clId="{0107A2AC-E230-6340-9D00-A45E25ACF2AC}" dt="2021-03-19T08:50:16.794" v="9035" actId="1038"/>
          <ac:spMkLst>
            <pc:docMk/>
            <pc:sldMk cId="1705226350" sldId="382"/>
            <ac:spMk id="46" creationId="{845FF7CA-8EA8-9D48-BB1D-9DF735A44A5B}"/>
          </ac:spMkLst>
        </pc:spChg>
        <pc:spChg chg="add mod">
          <ac:chgData name="Daly Donnacha HSLU I" userId="0f22e960-400a-43ff-baeb-4828c8f5cd3a" providerId="ADAL" clId="{0107A2AC-E230-6340-9D00-A45E25ACF2AC}" dt="2021-03-19T08:50:16.794" v="9035" actId="1038"/>
          <ac:spMkLst>
            <pc:docMk/>
            <pc:sldMk cId="1705226350" sldId="382"/>
            <ac:spMk id="47" creationId="{04621A50-E927-114B-B478-BEE97D1806FE}"/>
          </ac:spMkLst>
        </pc:spChg>
        <pc:spChg chg="add mod">
          <ac:chgData name="Daly Donnacha HSLU I" userId="0f22e960-400a-43ff-baeb-4828c8f5cd3a" providerId="ADAL" clId="{0107A2AC-E230-6340-9D00-A45E25ACF2AC}" dt="2021-03-19T08:50:16.794" v="9035" actId="1038"/>
          <ac:spMkLst>
            <pc:docMk/>
            <pc:sldMk cId="1705226350" sldId="382"/>
            <ac:spMk id="48" creationId="{FA524606-C08B-3F46-A1CC-2A1865C0EBD7}"/>
          </ac:spMkLst>
        </pc:spChg>
        <pc:spChg chg="add mod">
          <ac:chgData name="Daly Donnacha HSLU I" userId="0f22e960-400a-43ff-baeb-4828c8f5cd3a" providerId="ADAL" clId="{0107A2AC-E230-6340-9D00-A45E25ACF2AC}" dt="2021-03-19T08:50:16.794" v="9035" actId="1038"/>
          <ac:spMkLst>
            <pc:docMk/>
            <pc:sldMk cId="1705226350" sldId="382"/>
            <ac:spMk id="49" creationId="{348F7264-CAAB-F143-A9B5-8E05D5087191}"/>
          </ac:spMkLst>
        </pc:spChg>
        <pc:spChg chg="add mod">
          <ac:chgData name="Daly Donnacha HSLU I" userId="0f22e960-400a-43ff-baeb-4828c8f5cd3a" providerId="ADAL" clId="{0107A2AC-E230-6340-9D00-A45E25ACF2AC}" dt="2021-03-19T08:50:16.794" v="9035" actId="1038"/>
          <ac:spMkLst>
            <pc:docMk/>
            <pc:sldMk cId="1705226350" sldId="382"/>
            <ac:spMk id="50" creationId="{FFCFFAD1-F5A8-8A42-8401-642FB71345BC}"/>
          </ac:spMkLst>
        </pc:spChg>
        <pc:spChg chg="add mod">
          <ac:chgData name="Daly Donnacha HSLU I" userId="0f22e960-400a-43ff-baeb-4828c8f5cd3a" providerId="ADAL" clId="{0107A2AC-E230-6340-9D00-A45E25ACF2AC}" dt="2021-03-19T08:50:16.794" v="9035" actId="1038"/>
          <ac:spMkLst>
            <pc:docMk/>
            <pc:sldMk cId="1705226350" sldId="382"/>
            <ac:spMk id="51" creationId="{9F909AEE-C35B-CB41-80F7-34CAAD1376B9}"/>
          </ac:spMkLst>
        </pc:spChg>
        <pc:spChg chg="add mod">
          <ac:chgData name="Daly Donnacha HSLU I" userId="0f22e960-400a-43ff-baeb-4828c8f5cd3a" providerId="ADAL" clId="{0107A2AC-E230-6340-9D00-A45E25ACF2AC}" dt="2021-03-19T08:50:16.794" v="9035" actId="1038"/>
          <ac:spMkLst>
            <pc:docMk/>
            <pc:sldMk cId="1705226350" sldId="382"/>
            <ac:spMk id="53" creationId="{5BF0BC5E-19FF-E547-B8F0-EF6E83DE786E}"/>
          </ac:spMkLst>
        </pc:spChg>
        <pc:spChg chg="add mod">
          <ac:chgData name="Daly Donnacha HSLU I" userId="0f22e960-400a-43ff-baeb-4828c8f5cd3a" providerId="ADAL" clId="{0107A2AC-E230-6340-9D00-A45E25ACF2AC}" dt="2021-03-19T08:50:16.794" v="9035" actId="1038"/>
          <ac:spMkLst>
            <pc:docMk/>
            <pc:sldMk cId="1705226350" sldId="382"/>
            <ac:spMk id="54" creationId="{32084748-9F3F-5A45-B0AA-368C5FD835BF}"/>
          </ac:spMkLst>
        </pc:spChg>
        <pc:spChg chg="add mod">
          <ac:chgData name="Daly Donnacha HSLU I" userId="0f22e960-400a-43ff-baeb-4828c8f5cd3a" providerId="ADAL" clId="{0107A2AC-E230-6340-9D00-A45E25ACF2AC}" dt="2021-03-19T08:50:16.794" v="9035" actId="1038"/>
          <ac:spMkLst>
            <pc:docMk/>
            <pc:sldMk cId="1705226350" sldId="382"/>
            <ac:spMk id="55" creationId="{DCD1AA9C-2CE4-0C45-9D29-507576C4C7DD}"/>
          </ac:spMkLst>
        </pc:spChg>
        <pc:spChg chg="add del mod">
          <ac:chgData name="Daly Donnacha HSLU I" userId="0f22e960-400a-43ff-baeb-4828c8f5cd3a" providerId="ADAL" clId="{0107A2AC-E230-6340-9D00-A45E25ACF2AC}" dt="2021-03-19T08:28:31.254" v="8682" actId="478"/>
          <ac:spMkLst>
            <pc:docMk/>
            <pc:sldMk cId="1705226350" sldId="382"/>
            <ac:spMk id="56" creationId="{BDF1E1EA-1769-8143-87A3-C98569F4E050}"/>
          </ac:spMkLst>
        </pc:spChg>
        <pc:spChg chg="add del mod">
          <ac:chgData name="Daly Donnacha HSLU I" userId="0f22e960-400a-43ff-baeb-4828c8f5cd3a" providerId="ADAL" clId="{0107A2AC-E230-6340-9D00-A45E25ACF2AC}" dt="2021-03-19T08:28:53.742" v="8692" actId="478"/>
          <ac:spMkLst>
            <pc:docMk/>
            <pc:sldMk cId="1705226350" sldId="382"/>
            <ac:spMk id="57" creationId="{A5EDAF36-FF68-CC45-B8C2-5B0AF19952E1}"/>
          </ac:spMkLst>
        </pc:spChg>
        <pc:spChg chg="add del mod">
          <ac:chgData name="Daly Donnacha HSLU I" userId="0f22e960-400a-43ff-baeb-4828c8f5cd3a" providerId="ADAL" clId="{0107A2AC-E230-6340-9D00-A45E25ACF2AC}" dt="2021-03-19T08:28:55.202" v="8693" actId="478"/>
          <ac:spMkLst>
            <pc:docMk/>
            <pc:sldMk cId="1705226350" sldId="382"/>
            <ac:spMk id="58" creationId="{8C180468-23DF-C348-A1B7-C63C2962A31D}"/>
          </ac:spMkLst>
        </pc:spChg>
        <pc:spChg chg="add del mod">
          <ac:chgData name="Daly Donnacha HSLU I" userId="0f22e960-400a-43ff-baeb-4828c8f5cd3a" providerId="ADAL" clId="{0107A2AC-E230-6340-9D00-A45E25ACF2AC}" dt="2021-03-19T08:28:56.938" v="8694" actId="478"/>
          <ac:spMkLst>
            <pc:docMk/>
            <pc:sldMk cId="1705226350" sldId="382"/>
            <ac:spMk id="59" creationId="{53766ABF-34B8-3E44-9C3D-D829291D4775}"/>
          </ac:spMkLst>
        </pc:spChg>
        <pc:spChg chg="add mod">
          <ac:chgData name="Daly Donnacha HSLU I" userId="0f22e960-400a-43ff-baeb-4828c8f5cd3a" providerId="ADAL" clId="{0107A2AC-E230-6340-9D00-A45E25ACF2AC}" dt="2021-03-19T08:27:27.935" v="8662" actId="6549"/>
          <ac:spMkLst>
            <pc:docMk/>
            <pc:sldMk cId="1705226350" sldId="382"/>
            <ac:spMk id="60" creationId="{C6E25C9D-0822-6747-A0E4-4D6539B75003}"/>
          </ac:spMkLst>
        </pc:spChg>
        <pc:spChg chg="add mod">
          <ac:chgData name="Daly Donnacha HSLU I" userId="0f22e960-400a-43ff-baeb-4828c8f5cd3a" providerId="ADAL" clId="{0107A2AC-E230-6340-9D00-A45E25ACF2AC}" dt="2021-03-19T09:19:45.819" v="9999" actId="14100"/>
          <ac:spMkLst>
            <pc:docMk/>
            <pc:sldMk cId="1705226350" sldId="382"/>
            <ac:spMk id="61" creationId="{F76AE6D5-FD35-1D41-A143-54ABEB4FED6A}"/>
          </ac:spMkLst>
        </pc:spChg>
        <pc:spChg chg="add mod">
          <ac:chgData name="Daly Donnacha HSLU I" userId="0f22e960-400a-43ff-baeb-4828c8f5cd3a" providerId="ADAL" clId="{0107A2AC-E230-6340-9D00-A45E25ACF2AC}" dt="2021-03-19T09:20:07.946" v="10006" actId="20577"/>
          <ac:spMkLst>
            <pc:docMk/>
            <pc:sldMk cId="1705226350" sldId="382"/>
            <ac:spMk id="62" creationId="{A263670D-9DBB-8A48-A5D0-98EACCD7C90B}"/>
          </ac:spMkLst>
        </pc:spChg>
        <pc:cxnChg chg="add del mod">
          <ac:chgData name="Daly Donnacha HSLU I" userId="0f22e960-400a-43ff-baeb-4828c8f5cd3a" providerId="ADAL" clId="{0107A2AC-E230-6340-9D00-A45E25ACF2AC}" dt="2021-03-19T08:28:09.587" v="8674" actId="478"/>
          <ac:cxnSpMkLst>
            <pc:docMk/>
            <pc:sldMk cId="1705226350" sldId="382"/>
            <ac:cxnSpMk id="3" creationId="{D6C47BAD-1DD1-0D4E-B5D7-DFE089025077}"/>
          </ac:cxnSpMkLst>
        </pc:cxnChg>
        <pc:cxnChg chg="add del mod">
          <ac:chgData name="Daly Donnacha HSLU I" userId="0f22e960-400a-43ff-baeb-4828c8f5cd3a" providerId="ADAL" clId="{0107A2AC-E230-6340-9D00-A45E25ACF2AC}" dt="2021-03-19T08:28:07.190" v="8671" actId="478"/>
          <ac:cxnSpMkLst>
            <pc:docMk/>
            <pc:sldMk cId="1705226350" sldId="382"/>
            <ac:cxnSpMk id="4" creationId="{5EF86D9B-1863-2D41-B9CC-0D8659703D89}"/>
          </ac:cxnSpMkLst>
        </pc:cxnChg>
        <pc:cxnChg chg="add del mod">
          <ac:chgData name="Daly Donnacha HSLU I" userId="0f22e960-400a-43ff-baeb-4828c8f5cd3a" providerId="ADAL" clId="{0107A2AC-E230-6340-9D00-A45E25ACF2AC}" dt="2021-03-19T08:28:07.826" v="8672" actId="478"/>
          <ac:cxnSpMkLst>
            <pc:docMk/>
            <pc:sldMk cId="1705226350" sldId="382"/>
            <ac:cxnSpMk id="5" creationId="{5DB0D3E9-CA38-0A4A-8CC0-D7A4F509BCBC}"/>
          </ac:cxnSpMkLst>
        </pc:cxnChg>
        <pc:cxnChg chg="add del mod">
          <ac:chgData name="Daly Donnacha HSLU I" userId="0f22e960-400a-43ff-baeb-4828c8f5cd3a" providerId="ADAL" clId="{0107A2AC-E230-6340-9D00-A45E25ACF2AC}" dt="2021-03-19T08:28:27.050" v="8681" actId="478"/>
          <ac:cxnSpMkLst>
            <pc:docMk/>
            <pc:sldMk cId="1705226350" sldId="382"/>
            <ac:cxnSpMk id="6" creationId="{AABD428E-0E48-AE47-88B1-61DDE2855752}"/>
          </ac:cxnSpMkLst>
        </pc:cxnChg>
        <pc:cxnChg chg="add del mod">
          <ac:chgData name="Daly Donnacha HSLU I" userId="0f22e960-400a-43ff-baeb-4828c8f5cd3a" providerId="ADAL" clId="{0107A2AC-E230-6340-9D00-A45E25ACF2AC}" dt="2021-03-19T08:28:17.864" v="8678" actId="478"/>
          <ac:cxnSpMkLst>
            <pc:docMk/>
            <pc:sldMk cId="1705226350" sldId="382"/>
            <ac:cxnSpMk id="7" creationId="{E5E50AB0-52D3-E344-9F2D-02655651725D}"/>
          </ac:cxnSpMkLst>
        </pc:cxnChg>
        <pc:cxnChg chg="add del mod">
          <ac:chgData name="Daly Donnacha HSLU I" userId="0f22e960-400a-43ff-baeb-4828c8f5cd3a" providerId="ADAL" clId="{0107A2AC-E230-6340-9D00-A45E25ACF2AC}" dt="2021-03-19T08:28:25.150" v="8680" actId="478"/>
          <ac:cxnSpMkLst>
            <pc:docMk/>
            <pc:sldMk cId="1705226350" sldId="382"/>
            <ac:cxnSpMk id="8" creationId="{41908D36-DEA2-F943-8B4F-F0CB9D38BC10}"/>
          </ac:cxnSpMkLst>
        </pc:cxnChg>
        <pc:cxnChg chg="add mod">
          <ac:chgData name="Daly Donnacha HSLU I" userId="0f22e960-400a-43ff-baeb-4828c8f5cd3a" providerId="ADAL" clId="{0107A2AC-E230-6340-9D00-A45E25ACF2AC}" dt="2021-03-19T08:22:38.474" v="8351" actId="1037"/>
          <ac:cxnSpMkLst>
            <pc:docMk/>
            <pc:sldMk cId="1705226350" sldId="382"/>
            <ac:cxnSpMk id="9" creationId="{61D4E986-899A-DC48-8D09-AC38656C1C25}"/>
          </ac:cxnSpMkLst>
        </pc:cxnChg>
        <pc:cxnChg chg="add mod">
          <ac:chgData name="Daly Donnacha HSLU I" userId="0f22e960-400a-43ff-baeb-4828c8f5cd3a" providerId="ADAL" clId="{0107A2AC-E230-6340-9D00-A45E25ACF2AC}" dt="2021-03-19T08:22:38.474" v="8351" actId="1037"/>
          <ac:cxnSpMkLst>
            <pc:docMk/>
            <pc:sldMk cId="1705226350" sldId="382"/>
            <ac:cxnSpMk id="10" creationId="{5109CAF7-EFAA-7745-876B-B38CC763BC72}"/>
          </ac:cxnSpMkLst>
        </pc:cxnChg>
        <pc:cxnChg chg="add mod">
          <ac:chgData name="Daly Donnacha HSLU I" userId="0f22e960-400a-43ff-baeb-4828c8f5cd3a" providerId="ADAL" clId="{0107A2AC-E230-6340-9D00-A45E25ACF2AC}" dt="2021-03-19T08:29:08.135" v="8698" actId="166"/>
          <ac:cxnSpMkLst>
            <pc:docMk/>
            <pc:sldMk cId="1705226350" sldId="382"/>
            <ac:cxnSpMk id="12" creationId="{C9E1C3F8-0029-F940-AE06-432FE8462F21}"/>
          </ac:cxnSpMkLst>
        </pc:cxnChg>
        <pc:cxnChg chg="add del mod">
          <ac:chgData name="Daly Donnacha HSLU I" userId="0f22e960-400a-43ff-baeb-4828c8f5cd3a" providerId="ADAL" clId="{0107A2AC-E230-6340-9D00-A45E25ACF2AC}" dt="2021-03-19T08:28:10.989" v="8675" actId="478"/>
          <ac:cxnSpMkLst>
            <pc:docMk/>
            <pc:sldMk cId="1705226350" sldId="382"/>
            <ac:cxnSpMk id="22" creationId="{1EA615FE-5611-A848-B0E2-7ABF79D62960}"/>
          </ac:cxnSpMkLst>
        </pc:cxnChg>
        <pc:cxnChg chg="add del mod">
          <ac:chgData name="Daly Donnacha HSLU I" userId="0f22e960-400a-43ff-baeb-4828c8f5cd3a" providerId="ADAL" clId="{0107A2AC-E230-6340-9D00-A45E25ACF2AC}" dt="2021-03-19T08:29:31.706" v="8710" actId="478"/>
          <ac:cxnSpMkLst>
            <pc:docMk/>
            <pc:sldMk cId="1705226350" sldId="382"/>
            <ac:cxnSpMk id="30" creationId="{08782F5C-41D6-2445-80AC-07B737A1B240}"/>
          </ac:cxnSpMkLst>
        </pc:cxnChg>
        <pc:cxnChg chg="add del mod">
          <ac:chgData name="Daly Donnacha HSLU I" userId="0f22e960-400a-43ff-baeb-4828c8f5cd3a" providerId="ADAL" clId="{0107A2AC-E230-6340-9D00-A45E25ACF2AC}" dt="2021-03-19T08:29:37.582" v="8712" actId="478"/>
          <ac:cxnSpMkLst>
            <pc:docMk/>
            <pc:sldMk cId="1705226350" sldId="382"/>
            <ac:cxnSpMk id="31" creationId="{61F41FBD-A104-C043-8187-747D15B83F72}"/>
          </ac:cxnSpMkLst>
        </pc:cxnChg>
        <pc:cxnChg chg="add del mod">
          <ac:chgData name="Daly Donnacha HSLU I" userId="0f22e960-400a-43ff-baeb-4828c8f5cd3a" providerId="ADAL" clId="{0107A2AC-E230-6340-9D00-A45E25ACF2AC}" dt="2021-03-19T08:28:57.922" v="8695" actId="478"/>
          <ac:cxnSpMkLst>
            <pc:docMk/>
            <pc:sldMk cId="1705226350" sldId="382"/>
            <ac:cxnSpMk id="32" creationId="{6816378A-FF44-4349-929E-8347AC3433F5}"/>
          </ac:cxnSpMkLst>
        </pc:cxnChg>
        <pc:cxnChg chg="add del mod">
          <ac:chgData name="Daly Donnacha HSLU I" userId="0f22e960-400a-43ff-baeb-4828c8f5cd3a" providerId="ADAL" clId="{0107A2AC-E230-6340-9D00-A45E25ACF2AC}" dt="2021-03-19T08:28:58.474" v="8696" actId="478"/>
          <ac:cxnSpMkLst>
            <pc:docMk/>
            <pc:sldMk cId="1705226350" sldId="382"/>
            <ac:cxnSpMk id="33" creationId="{001C9B4F-5B75-4048-A9C1-17314F735BB9}"/>
          </ac:cxnSpMkLst>
        </pc:cxnChg>
        <pc:cxnChg chg="add del mod">
          <ac:chgData name="Daly Donnacha HSLU I" userId="0f22e960-400a-43ff-baeb-4828c8f5cd3a" providerId="ADAL" clId="{0107A2AC-E230-6340-9D00-A45E25ACF2AC}" dt="2021-03-19T08:29:22.267" v="8705" actId="478"/>
          <ac:cxnSpMkLst>
            <pc:docMk/>
            <pc:sldMk cId="1705226350" sldId="382"/>
            <ac:cxnSpMk id="34" creationId="{71A129D8-E517-5344-911A-B88A49EDEC07}"/>
          </ac:cxnSpMkLst>
        </pc:cxnChg>
        <pc:cxnChg chg="add del mod">
          <ac:chgData name="Daly Donnacha HSLU I" userId="0f22e960-400a-43ff-baeb-4828c8f5cd3a" providerId="ADAL" clId="{0107A2AC-E230-6340-9D00-A45E25ACF2AC}" dt="2021-03-19T08:29:23.781" v="8706" actId="478"/>
          <ac:cxnSpMkLst>
            <pc:docMk/>
            <pc:sldMk cId="1705226350" sldId="382"/>
            <ac:cxnSpMk id="35" creationId="{996A1EA6-ED87-1C45-9263-ABEF0F34243B}"/>
          </ac:cxnSpMkLst>
        </pc:cxnChg>
        <pc:cxnChg chg="add del mod">
          <ac:chgData name="Daly Donnacha HSLU I" userId="0f22e960-400a-43ff-baeb-4828c8f5cd3a" providerId="ADAL" clId="{0107A2AC-E230-6340-9D00-A45E25ACF2AC}" dt="2021-03-19T08:29:10.211" v="8699" actId="478"/>
          <ac:cxnSpMkLst>
            <pc:docMk/>
            <pc:sldMk cId="1705226350" sldId="382"/>
            <ac:cxnSpMk id="36" creationId="{37F1EC00-0E24-924A-8204-2D0676C78A8C}"/>
          </ac:cxnSpMkLst>
        </pc:cxnChg>
        <pc:cxnChg chg="add del mod">
          <ac:chgData name="Daly Donnacha HSLU I" userId="0f22e960-400a-43ff-baeb-4828c8f5cd3a" providerId="ADAL" clId="{0107A2AC-E230-6340-9D00-A45E25ACF2AC}" dt="2021-03-19T08:29:11.238" v="8700" actId="478"/>
          <ac:cxnSpMkLst>
            <pc:docMk/>
            <pc:sldMk cId="1705226350" sldId="382"/>
            <ac:cxnSpMk id="37" creationId="{417AA838-08AD-0044-9FB7-5000CBC6EE34}"/>
          </ac:cxnSpMkLst>
        </pc:cxnChg>
        <pc:cxnChg chg="add del mod">
          <ac:chgData name="Daly Donnacha HSLU I" userId="0f22e960-400a-43ff-baeb-4828c8f5cd3a" providerId="ADAL" clId="{0107A2AC-E230-6340-9D00-A45E25ACF2AC}" dt="2021-03-19T08:28:51.962" v="8691" actId="478"/>
          <ac:cxnSpMkLst>
            <pc:docMk/>
            <pc:sldMk cId="1705226350" sldId="382"/>
            <ac:cxnSpMk id="38" creationId="{19FB9DE3-86EE-4442-9A4E-83C73B070E3A}"/>
          </ac:cxnSpMkLst>
        </pc:cxnChg>
        <pc:cxnChg chg="add mod">
          <ac:chgData name="Daly Donnacha HSLU I" userId="0f22e960-400a-43ff-baeb-4828c8f5cd3a" providerId="ADAL" clId="{0107A2AC-E230-6340-9D00-A45E25ACF2AC}" dt="2021-03-19T08:50:16.794" v="9035" actId="1038"/>
          <ac:cxnSpMkLst>
            <pc:docMk/>
            <pc:sldMk cId="1705226350" sldId="382"/>
            <ac:cxnSpMk id="39" creationId="{92DDF885-CDEC-C84C-85D9-871CD96344B0}"/>
          </ac:cxnSpMkLst>
        </pc:cxnChg>
        <pc:cxnChg chg="add mod">
          <ac:chgData name="Daly Donnacha HSLU I" userId="0f22e960-400a-43ff-baeb-4828c8f5cd3a" providerId="ADAL" clId="{0107A2AC-E230-6340-9D00-A45E25ACF2AC}" dt="2021-03-19T08:50:16.794" v="9035" actId="1038"/>
          <ac:cxnSpMkLst>
            <pc:docMk/>
            <pc:sldMk cId="1705226350" sldId="382"/>
            <ac:cxnSpMk id="40" creationId="{711954F9-AA05-5A46-864A-BF1109F0B712}"/>
          </ac:cxnSpMkLst>
        </pc:cxnChg>
        <pc:cxnChg chg="add mod">
          <ac:chgData name="Daly Donnacha HSLU I" userId="0f22e960-400a-43ff-baeb-4828c8f5cd3a" providerId="ADAL" clId="{0107A2AC-E230-6340-9D00-A45E25ACF2AC}" dt="2021-03-19T08:50:16.794" v="9035" actId="1038"/>
          <ac:cxnSpMkLst>
            <pc:docMk/>
            <pc:sldMk cId="1705226350" sldId="382"/>
            <ac:cxnSpMk id="42" creationId="{DA2E3CDE-A496-7F4A-AB8F-6F465C0540C9}"/>
          </ac:cxnSpMkLst>
        </pc:cxnChg>
        <pc:cxnChg chg="add del mod">
          <ac:chgData name="Daly Donnacha HSLU I" userId="0f22e960-400a-43ff-baeb-4828c8f5cd3a" providerId="ADAL" clId="{0107A2AC-E230-6340-9D00-A45E25ACF2AC}" dt="2021-03-19T08:29:12.058" v="8701" actId="478"/>
          <ac:cxnSpMkLst>
            <pc:docMk/>
            <pc:sldMk cId="1705226350" sldId="382"/>
            <ac:cxnSpMk id="52" creationId="{97666FA8-F182-5048-8239-3DE6F03EF77B}"/>
          </ac:cxnSpMkLst>
        </pc:cxnChg>
      </pc:sldChg>
      <pc:sldChg chg="del">
        <pc:chgData name="Daly Donnacha HSLU I" userId="0f22e960-400a-43ff-baeb-4828c8f5cd3a" providerId="ADAL" clId="{0107A2AC-E230-6340-9D00-A45E25ACF2AC}" dt="2021-03-18T16:58:58.269" v="221" actId="2696"/>
        <pc:sldMkLst>
          <pc:docMk/>
          <pc:sldMk cId="2151041588" sldId="382"/>
        </pc:sldMkLst>
      </pc:sldChg>
      <pc:sldChg chg="addSp delSp modSp new mod">
        <pc:chgData name="Daly Donnacha HSLU I" userId="0f22e960-400a-43ff-baeb-4828c8f5cd3a" providerId="ADAL" clId="{0107A2AC-E230-6340-9D00-A45E25ACF2AC}" dt="2021-03-19T16:46:54.909" v="16849"/>
        <pc:sldMkLst>
          <pc:docMk/>
          <pc:sldMk cId="569357116" sldId="383"/>
        </pc:sldMkLst>
        <pc:spChg chg="mod">
          <ac:chgData name="Daly Donnacha HSLU I" userId="0f22e960-400a-43ff-baeb-4828c8f5cd3a" providerId="ADAL" clId="{0107A2AC-E230-6340-9D00-A45E25ACF2AC}" dt="2021-03-19T09:50:13.537" v="10675" actId="20577"/>
          <ac:spMkLst>
            <pc:docMk/>
            <pc:sldMk cId="569357116" sldId="383"/>
            <ac:spMk id="2" creationId="{32A5BF9D-E5CD-2140-8F41-E1439F118566}"/>
          </ac:spMkLst>
        </pc:spChg>
        <pc:spChg chg="add mod">
          <ac:chgData name="Daly Donnacha HSLU I" userId="0f22e960-400a-43ff-baeb-4828c8f5cd3a" providerId="ADAL" clId="{0107A2AC-E230-6340-9D00-A45E25ACF2AC}" dt="2021-03-19T08:27:11.487" v="8659"/>
          <ac:spMkLst>
            <pc:docMk/>
            <pc:sldMk cId="569357116" sldId="383"/>
            <ac:spMk id="11" creationId="{A408F2C7-6BDB-FB4B-BDA1-D7BF4E35B940}"/>
          </ac:spMkLst>
        </pc:spChg>
        <pc:spChg chg="add mod">
          <ac:chgData name="Daly Donnacha HSLU I" userId="0f22e960-400a-43ff-baeb-4828c8f5cd3a" providerId="ADAL" clId="{0107A2AC-E230-6340-9D00-A45E25ACF2AC}" dt="2021-03-19T08:27:11.487" v="8659"/>
          <ac:spMkLst>
            <pc:docMk/>
            <pc:sldMk cId="569357116" sldId="383"/>
            <ac:spMk id="12" creationId="{225E2D7C-FFA0-1048-9D24-FD6AEDBA8821}"/>
          </ac:spMkLst>
        </pc:spChg>
        <pc:spChg chg="add mod">
          <ac:chgData name="Daly Donnacha HSLU I" userId="0f22e960-400a-43ff-baeb-4828c8f5cd3a" providerId="ADAL" clId="{0107A2AC-E230-6340-9D00-A45E25ACF2AC}" dt="2021-03-19T08:27:11.487" v="8659"/>
          <ac:spMkLst>
            <pc:docMk/>
            <pc:sldMk cId="569357116" sldId="383"/>
            <ac:spMk id="13" creationId="{8341D396-98ED-F54D-AF2D-1C0EA610D2DA}"/>
          </ac:spMkLst>
        </pc:spChg>
        <pc:spChg chg="add mod">
          <ac:chgData name="Daly Donnacha HSLU I" userId="0f22e960-400a-43ff-baeb-4828c8f5cd3a" providerId="ADAL" clId="{0107A2AC-E230-6340-9D00-A45E25ACF2AC}" dt="2021-03-19T08:27:11.487" v="8659"/>
          <ac:spMkLst>
            <pc:docMk/>
            <pc:sldMk cId="569357116" sldId="383"/>
            <ac:spMk id="14" creationId="{39BB5280-B82C-794B-B1C5-C677233352C1}"/>
          </ac:spMkLst>
        </pc:spChg>
        <pc:spChg chg="add mod">
          <ac:chgData name="Daly Donnacha HSLU I" userId="0f22e960-400a-43ff-baeb-4828c8f5cd3a" providerId="ADAL" clId="{0107A2AC-E230-6340-9D00-A45E25ACF2AC}" dt="2021-03-19T08:27:11.487" v="8659"/>
          <ac:spMkLst>
            <pc:docMk/>
            <pc:sldMk cId="569357116" sldId="383"/>
            <ac:spMk id="15" creationId="{249676F3-58D8-EA40-B3BA-2DD3368F9E70}"/>
          </ac:spMkLst>
        </pc:spChg>
        <pc:spChg chg="add mod">
          <ac:chgData name="Daly Donnacha HSLU I" userId="0f22e960-400a-43ff-baeb-4828c8f5cd3a" providerId="ADAL" clId="{0107A2AC-E230-6340-9D00-A45E25ACF2AC}" dt="2021-03-19T08:27:11.487" v="8659"/>
          <ac:spMkLst>
            <pc:docMk/>
            <pc:sldMk cId="569357116" sldId="383"/>
            <ac:spMk id="16" creationId="{3C627F76-47BF-5548-B1EC-C5BC137B4C18}"/>
          </ac:spMkLst>
        </pc:spChg>
        <pc:spChg chg="add mod">
          <ac:chgData name="Daly Donnacha HSLU I" userId="0f22e960-400a-43ff-baeb-4828c8f5cd3a" providerId="ADAL" clId="{0107A2AC-E230-6340-9D00-A45E25ACF2AC}" dt="2021-03-19T08:27:11.487" v="8659"/>
          <ac:spMkLst>
            <pc:docMk/>
            <pc:sldMk cId="569357116" sldId="383"/>
            <ac:spMk id="17" creationId="{F56A19A8-4C32-7545-B024-6ACA677D5589}"/>
          </ac:spMkLst>
        </pc:spChg>
        <pc:spChg chg="add mod">
          <ac:chgData name="Daly Donnacha HSLU I" userId="0f22e960-400a-43ff-baeb-4828c8f5cd3a" providerId="ADAL" clId="{0107A2AC-E230-6340-9D00-A45E25ACF2AC}" dt="2021-03-19T08:27:11.487" v="8659"/>
          <ac:spMkLst>
            <pc:docMk/>
            <pc:sldMk cId="569357116" sldId="383"/>
            <ac:spMk id="18" creationId="{D5CD9277-95CA-C343-8E7E-18A2E3032159}"/>
          </ac:spMkLst>
        </pc:spChg>
        <pc:spChg chg="add mod">
          <ac:chgData name="Daly Donnacha HSLU I" userId="0f22e960-400a-43ff-baeb-4828c8f5cd3a" providerId="ADAL" clId="{0107A2AC-E230-6340-9D00-A45E25ACF2AC}" dt="2021-03-19T08:27:11.487" v="8659"/>
          <ac:spMkLst>
            <pc:docMk/>
            <pc:sldMk cId="569357116" sldId="383"/>
            <ac:spMk id="19" creationId="{869AAA96-D210-7242-86C0-E1E14D87E8AE}"/>
          </ac:spMkLst>
        </pc:spChg>
        <pc:spChg chg="add mod">
          <ac:chgData name="Daly Donnacha HSLU I" userId="0f22e960-400a-43ff-baeb-4828c8f5cd3a" providerId="ADAL" clId="{0107A2AC-E230-6340-9D00-A45E25ACF2AC}" dt="2021-03-19T08:27:11.487" v="8659"/>
          <ac:spMkLst>
            <pc:docMk/>
            <pc:sldMk cId="569357116" sldId="383"/>
            <ac:spMk id="20" creationId="{04C2FEE2-9C1F-9944-891B-89708140FBC7}"/>
          </ac:spMkLst>
        </pc:spChg>
        <pc:spChg chg="add del mod">
          <ac:chgData name="Daly Donnacha HSLU I" userId="0f22e960-400a-43ff-baeb-4828c8f5cd3a" providerId="ADAL" clId="{0107A2AC-E230-6340-9D00-A45E25ACF2AC}" dt="2021-03-19T08:57:26.430" v="9286" actId="478"/>
          <ac:spMkLst>
            <pc:docMk/>
            <pc:sldMk cId="569357116" sldId="383"/>
            <ac:spMk id="22" creationId="{DAF8DF3D-9A25-484D-92B4-562823DFC681}"/>
          </ac:spMkLst>
        </pc:spChg>
        <pc:spChg chg="add del mod">
          <ac:chgData name="Daly Donnacha HSLU I" userId="0f22e960-400a-43ff-baeb-4828c8f5cd3a" providerId="ADAL" clId="{0107A2AC-E230-6340-9D00-A45E25ACF2AC}" dt="2021-03-19T08:57:26.430" v="9286" actId="478"/>
          <ac:spMkLst>
            <pc:docMk/>
            <pc:sldMk cId="569357116" sldId="383"/>
            <ac:spMk id="23" creationId="{F5E9BEFD-5FEA-344B-9319-16BD8434E573}"/>
          </ac:spMkLst>
        </pc:spChg>
        <pc:spChg chg="add mod">
          <ac:chgData name="Daly Donnacha HSLU I" userId="0f22e960-400a-43ff-baeb-4828c8f5cd3a" providerId="ADAL" clId="{0107A2AC-E230-6340-9D00-A45E25ACF2AC}" dt="2021-03-19T08:27:11.487" v="8659"/>
          <ac:spMkLst>
            <pc:docMk/>
            <pc:sldMk cId="569357116" sldId="383"/>
            <ac:spMk id="24" creationId="{ABBF831A-6F46-3440-B308-CEF0138F3987}"/>
          </ac:spMkLst>
        </pc:spChg>
        <pc:spChg chg="add mod">
          <ac:chgData name="Daly Donnacha HSLU I" userId="0f22e960-400a-43ff-baeb-4828c8f5cd3a" providerId="ADAL" clId="{0107A2AC-E230-6340-9D00-A45E25ACF2AC}" dt="2021-03-19T08:27:11.487" v="8659"/>
          <ac:spMkLst>
            <pc:docMk/>
            <pc:sldMk cId="569357116" sldId="383"/>
            <ac:spMk id="25" creationId="{7A9C92DF-8A85-1D40-97E0-37332C5C5876}"/>
          </ac:spMkLst>
        </pc:spChg>
        <pc:spChg chg="add mod">
          <ac:chgData name="Daly Donnacha HSLU I" userId="0f22e960-400a-43ff-baeb-4828c8f5cd3a" providerId="ADAL" clId="{0107A2AC-E230-6340-9D00-A45E25ACF2AC}" dt="2021-03-19T08:27:11.487" v="8659"/>
          <ac:spMkLst>
            <pc:docMk/>
            <pc:sldMk cId="569357116" sldId="383"/>
            <ac:spMk id="26" creationId="{F4914512-96FE-8E46-BED6-F334AE65A559}"/>
          </ac:spMkLst>
        </pc:spChg>
        <pc:spChg chg="add mod">
          <ac:chgData name="Daly Donnacha HSLU I" userId="0f22e960-400a-43ff-baeb-4828c8f5cd3a" providerId="ADAL" clId="{0107A2AC-E230-6340-9D00-A45E25ACF2AC}" dt="2021-03-19T08:27:11.487" v="8659"/>
          <ac:spMkLst>
            <pc:docMk/>
            <pc:sldMk cId="569357116" sldId="383"/>
            <ac:spMk id="27" creationId="{84FE8894-9864-7D46-92CC-F6B906BC2A6A}"/>
          </ac:spMkLst>
        </pc:spChg>
        <pc:spChg chg="add mod">
          <ac:chgData name="Daly Donnacha HSLU I" userId="0f22e960-400a-43ff-baeb-4828c8f5cd3a" providerId="ADAL" clId="{0107A2AC-E230-6340-9D00-A45E25ACF2AC}" dt="2021-03-19T08:27:11.487" v="8659"/>
          <ac:spMkLst>
            <pc:docMk/>
            <pc:sldMk cId="569357116" sldId="383"/>
            <ac:spMk id="28" creationId="{1D1122D7-1259-5848-BC9D-9688519E578B}"/>
          </ac:spMkLst>
        </pc:spChg>
        <pc:spChg chg="add mod">
          <ac:chgData name="Daly Donnacha HSLU I" userId="0f22e960-400a-43ff-baeb-4828c8f5cd3a" providerId="ADAL" clId="{0107A2AC-E230-6340-9D00-A45E25ACF2AC}" dt="2021-03-19T08:50:21.387" v="9038" actId="1038"/>
          <ac:spMkLst>
            <pc:docMk/>
            <pc:sldMk cId="569357116" sldId="383"/>
            <ac:spMk id="40" creationId="{5182E9E5-FF02-E34D-9A03-CF21E689CADD}"/>
          </ac:spMkLst>
        </pc:spChg>
        <pc:spChg chg="add mod">
          <ac:chgData name="Daly Donnacha HSLU I" userId="0f22e960-400a-43ff-baeb-4828c8f5cd3a" providerId="ADAL" clId="{0107A2AC-E230-6340-9D00-A45E25ACF2AC}" dt="2021-03-19T08:50:21.387" v="9038" actId="1038"/>
          <ac:spMkLst>
            <pc:docMk/>
            <pc:sldMk cId="569357116" sldId="383"/>
            <ac:spMk id="42" creationId="{1D98153F-022F-CB4D-A1B6-4BFBD84A6ACD}"/>
          </ac:spMkLst>
        </pc:spChg>
        <pc:spChg chg="add mod">
          <ac:chgData name="Daly Donnacha HSLU I" userId="0f22e960-400a-43ff-baeb-4828c8f5cd3a" providerId="ADAL" clId="{0107A2AC-E230-6340-9D00-A45E25ACF2AC}" dt="2021-03-19T08:50:21.387" v="9038" actId="1038"/>
          <ac:spMkLst>
            <pc:docMk/>
            <pc:sldMk cId="569357116" sldId="383"/>
            <ac:spMk id="43" creationId="{83861D58-9F15-2442-8E25-7BFEA5295633}"/>
          </ac:spMkLst>
        </pc:spChg>
        <pc:spChg chg="add mod">
          <ac:chgData name="Daly Donnacha HSLU I" userId="0f22e960-400a-43ff-baeb-4828c8f5cd3a" providerId="ADAL" clId="{0107A2AC-E230-6340-9D00-A45E25ACF2AC}" dt="2021-03-19T08:50:21.387" v="9038" actId="1038"/>
          <ac:spMkLst>
            <pc:docMk/>
            <pc:sldMk cId="569357116" sldId="383"/>
            <ac:spMk id="44" creationId="{96CA8A4E-6A9A-5647-9691-9B50AFED4B48}"/>
          </ac:spMkLst>
        </pc:spChg>
        <pc:spChg chg="add mod">
          <ac:chgData name="Daly Donnacha HSLU I" userId="0f22e960-400a-43ff-baeb-4828c8f5cd3a" providerId="ADAL" clId="{0107A2AC-E230-6340-9D00-A45E25ACF2AC}" dt="2021-03-19T08:50:21.387" v="9038" actId="1038"/>
          <ac:spMkLst>
            <pc:docMk/>
            <pc:sldMk cId="569357116" sldId="383"/>
            <ac:spMk id="45" creationId="{84B1CA40-D75E-3F4D-A89F-738BD6B1DB92}"/>
          </ac:spMkLst>
        </pc:spChg>
        <pc:spChg chg="add mod">
          <ac:chgData name="Daly Donnacha HSLU I" userId="0f22e960-400a-43ff-baeb-4828c8f5cd3a" providerId="ADAL" clId="{0107A2AC-E230-6340-9D00-A45E25ACF2AC}" dt="2021-03-19T08:50:21.387" v="9038" actId="1038"/>
          <ac:spMkLst>
            <pc:docMk/>
            <pc:sldMk cId="569357116" sldId="383"/>
            <ac:spMk id="46" creationId="{DD95919D-E360-4D48-B2ED-358C33A7C2CC}"/>
          </ac:spMkLst>
        </pc:spChg>
        <pc:spChg chg="add mod">
          <ac:chgData name="Daly Donnacha HSLU I" userId="0f22e960-400a-43ff-baeb-4828c8f5cd3a" providerId="ADAL" clId="{0107A2AC-E230-6340-9D00-A45E25ACF2AC}" dt="2021-03-19T08:50:21.387" v="9038" actId="1038"/>
          <ac:spMkLst>
            <pc:docMk/>
            <pc:sldMk cId="569357116" sldId="383"/>
            <ac:spMk id="47" creationId="{66BE3A5A-51C1-6240-8D85-525CB404387E}"/>
          </ac:spMkLst>
        </pc:spChg>
        <pc:spChg chg="add mod">
          <ac:chgData name="Daly Donnacha HSLU I" userId="0f22e960-400a-43ff-baeb-4828c8f5cd3a" providerId="ADAL" clId="{0107A2AC-E230-6340-9D00-A45E25ACF2AC}" dt="2021-03-19T08:50:21.387" v="9038" actId="1038"/>
          <ac:spMkLst>
            <pc:docMk/>
            <pc:sldMk cId="569357116" sldId="383"/>
            <ac:spMk id="48" creationId="{82E745CE-F241-4143-9543-482653C6D915}"/>
          </ac:spMkLst>
        </pc:spChg>
        <pc:spChg chg="add mod">
          <ac:chgData name="Daly Donnacha HSLU I" userId="0f22e960-400a-43ff-baeb-4828c8f5cd3a" providerId="ADAL" clId="{0107A2AC-E230-6340-9D00-A45E25ACF2AC}" dt="2021-03-19T08:50:21.387" v="9038" actId="1038"/>
          <ac:spMkLst>
            <pc:docMk/>
            <pc:sldMk cId="569357116" sldId="383"/>
            <ac:spMk id="49" creationId="{23DA17DD-D935-5742-9FEF-7AC78021BACD}"/>
          </ac:spMkLst>
        </pc:spChg>
        <pc:spChg chg="add mod">
          <ac:chgData name="Daly Donnacha HSLU I" userId="0f22e960-400a-43ff-baeb-4828c8f5cd3a" providerId="ADAL" clId="{0107A2AC-E230-6340-9D00-A45E25ACF2AC}" dt="2021-03-19T08:50:21.387" v="9038" actId="1038"/>
          <ac:spMkLst>
            <pc:docMk/>
            <pc:sldMk cId="569357116" sldId="383"/>
            <ac:spMk id="50" creationId="{13E6D410-C0DE-B046-99A5-B9E029C0F5C2}"/>
          </ac:spMkLst>
        </pc:spChg>
        <pc:spChg chg="add del mod">
          <ac:chgData name="Daly Donnacha HSLU I" userId="0f22e960-400a-43ff-baeb-4828c8f5cd3a" providerId="ADAL" clId="{0107A2AC-E230-6340-9D00-A45E25ACF2AC}" dt="2021-03-19T08:57:26.430" v="9286" actId="478"/>
          <ac:spMkLst>
            <pc:docMk/>
            <pc:sldMk cId="569357116" sldId="383"/>
            <ac:spMk id="52" creationId="{BB84E6DB-94D5-9445-A223-1D8FB51F66E3}"/>
          </ac:spMkLst>
        </pc:spChg>
        <pc:spChg chg="add del mod">
          <ac:chgData name="Daly Donnacha HSLU I" userId="0f22e960-400a-43ff-baeb-4828c8f5cd3a" providerId="ADAL" clId="{0107A2AC-E230-6340-9D00-A45E25ACF2AC}" dt="2021-03-19T08:57:26.430" v="9286" actId="478"/>
          <ac:spMkLst>
            <pc:docMk/>
            <pc:sldMk cId="569357116" sldId="383"/>
            <ac:spMk id="53" creationId="{C9497537-655F-B446-97B7-E245AA8096F6}"/>
          </ac:spMkLst>
        </pc:spChg>
        <pc:spChg chg="add mod">
          <ac:chgData name="Daly Donnacha HSLU I" userId="0f22e960-400a-43ff-baeb-4828c8f5cd3a" providerId="ADAL" clId="{0107A2AC-E230-6340-9D00-A45E25ACF2AC}" dt="2021-03-19T08:50:21.387" v="9038" actId="1038"/>
          <ac:spMkLst>
            <pc:docMk/>
            <pc:sldMk cId="569357116" sldId="383"/>
            <ac:spMk id="54" creationId="{C076668D-D865-5F47-A0FE-28F4275BF0E7}"/>
          </ac:spMkLst>
        </pc:spChg>
        <pc:spChg chg="add mod">
          <ac:chgData name="Daly Donnacha HSLU I" userId="0f22e960-400a-43ff-baeb-4828c8f5cd3a" providerId="ADAL" clId="{0107A2AC-E230-6340-9D00-A45E25ACF2AC}" dt="2021-03-19T08:50:21.387" v="9038" actId="1038"/>
          <ac:spMkLst>
            <pc:docMk/>
            <pc:sldMk cId="569357116" sldId="383"/>
            <ac:spMk id="55" creationId="{CED44936-261F-4849-B9D1-CF17E604874C}"/>
          </ac:spMkLst>
        </pc:spChg>
        <pc:spChg chg="add mod">
          <ac:chgData name="Daly Donnacha HSLU I" userId="0f22e960-400a-43ff-baeb-4828c8f5cd3a" providerId="ADAL" clId="{0107A2AC-E230-6340-9D00-A45E25ACF2AC}" dt="2021-03-19T08:50:21.387" v="9038" actId="1038"/>
          <ac:spMkLst>
            <pc:docMk/>
            <pc:sldMk cId="569357116" sldId="383"/>
            <ac:spMk id="56" creationId="{3252D600-A65C-E24B-A3E9-AC5431B24D7B}"/>
          </ac:spMkLst>
        </pc:spChg>
        <pc:spChg chg="add mod">
          <ac:chgData name="Daly Donnacha HSLU I" userId="0f22e960-400a-43ff-baeb-4828c8f5cd3a" providerId="ADAL" clId="{0107A2AC-E230-6340-9D00-A45E25ACF2AC}" dt="2021-03-19T08:50:21.387" v="9038" actId="1038"/>
          <ac:spMkLst>
            <pc:docMk/>
            <pc:sldMk cId="569357116" sldId="383"/>
            <ac:spMk id="57" creationId="{FF0D3B8E-7464-5546-ABAE-0E5987A21DF1}"/>
          </ac:spMkLst>
        </pc:spChg>
        <pc:spChg chg="add mod">
          <ac:chgData name="Daly Donnacha HSLU I" userId="0f22e960-400a-43ff-baeb-4828c8f5cd3a" providerId="ADAL" clId="{0107A2AC-E230-6340-9D00-A45E25ACF2AC}" dt="2021-03-19T08:50:21.387" v="9038" actId="1038"/>
          <ac:spMkLst>
            <pc:docMk/>
            <pc:sldMk cId="569357116" sldId="383"/>
            <ac:spMk id="58" creationId="{E3B9CAC5-59E2-CF47-B255-C42549F78181}"/>
          </ac:spMkLst>
        </pc:spChg>
        <pc:spChg chg="add del mod">
          <ac:chgData name="Daly Donnacha HSLU I" userId="0f22e960-400a-43ff-baeb-4828c8f5cd3a" providerId="ADAL" clId="{0107A2AC-E230-6340-9D00-A45E25ACF2AC}" dt="2021-03-19T08:54:21.270" v="9217" actId="478"/>
          <ac:spMkLst>
            <pc:docMk/>
            <pc:sldMk cId="569357116" sldId="383"/>
            <ac:spMk id="60" creationId="{BEE57507-A9ED-B143-B544-16F3F57C323F}"/>
          </ac:spMkLst>
        </pc:spChg>
        <pc:spChg chg="add mod">
          <ac:chgData name="Daly Donnacha HSLU I" userId="0f22e960-400a-43ff-baeb-4828c8f5cd3a" providerId="ADAL" clId="{0107A2AC-E230-6340-9D00-A45E25ACF2AC}" dt="2021-03-19T09:05:20.196" v="9461" actId="207"/>
          <ac:spMkLst>
            <pc:docMk/>
            <pc:sldMk cId="569357116" sldId="383"/>
            <ac:spMk id="61" creationId="{357C6F9F-F3AF-0F4F-AFDE-CA1851560600}"/>
          </ac:spMkLst>
        </pc:spChg>
        <pc:spChg chg="add mod">
          <ac:chgData name="Daly Donnacha HSLU I" userId="0f22e960-400a-43ff-baeb-4828c8f5cd3a" providerId="ADAL" clId="{0107A2AC-E230-6340-9D00-A45E25ACF2AC}" dt="2021-03-19T08:57:27.209" v="9287"/>
          <ac:spMkLst>
            <pc:docMk/>
            <pc:sldMk cId="569357116" sldId="383"/>
            <ac:spMk id="62" creationId="{6988507F-BF96-8441-9711-2C604218A029}"/>
          </ac:spMkLst>
        </pc:spChg>
        <pc:spChg chg="add mod">
          <ac:chgData name="Daly Donnacha HSLU I" userId="0f22e960-400a-43ff-baeb-4828c8f5cd3a" providerId="ADAL" clId="{0107A2AC-E230-6340-9D00-A45E25ACF2AC}" dt="2021-03-19T08:57:27.209" v="9287"/>
          <ac:spMkLst>
            <pc:docMk/>
            <pc:sldMk cId="569357116" sldId="383"/>
            <ac:spMk id="63" creationId="{F9D654B0-14D1-FC43-96AC-26557DEA2338}"/>
          </ac:spMkLst>
        </pc:spChg>
        <pc:spChg chg="add mod">
          <ac:chgData name="Daly Donnacha HSLU I" userId="0f22e960-400a-43ff-baeb-4828c8f5cd3a" providerId="ADAL" clId="{0107A2AC-E230-6340-9D00-A45E25ACF2AC}" dt="2021-03-19T08:57:27.209" v="9287"/>
          <ac:spMkLst>
            <pc:docMk/>
            <pc:sldMk cId="569357116" sldId="383"/>
            <ac:spMk id="64" creationId="{54A9AFAE-ACDB-8745-AFF5-1A43DCB8C555}"/>
          </ac:spMkLst>
        </pc:spChg>
        <pc:spChg chg="add mod">
          <ac:chgData name="Daly Donnacha HSLU I" userId="0f22e960-400a-43ff-baeb-4828c8f5cd3a" providerId="ADAL" clId="{0107A2AC-E230-6340-9D00-A45E25ACF2AC}" dt="2021-03-19T08:57:27.209" v="9287"/>
          <ac:spMkLst>
            <pc:docMk/>
            <pc:sldMk cId="569357116" sldId="383"/>
            <ac:spMk id="65" creationId="{4A182383-9B80-724B-91E2-41C27AFE9482}"/>
          </ac:spMkLst>
        </pc:spChg>
        <pc:spChg chg="add mod">
          <ac:chgData name="Daly Donnacha HSLU I" userId="0f22e960-400a-43ff-baeb-4828c8f5cd3a" providerId="ADAL" clId="{0107A2AC-E230-6340-9D00-A45E25ACF2AC}" dt="2021-03-19T16:46:54.909" v="16849"/>
          <ac:spMkLst>
            <pc:docMk/>
            <pc:sldMk cId="569357116" sldId="383"/>
            <ac:spMk id="66" creationId="{11394D64-016F-B447-9575-D009643E57F1}"/>
          </ac:spMkLst>
        </pc:spChg>
        <pc:spChg chg="add del mod">
          <ac:chgData name="Daly Donnacha HSLU I" userId="0f22e960-400a-43ff-baeb-4828c8f5cd3a" providerId="ADAL" clId="{0107A2AC-E230-6340-9D00-A45E25ACF2AC}" dt="2021-03-19T09:06:56.861" v="9523" actId="478"/>
          <ac:spMkLst>
            <pc:docMk/>
            <pc:sldMk cId="569357116" sldId="383"/>
            <ac:spMk id="67" creationId="{F9895CDA-B098-0347-A454-A473EDD8A556}"/>
          </ac:spMkLst>
        </pc:spChg>
        <pc:spChg chg="add mod">
          <ac:chgData name="Daly Donnacha HSLU I" userId="0f22e960-400a-43ff-baeb-4828c8f5cd3a" providerId="ADAL" clId="{0107A2AC-E230-6340-9D00-A45E25ACF2AC}" dt="2021-03-19T09:17:50.674" v="9930" actId="207"/>
          <ac:spMkLst>
            <pc:docMk/>
            <pc:sldMk cId="569357116" sldId="383"/>
            <ac:spMk id="68" creationId="{5BCB9695-C2E0-4243-9017-3C31236378B0}"/>
          </ac:spMkLst>
        </pc:spChg>
        <pc:spChg chg="add mod">
          <ac:chgData name="Daly Donnacha HSLU I" userId="0f22e960-400a-43ff-baeb-4828c8f5cd3a" providerId="ADAL" clId="{0107A2AC-E230-6340-9D00-A45E25ACF2AC}" dt="2021-03-19T09:15:42.839" v="9818" actId="1037"/>
          <ac:spMkLst>
            <pc:docMk/>
            <pc:sldMk cId="569357116" sldId="383"/>
            <ac:spMk id="69" creationId="{F16E8603-CD39-6940-A2B4-00DE90B7FACC}"/>
          </ac:spMkLst>
        </pc:spChg>
        <pc:spChg chg="add mod">
          <ac:chgData name="Daly Donnacha HSLU I" userId="0f22e960-400a-43ff-baeb-4828c8f5cd3a" providerId="ADAL" clId="{0107A2AC-E230-6340-9D00-A45E25ACF2AC}" dt="2021-03-19T09:14:21.998" v="9790" actId="20577"/>
          <ac:spMkLst>
            <pc:docMk/>
            <pc:sldMk cId="569357116" sldId="383"/>
            <ac:spMk id="70" creationId="{C19C4CC6-2B20-BD4E-84F5-29104C7FCCCA}"/>
          </ac:spMkLst>
        </pc:spChg>
        <pc:spChg chg="add del mod">
          <ac:chgData name="Daly Donnacha HSLU I" userId="0f22e960-400a-43ff-baeb-4828c8f5cd3a" providerId="ADAL" clId="{0107A2AC-E230-6340-9D00-A45E25ACF2AC}" dt="2021-03-19T09:15:05.458" v="9792"/>
          <ac:spMkLst>
            <pc:docMk/>
            <pc:sldMk cId="569357116" sldId="383"/>
            <ac:spMk id="71" creationId="{37423F1E-9823-BD4D-8BAC-8FAFF20BD5FA}"/>
          </ac:spMkLst>
        </pc:spChg>
        <pc:cxnChg chg="add mod">
          <ac:chgData name="Daly Donnacha HSLU I" userId="0f22e960-400a-43ff-baeb-4828c8f5cd3a" providerId="ADAL" clId="{0107A2AC-E230-6340-9D00-A45E25ACF2AC}" dt="2021-03-19T08:27:11.487" v="8659"/>
          <ac:cxnSpMkLst>
            <pc:docMk/>
            <pc:sldMk cId="569357116" sldId="383"/>
            <ac:cxnSpMk id="3" creationId="{8414F0AF-4F87-874E-84EE-F9DB7C67C2EE}"/>
          </ac:cxnSpMkLst>
        </pc:cxnChg>
        <pc:cxnChg chg="add mod">
          <ac:chgData name="Daly Donnacha HSLU I" userId="0f22e960-400a-43ff-baeb-4828c8f5cd3a" providerId="ADAL" clId="{0107A2AC-E230-6340-9D00-A45E25ACF2AC}" dt="2021-03-19T08:27:11.487" v="8659"/>
          <ac:cxnSpMkLst>
            <pc:docMk/>
            <pc:sldMk cId="569357116" sldId="383"/>
            <ac:cxnSpMk id="4" creationId="{F2BCE01E-1A27-8D4A-B689-6D51B763D0D3}"/>
          </ac:cxnSpMkLst>
        </pc:cxnChg>
        <pc:cxnChg chg="add mod">
          <ac:chgData name="Daly Donnacha HSLU I" userId="0f22e960-400a-43ff-baeb-4828c8f5cd3a" providerId="ADAL" clId="{0107A2AC-E230-6340-9D00-A45E25ACF2AC}" dt="2021-03-19T08:27:11.487" v="8659"/>
          <ac:cxnSpMkLst>
            <pc:docMk/>
            <pc:sldMk cId="569357116" sldId="383"/>
            <ac:cxnSpMk id="5" creationId="{B1D252C4-C351-F74F-AC57-9FD0FEC70D6E}"/>
          </ac:cxnSpMkLst>
        </pc:cxnChg>
        <pc:cxnChg chg="add mod">
          <ac:chgData name="Daly Donnacha HSLU I" userId="0f22e960-400a-43ff-baeb-4828c8f5cd3a" providerId="ADAL" clId="{0107A2AC-E230-6340-9D00-A45E25ACF2AC}" dt="2021-03-19T08:27:11.487" v="8659"/>
          <ac:cxnSpMkLst>
            <pc:docMk/>
            <pc:sldMk cId="569357116" sldId="383"/>
            <ac:cxnSpMk id="6" creationId="{3B91A483-3F17-044D-AE66-2DC5D27944AB}"/>
          </ac:cxnSpMkLst>
        </pc:cxnChg>
        <pc:cxnChg chg="add mod">
          <ac:chgData name="Daly Donnacha HSLU I" userId="0f22e960-400a-43ff-baeb-4828c8f5cd3a" providerId="ADAL" clId="{0107A2AC-E230-6340-9D00-A45E25ACF2AC}" dt="2021-03-19T08:27:11.487" v="8659"/>
          <ac:cxnSpMkLst>
            <pc:docMk/>
            <pc:sldMk cId="569357116" sldId="383"/>
            <ac:cxnSpMk id="7" creationId="{3D1979E4-8D13-0749-9B0A-7CFA42275FFA}"/>
          </ac:cxnSpMkLst>
        </pc:cxnChg>
        <pc:cxnChg chg="add mod">
          <ac:chgData name="Daly Donnacha HSLU I" userId="0f22e960-400a-43ff-baeb-4828c8f5cd3a" providerId="ADAL" clId="{0107A2AC-E230-6340-9D00-A45E25ACF2AC}" dt="2021-03-19T08:27:11.487" v="8659"/>
          <ac:cxnSpMkLst>
            <pc:docMk/>
            <pc:sldMk cId="569357116" sldId="383"/>
            <ac:cxnSpMk id="8" creationId="{F33A0886-7FFE-9047-9248-732AE09CFF0A}"/>
          </ac:cxnSpMkLst>
        </pc:cxnChg>
        <pc:cxnChg chg="add mod">
          <ac:chgData name="Daly Donnacha HSLU I" userId="0f22e960-400a-43ff-baeb-4828c8f5cd3a" providerId="ADAL" clId="{0107A2AC-E230-6340-9D00-A45E25ACF2AC}" dt="2021-03-19T08:27:11.487" v="8659"/>
          <ac:cxnSpMkLst>
            <pc:docMk/>
            <pc:sldMk cId="569357116" sldId="383"/>
            <ac:cxnSpMk id="9" creationId="{03CC568F-A49C-704E-AB61-78D1C2B63757}"/>
          </ac:cxnSpMkLst>
        </pc:cxnChg>
        <pc:cxnChg chg="add mod">
          <ac:chgData name="Daly Donnacha HSLU I" userId="0f22e960-400a-43ff-baeb-4828c8f5cd3a" providerId="ADAL" clId="{0107A2AC-E230-6340-9D00-A45E25ACF2AC}" dt="2021-03-19T08:27:11.487" v="8659"/>
          <ac:cxnSpMkLst>
            <pc:docMk/>
            <pc:sldMk cId="569357116" sldId="383"/>
            <ac:cxnSpMk id="10" creationId="{1D3EC0CC-EE26-5A4C-BD14-BC5004E9273C}"/>
          </ac:cxnSpMkLst>
        </pc:cxnChg>
        <pc:cxnChg chg="add mod">
          <ac:chgData name="Daly Donnacha HSLU I" userId="0f22e960-400a-43ff-baeb-4828c8f5cd3a" providerId="ADAL" clId="{0107A2AC-E230-6340-9D00-A45E25ACF2AC}" dt="2021-03-19T08:27:11.487" v="8659"/>
          <ac:cxnSpMkLst>
            <pc:docMk/>
            <pc:sldMk cId="569357116" sldId="383"/>
            <ac:cxnSpMk id="21" creationId="{B854EDB8-C5BB-E449-9462-4F92BF42BBA8}"/>
          </ac:cxnSpMkLst>
        </pc:cxnChg>
        <pc:cxnChg chg="add mod">
          <ac:chgData name="Daly Donnacha HSLU I" userId="0f22e960-400a-43ff-baeb-4828c8f5cd3a" providerId="ADAL" clId="{0107A2AC-E230-6340-9D00-A45E25ACF2AC}" dt="2021-03-19T08:50:21.387" v="9038" actId="1038"/>
          <ac:cxnSpMkLst>
            <pc:docMk/>
            <pc:sldMk cId="569357116" sldId="383"/>
            <ac:cxnSpMk id="29" creationId="{735FA641-6371-3246-9420-2115E2873B7E}"/>
          </ac:cxnSpMkLst>
        </pc:cxnChg>
        <pc:cxnChg chg="add mod">
          <ac:chgData name="Daly Donnacha HSLU I" userId="0f22e960-400a-43ff-baeb-4828c8f5cd3a" providerId="ADAL" clId="{0107A2AC-E230-6340-9D00-A45E25ACF2AC}" dt="2021-03-19T08:50:21.387" v="9038" actId="1038"/>
          <ac:cxnSpMkLst>
            <pc:docMk/>
            <pc:sldMk cId="569357116" sldId="383"/>
            <ac:cxnSpMk id="30" creationId="{084BD537-C81A-7446-B1C4-E42C57C2B6DD}"/>
          </ac:cxnSpMkLst>
        </pc:cxnChg>
        <pc:cxnChg chg="add mod">
          <ac:chgData name="Daly Donnacha HSLU I" userId="0f22e960-400a-43ff-baeb-4828c8f5cd3a" providerId="ADAL" clId="{0107A2AC-E230-6340-9D00-A45E25ACF2AC}" dt="2021-03-19T08:50:21.387" v="9038" actId="1038"/>
          <ac:cxnSpMkLst>
            <pc:docMk/>
            <pc:sldMk cId="569357116" sldId="383"/>
            <ac:cxnSpMk id="31" creationId="{F459B38D-C28A-A34E-9306-F378325C672B}"/>
          </ac:cxnSpMkLst>
        </pc:cxnChg>
        <pc:cxnChg chg="add mod">
          <ac:chgData name="Daly Donnacha HSLU I" userId="0f22e960-400a-43ff-baeb-4828c8f5cd3a" providerId="ADAL" clId="{0107A2AC-E230-6340-9D00-A45E25ACF2AC}" dt="2021-03-19T08:50:21.387" v="9038" actId="1038"/>
          <ac:cxnSpMkLst>
            <pc:docMk/>
            <pc:sldMk cId="569357116" sldId="383"/>
            <ac:cxnSpMk id="32" creationId="{B6D9CB1E-D6CF-7D43-9E69-03CC91F2717E}"/>
          </ac:cxnSpMkLst>
        </pc:cxnChg>
        <pc:cxnChg chg="add mod">
          <ac:chgData name="Daly Donnacha HSLU I" userId="0f22e960-400a-43ff-baeb-4828c8f5cd3a" providerId="ADAL" clId="{0107A2AC-E230-6340-9D00-A45E25ACF2AC}" dt="2021-03-19T08:50:21.387" v="9038" actId="1038"/>
          <ac:cxnSpMkLst>
            <pc:docMk/>
            <pc:sldMk cId="569357116" sldId="383"/>
            <ac:cxnSpMk id="33" creationId="{C500C97C-5FF2-A94B-A22E-27CE75E90071}"/>
          </ac:cxnSpMkLst>
        </pc:cxnChg>
        <pc:cxnChg chg="add mod">
          <ac:chgData name="Daly Donnacha HSLU I" userId="0f22e960-400a-43ff-baeb-4828c8f5cd3a" providerId="ADAL" clId="{0107A2AC-E230-6340-9D00-A45E25ACF2AC}" dt="2021-03-19T08:50:21.387" v="9038" actId="1038"/>
          <ac:cxnSpMkLst>
            <pc:docMk/>
            <pc:sldMk cId="569357116" sldId="383"/>
            <ac:cxnSpMk id="34" creationId="{28FEAA76-4680-CD48-95E8-5896D415C215}"/>
          </ac:cxnSpMkLst>
        </pc:cxnChg>
        <pc:cxnChg chg="add mod">
          <ac:chgData name="Daly Donnacha HSLU I" userId="0f22e960-400a-43ff-baeb-4828c8f5cd3a" providerId="ADAL" clId="{0107A2AC-E230-6340-9D00-A45E25ACF2AC}" dt="2021-03-19T08:50:21.387" v="9038" actId="1038"/>
          <ac:cxnSpMkLst>
            <pc:docMk/>
            <pc:sldMk cId="569357116" sldId="383"/>
            <ac:cxnSpMk id="35" creationId="{38E4CACF-8694-7C43-BA6B-8544846B7296}"/>
          </ac:cxnSpMkLst>
        </pc:cxnChg>
        <pc:cxnChg chg="add mod">
          <ac:chgData name="Daly Donnacha HSLU I" userId="0f22e960-400a-43ff-baeb-4828c8f5cd3a" providerId="ADAL" clId="{0107A2AC-E230-6340-9D00-A45E25ACF2AC}" dt="2021-03-19T08:50:21.387" v="9038" actId="1038"/>
          <ac:cxnSpMkLst>
            <pc:docMk/>
            <pc:sldMk cId="569357116" sldId="383"/>
            <ac:cxnSpMk id="36" creationId="{7C7EBFC6-3BE6-2F4B-9391-5B0AE0B3001A}"/>
          </ac:cxnSpMkLst>
        </pc:cxnChg>
        <pc:cxnChg chg="add mod">
          <ac:chgData name="Daly Donnacha HSLU I" userId="0f22e960-400a-43ff-baeb-4828c8f5cd3a" providerId="ADAL" clId="{0107A2AC-E230-6340-9D00-A45E25ACF2AC}" dt="2021-03-19T08:50:21.387" v="9038" actId="1038"/>
          <ac:cxnSpMkLst>
            <pc:docMk/>
            <pc:sldMk cId="569357116" sldId="383"/>
            <ac:cxnSpMk id="37" creationId="{8E5D3C40-1938-074A-B569-16D7309FEB69}"/>
          </ac:cxnSpMkLst>
        </pc:cxnChg>
        <pc:cxnChg chg="add mod">
          <ac:chgData name="Daly Donnacha HSLU I" userId="0f22e960-400a-43ff-baeb-4828c8f5cd3a" providerId="ADAL" clId="{0107A2AC-E230-6340-9D00-A45E25ACF2AC}" dt="2021-03-19T08:50:21.387" v="9038" actId="1038"/>
          <ac:cxnSpMkLst>
            <pc:docMk/>
            <pc:sldMk cId="569357116" sldId="383"/>
            <ac:cxnSpMk id="38" creationId="{5CB2015C-9818-5449-87C9-927865209DF7}"/>
          </ac:cxnSpMkLst>
        </pc:cxnChg>
        <pc:cxnChg chg="add mod">
          <ac:chgData name="Daly Donnacha HSLU I" userId="0f22e960-400a-43ff-baeb-4828c8f5cd3a" providerId="ADAL" clId="{0107A2AC-E230-6340-9D00-A45E25ACF2AC}" dt="2021-03-19T08:50:21.387" v="9038" actId="1038"/>
          <ac:cxnSpMkLst>
            <pc:docMk/>
            <pc:sldMk cId="569357116" sldId="383"/>
            <ac:cxnSpMk id="39" creationId="{E6F0DDB8-A1F2-C24D-AD45-DE388252D2FF}"/>
          </ac:cxnSpMkLst>
        </pc:cxnChg>
        <pc:cxnChg chg="add mod">
          <ac:chgData name="Daly Donnacha HSLU I" userId="0f22e960-400a-43ff-baeb-4828c8f5cd3a" providerId="ADAL" clId="{0107A2AC-E230-6340-9D00-A45E25ACF2AC}" dt="2021-03-19T08:50:21.387" v="9038" actId="1038"/>
          <ac:cxnSpMkLst>
            <pc:docMk/>
            <pc:sldMk cId="569357116" sldId="383"/>
            <ac:cxnSpMk id="41" creationId="{B27F31B7-6B4C-7A42-9C3D-16AD575DA6AE}"/>
          </ac:cxnSpMkLst>
        </pc:cxnChg>
        <pc:cxnChg chg="add mod">
          <ac:chgData name="Daly Donnacha HSLU I" userId="0f22e960-400a-43ff-baeb-4828c8f5cd3a" providerId="ADAL" clId="{0107A2AC-E230-6340-9D00-A45E25ACF2AC}" dt="2021-03-19T08:50:21.387" v="9038" actId="1038"/>
          <ac:cxnSpMkLst>
            <pc:docMk/>
            <pc:sldMk cId="569357116" sldId="383"/>
            <ac:cxnSpMk id="51" creationId="{176D714B-8AF5-5A49-8A95-687664C912C7}"/>
          </ac:cxnSpMkLst>
        </pc:cxnChg>
        <pc:cxnChg chg="add mod">
          <ac:chgData name="Daly Donnacha HSLU I" userId="0f22e960-400a-43ff-baeb-4828c8f5cd3a" providerId="ADAL" clId="{0107A2AC-E230-6340-9D00-A45E25ACF2AC}" dt="2021-03-19T08:27:11.487" v="8659"/>
          <ac:cxnSpMkLst>
            <pc:docMk/>
            <pc:sldMk cId="569357116" sldId="383"/>
            <ac:cxnSpMk id="59" creationId="{272E19D5-31EC-8F42-AD65-C8C1D55645CD}"/>
          </ac:cxnSpMkLst>
        </pc:cxnChg>
      </pc:sldChg>
      <pc:sldChg chg="del">
        <pc:chgData name="Daly Donnacha HSLU I" userId="0f22e960-400a-43ff-baeb-4828c8f5cd3a" providerId="ADAL" clId="{0107A2AC-E230-6340-9D00-A45E25ACF2AC}" dt="2021-03-18T16:58:58.269" v="221" actId="2696"/>
        <pc:sldMkLst>
          <pc:docMk/>
          <pc:sldMk cId="1403381249" sldId="383"/>
        </pc:sldMkLst>
      </pc:sldChg>
      <pc:sldChg chg="addSp modSp new add del mod ord">
        <pc:chgData name="Daly Donnacha HSLU I" userId="0f22e960-400a-43ff-baeb-4828c8f5cd3a" providerId="ADAL" clId="{0107A2AC-E230-6340-9D00-A45E25ACF2AC}" dt="2021-03-19T11:24:26.853" v="12049" actId="20577"/>
        <pc:sldMkLst>
          <pc:docMk/>
          <pc:sldMk cId="1442942350" sldId="384"/>
        </pc:sldMkLst>
        <pc:spChg chg="mod">
          <ac:chgData name="Daly Donnacha HSLU I" userId="0f22e960-400a-43ff-baeb-4828c8f5cd3a" providerId="ADAL" clId="{0107A2AC-E230-6340-9D00-A45E25ACF2AC}" dt="2021-03-19T09:37:23.999" v="10323" actId="20577"/>
          <ac:spMkLst>
            <pc:docMk/>
            <pc:sldMk cId="1442942350" sldId="384"/>
            <ac:spMk id="2" creationId="{C5137F2E-210F-984C-AC0F-34B4A24B530D}"/>
          </ac:spMkLst>
        </pc:spChg>
        <pc:spChg chg="add mod">
          <ac:chgData name="Daly Donnacha HSLU I" userId="0f22e960-400a-43ff-baeb-4828c8f5cd3a" providerId="ADAL" clId="{0107A2AC-E230-6340-9D00-A45E25ACF2AC}" dt="2021-03-19T11:24:03.159" v="12011" actId="207"/>
          <ac:spMkLst>
            <pc:docMk/>
            <pc:sldMk cId="1442942350" sldId="384"/>
            <ac:spMk id="3" creationId="{89986520-EB06-BD4D-A506-604531B39FC6}"/>
          </ac:spMkLst>
        </pc:spChg>
        <pc:spChg chg="add mod">
          <ac:chgData name="Daly Donnacha HSLU I" userId="0f22e960-400a-43ff-baeb-4828c8f5cd3a" providerId="ADAL" clId="{0107A2AC-E230-6340-9D00-A45E25ACF2AC}" dt="2021-03-19T11:24:26.853" v="12049" actId="20577"/>
          <ac:spMkLst>
            <pc:docMk/>
            <pc:sldMk cId="1442942350" sldId="384"/>
            <ac:spMk id="4" creationId="{6E6B3231-73CC-AF42-B998-22211BA3B494}"/>
          </ac:spMkLst>
        </pc:spChg>
        <pc:spChg chg="add mod">
          <ac:chgData name="Daly Donnacha HSLU I" userId="0f22e960-400a-43ff-baeb-4828c8f5cd3a" providerId="ADAL" clId="{0107A2AC-E230-6340-9D00-A45E25ACF2AC}" dt="2021-03-19T09:47:16.243" v="10623" actId="255"/>
          <ac:spMkLst>
            <pc:docMk/>
            <pc:sldMk cId="1442942350" sldId="384"/>
            <ac:spMk id="5" creationId="{CC7AA228-8B6A-3D4E-9147-E96DD882932D}"/>
          </ac:spMkLst>
        </pc:spChg>
        <pc:picChg chg="add mod">
          <ac:chgData name="Daly Donnacha HSLU I" userId="0f22e960-400a-43ff-baeb-4828c8f5cd3a" providerId="ADAL" clId="{0107A2AC-E230-6340-9D00-A45E25ACF2AC}" dt="2021-03-19T09:46:29.772" v="10615" actId="1076"/>
          <ac:picMkLst>
            <pc:docMk/>
            <pc:sldMk cId="1442942350" sldId="384"/>
            <ac:picMk id="1026" creationId="{8A98EDCE-397C-9A4D-BECE-F98A1F78A240}"/>
          </ac:picMkLst>
        </pc:picChg>
      </pc:sldChg>
      <pc:sldChg chg="del">
        <pc:chgData name="Daly Donnacha HSLU I" userId="0f22e960-400a-43ff-baeb-4828c8f5cd3a" providerId="ADAL" clId="{0107A2AC-E230-6340-9D00-A45E25ACF2AC}" dt="2021-03-18T16:58:58.269" v="221" actId="2696"/>
        <pc:sldMkLst>
          <pc:docMk/>
          <pc:sldMk cId="1842517520" sldId="384"/>
        </pc:sldMkLst>
      </pc:sldChg>
      <pc:sldChg chg="del">
        <pc:chgData name="Daly Donnacha HSLU I" userId="0f22e960-400a-43ff-baeb-4828c8f5cd3a" providerId="ADAL" clId="{0107A2AC-E230-6340-9D00-A45E25ACF2AC}" dt="2021-03-18T16:58:58.269" v="221" actId="2696"/>
        <pc:sldMkLst>
          <pc:docMk/>
          <pc:sldMk cId="1115001263" sldId="385"/>
        </pc:sldMkLst>
      </pc:sldChg>
      <pc:sldChg chg="addSp delSp modSp new mod">
        <pc:chgData name="Daly Donnacha HSLU I" userId="0f22e960-400a-43ff-baeb-4828c8f5cd3a" providerId="ADAL" clId="{0107A2AC-E230-6340-9D00-A45E25ACF2AC}" dt="2021-03-19T11:23:15.689" v="12008" actId="6549"/>
        <pc:sldMkLst>
          <pc:docMk/>
          <pc:sldMk cId="1556002604" sldId="385"/>
        </pc:sldMkLst>
        <pc:spChg chg="mod">
          <ac:chgData name="Daly Donnacha HSLU I" userId="0f22e960-400a-43ff-baeb-4828c8f5cd3a" providerId="ADAL" clId="{0107A2AC-E230-6340-9D00-A45E25ACF2AC}" dt="2021-03-19T10:33:09.096" v="11707" actId="57"/>
          <ac:spMkLst>
            <pc:docMk/>
            <pc:sldMk cId="1556002604" sldId="385"/>
            <ac:spMk id="2" creationId="{2F64C728-D499-684E-BA8C-8A285243A6C6}"/>
          </ac:spMkLst>
        </pc:spChg>
        <pc:spChg chg="add mod">
          <ac:chgData name="Daly Donnacha HSLU I" userId="0f22e960-400a-43ff-baeb-4828c8f5cd3a" providerId="ADAL" clId="{0107A2AC-E230-6340-9D00-A45E25ACF2AC}" dt="2021-03-19T10:31:12.605" v="11678" actId="113"/>
          <ac:spMkLst>
            <pc:docMk/>
            <pc:sldMk cId="1556002604" sldId="385"/>
            <ac:spMk id="3" creationId="{B407C875-9F24-7D4C-9854-D45DBBF59D7F}"/>
          </ac:spMkLst>
        </pc:spChg>
        <pc:spChg chg="add del mod">
          <ac:chgData name="Daly Donnacha HSLU I" userId="0f22e960-400a-43ff-baeb-4828c8f5cd3a" providerId="ADAL" clId="{0107A2AC-E230-6340-9D00-A45E25ACF2AC}" dt="2021-03-19T09:56:31.531" v="10729"/>
          <ac:spMkLst>
            <pc:docMk/>
            <pc:sldMk cId="1556002604" sldId="385"/>
            <ac:spMk id="4" creationId="{D6E1C108-2759-4742-BD4E-BADF0D9FD7AE}"/>
          </ac:spMkLst>
        </pc:spChg>
        <pc:spChg chg="add del mod">
          <ac:chgData name="Daly Donnacha HSLU I" userId="0f22e960-400a-43ff-baeb-4828c8f5cd3a" providerId="ADAL" clId="{0107A2AC-E230-6340-9D00-A45E25ACF2AC}" dt="2021-03-19T10:18:26.937" v="11297" actId="478"/>
          <ac:spMkLst>
            <pc:docMk/>
            <pc:sldMk cId="1556002604" sldId="385"/>
            <ac:spMk id="5" creationId="{04E7CF7E-02BE-BF4C-9E85-BEA483213F50}"/>
          </ac:spMkLst>
        </pc:spChg>
        <pc:spChg chg="add del">
          <ac:chgData name="Daly Donnacha HSLU I" userId="0f22e960-400a-43ff-baeb-4828c8f5cd3a" providerId="ADAL" clId="{0107A2AC-E230-6340-9D00-A45E25ACF2AC}" dt="2021-03-19T10:19:56.368" v="11301"/>
          <ac:spMkLst>
            <pc:docMk/>
            <pc:sldMk cId="1556002604" sldId="385"/>
            <ac:spMk id="6" creationId="{5D8E0255-FD84-3641-AB9C-681BA7880FA0}"/>
          </ac:spMkLst>
        </pc:spChg>
        <pc:spChg chg="add mod">
          <ac:chgData name="Daly Donnacha HSLU I" userId="0f22e960-400a-43ff-baeb-4828c8f5cd3a" providerId="ADAL" clId="{0107A2AC-E230-6340-9D00-A45E25ACF2AC}" dt="2021-03-19T11:23:15.689" v="12008" actId="6549"/>
          <ac:spMkLst>
            <pc:docMk/>
            <pc:sldMk cId="1556002604" sldId="385"/>
            <ac:spMk id="8" creationId="{0D6F454B-0A88-6C4C-A089-E021652FD42B}"/>
          </ac:spMkLst>
        </pc:spChg>
        <pc:spChg chg="add del mod">
          <ac:chgData name="Daly Donnacha HSLU I" userId="0f22e960-400a-43ff-baeb-4828c8f5cd3a" providerId="ADAL" clId="{0107A2AC-E230-6340-9D00-A45E25ACF2AC}" dt="2021-03-19T10:32:14.784" v="11680" actId="478"/>
          <ac:spMkLst>
            <pc:docMk/>
            <pc:sldMk cId="1556002604" sldId="385"/>
            <ac:spMk id="9" creationId="{D112C922-8EAF-144E-A4C9-CE977AC9BFB2}"/>
          </ac:spMkLst>
        </pc:spChg>
        <pc:spChg chg="add mod">
          <ac:chgData name="Daly Donnacha HSLU I" userId="0f22e960-400a-43ff-baeb-4828c8f5cd3a" providerId="ADAL" clId="{0107A2AC-E230-6340-9D00-A45E25ACF2AC}" dt="2021-03-19T10:45:31.251" v="12006" actId="1035"/>
          <ac:spMkLst>
            <pc:docMk/>
            <pc:sldMk cId="1556002604" sldId="385"/>
            <ac:spMk id="10" creationId="{198BD8E3-703D-C14F-A176-3392D90109D3}"/>
          </ac:spMkLst>
        </pc:spChg>
        <pc:picChg chg="add mod">
          <ac:chgData name="Daly Donnacha HSLU I" userId="0f22e960-400a-43ff-baeb-4828c8f5cd3a" providerId="ADAL" clId="{0107A2AC-E230-6340-9D00-A45E25ACF2AC}" dt="2021-03-19T10:30:59.380" v="11677" actId="1035"/>
          <ac:picMkLst>
            <pc:docMk/>
            <pc:sldMk cId="1556002604" sldId="385"/>
            <ac:picMk id="7" creationId="{2E6054FF-F085-1D42-A18E-C397F8E259E8}"/>
          </ac:picMkLst>
        </pc:picChg>
      </pc:sldChg>
      <pc:sldChg chg="del">
        <pc:chgData name="Daly Donnacha HSLU I" userId="0f22e960-400a-43ff-baeb-4828c8f5cd3a" providerId="ADAL" clId="{0107A2AC-E230-6340-9D00-A45E25ACF2AC}" dt="2021-03-18T16:58:58.269" v="221" actId="2696"/>
        <pc:sldMkLst>
          <pc:docMk/>
          <pc:sldMk cId="301574650" sldId="386"/>
        </pc:sldMkLst>
      </pc:sldChg>
      <pc:sldChg chg="addSp delSp modSp new mod">
        <pc:chgData name="Daly Donnacha HSLU I" userId="0f22e960-400a-43ff-baeb-4828c8f5cd3a" providerId="ADAL" clId="{0107A2AC-E230-6340-9D00-A45E25ACF2AC}" dt="2021-03-19T17:13:03.825" v="16867" actId="1037"/>
        <pc:sldMkLst>
          <pc:docMk/>
          <pc:sldMk cId="938862593" sldId="386"/>
        </pc:sldMkLst>
        <pc:spChg chg="mod">
          <ac:chgData name="Daly Donnacha HSLU I" userId="0f22e960-400a-43ff-baeb-4828c8f5cd3a" providerId="ADAL" clId="{0107A2AC-E230-6340-9D00-A45E25ACF2AC}" dt="2021-03-19T12:01:45.368" v="12942" actId="20577"/>
          <ac:spMkLst>
            <pc:docMk/>
            <pc:sldMk cId="938862593" sldId="386"/>
            <ac:spMk id="2" creationId="{D9479108-70DB-5047-8A2A-7BC1C345D56F}"/>
          </ac:spMkLst>
        </pc:spChg>
        <pc:spChg chg="add mod">
          <ac:chgData name="Daly Donnacha HSLU I" userId="0f22e960-400a-43ff-baeb-4828c8f5cd3a" providerId="ADAL" clId="{0107A2AC-E230-6340-9D00-A45E25ACF2AC}" dt="2021-03-19T12:12:09.981" v="13095" actId="1076"/>
          <ac:spMkLst>
            <pc:docMk/>
            <pc:sldMk cId="938862593" sldId="386"/>
            <ac:spMk id="3" creationId="{674A1985-1501-AC46-9AFD-D4F99A352E35}"/>
          </ac:spMkLst>
        </pc:spChg>
        <pc:spChg chg="add del mod">
          <ac:chgData name="Daly Donnacha HSLU I" userId="0f22e960-400a-43ff-baeb-4828c8f5cd3a" providerId="ADAL" clId="{0107A2AC-E230-6340-9D00-A45E25ACF2AC}" dt="2021-03-19T11:37:58.082" v="12688"/>
          <ac:spMkLst>
            <pc:docMk/>
            <pc:sldMk cId="938862593" sldId="386"/>
            <ac:spMk id="3" creationId="{DAF27594-68AF-BA45-8B2A-29FA6BB084D5}"/>
          </ac:spMkLst>
        </pc:spChg>
        <pc:spChg chg="add del mod">
          <ac:chgData name="Daly Donnacha HSLU I" userId="0f22e960-400a-43ff-baeb-4828c8f5cd3a" providerId="ADAL" clId="{0107A2AC-E230-6340-9D00-A45E25ACF2AC}" dt="2021-03-19T11:39:29.845" v="12705" actId="478"/>
          <ac:spMkLst>
            <pc:docMk/>
            <pc:sldMk cId="938862593" sldId="386"/>
            <ac:spMk id="4" creationId="{AE006C3F-F4BF-164F-A658-C99EBEFC14A5}"/>
          </ac:spMkLst>
        </pc:spChg>
        <pc:spChg chg="add mod">
          <ac:chgData name="Daly Donnacha HSLU I" userId="0f22e960-400a-43ff-baeb-4828c8f5cd3a" providerId="ADAL" clId="{0107A2AC-E230-6340-9D00-A45E25ACF2AC}" dt="2021-03-19T12:03:01.273" v="12956" actId="207"/>
          <ac:spMkLst>
            <pc:docMk/>
            <pc:sldMk cId="938862593" sldId="386"/>
            <ac:spMk id="5" creationId="{2012A07E-203B-784E-82C9-94306D97056F}"/>
          </ac:spMkLst>
        </pc:spChg>
        <pc:spChg chg="add del mod">
          <ac:chgData name="Daly Donnacha HSLU I" userId="0f22e960-400a-43ff-baeb-4828c8f5cd3a" providerId="ADAL" clId="{0107A2AC-E230-6340-9D00-A45E25ACF2AC}" dt="2021-03-19T12:02:47.336" v="12952" actId="478"/>
          <ac:spMkLst>
            <pc:docMk/>
            <pc:sldMk cId="938862593" sldId="386"/>
            <ac:spMk id="6" creationId="{B1A87D8B-DA37-A046-A0E6-7CCC2A260ADE}"/>
          </ac:spMkLst>
        </pc:spChg>
        <pc:spChg chg="add mod">
          <ac:chgData name="Daly Donnacha HSLU I" userId="0f22e960-400a-43ff-baeb-4828c8f5cd3a" providerId="ADAL" clId="{0107A2AC-E230-6340-9D00-A45E25ACF2AC}" dt="2021-03-19T12:10:32.630" v="13079" actId="255"/>
          <ac:spMkLst>
            <pc:docMk/>
            <pc:sldMk cId="938862593" sldId="386"/>
            <ac:spMk id="7" creationId="{17C999EC-7B12-B648-9E21-18FF2BC1F7DB}"/>
          </ac:spMkLst>
        </pc:spChg>
        <pc:spChg chg="add del mod">
          <ac:chgData name="Daly Donnacha HSLU I" userId="0f22e960-400a-43ff-baeb-4828c8f5cd3a" providerId="ADAL" clId="{0107A2AC-E230-6340-9D00-A45E25ACF2AC}" dt="2021-03-19T11:40:59.244" v="12717" actId="478"/>
          <ac:spMkLst>
            <pc:docMk/>
            <pc:sldMk cId="938862593" sldId="386"/>
            <ac:spMk id="8" creationId="{96B7D12A-F4A8-FC44-B3D0-9DFFFC89FB93}"/>
          </ac:spMkLst>
        </pc:spChg>
        <pc:spChg chg="add mod">
          <ac:chgData name="Daly Donnacha HSLU I" userId="0f22e960-400a-43ff-baeb-4828c8f5cd3a" providerId="ADAL" clId="{0107A2AC-E230-6340-9D00-A45E25ACF2AC}" dt="2021-03-19T12:10:32.630" v="13079" actId="255"/>
          <ac:spMkLst>
            <pc:docMk/>
            <pc:sldMk cId="938862593" sldId="386"/>
            <ac:spMk id="9" creationId="{C0C93488-9248-BA4B-A4A8-93700F67576B}"/>
          </ac:spMkLst>
        </pc:spChg>
        <pc:spChg chg="add mod">
          <ac:chgData name="Daly Donnacha HSLU I" userId="0f22e960-400a-43ff-baeb-4828c8f5cd3a" providerId="ADAL" clId="{0107A2AC-E230-6340-9D00-A45E25ACF2AC}" dt="2021-03-19T17:13:03.825" v="16867" actId="1037"/>
          <ac:spMkLst>
            <pc:docMk/>
            <pc:sldMk cId="938862593" sldId="386"/>
            <ac:spMk id="10" creationId="{136F5710-C6C3-CF46-AAAC-B8CC7FFD8E9A}"/>
          </ac:spMkLst>
        </pc:spChg>
        <pc:spChg chg="add mod topLvl">
          <ac:chgData name="Daly Donnacha HSLU I" userId="0f22e960-400a-43ff-baeb-4828c8f5cd3a" providerId="ADAL" clId="{0107A2AC-E230-6340-9D00-A45E25ACF2AC}" dt="2021-03-19T12:11:01.968" v="13083" actId="20578"/>
          <ac:spMkLst>
            <pc:docMk/>
            <pc:sldMk cId="938862593" sldId="386"/>
            <ac:spMk id="11" creationId="{C9C81869-7444-B945-8E43-BBB278740985}"/>
          </ac:spMkLst>
        </pc:spChg>
        <pc:spChg chg="add del mod topLvl">
          <ac:chgData name="Daly Donnacha HSLU I" userId="0f22e960-400a-43ff-baeb-4828c8f5cd3a" providerId="ADAL" clId="{0107A2AC-E230-6340-9D00-A45E25ACF2AC}" dt="2021-03-19T11:43:45.157" v="12734" actId="478"/>
          <ac:spMkLst>
            <pc:docMk/>
            <pc:sldMk cId="938862593" sldId="386"/>
            <ac:spMk id="12" creationId="{843FB62D-776D-8B44-9DD3-1C3B69D517F4}"/>
          </ac:spMkLst>
        </pc:spChg>
        <pc:spChg chg="add mod">
          <ac:chgData name="Daly Donnacha HSLU I" userId="0f22e960-400a-43ff-baeb-4828c8f5cd3a" providerId="ADAL" clId="{0107A2AC-E230-6340-9D00-A45E25ACF2AC}" dt="2021-03-19T12:10:32.630" v="13079" actId="255"/>
          <ac:spMkLst>
            <pc:docMk/>
            <pc:sldMk cId="938862593" sldId="386"/>
            <ac:spMk id="14" creationId="{5C5A3CE7-E71F-734E-BB3E-4A7F8C3F87C5}"/>
          </ac:spMkLst>
        </pc:spChg>
        <pc:spChg chg="add mod">
          <ac:chgData name="Daly Donnacha HSLU I" userId="0f22e960-400a-43ff-baeb-4828c8f5cd3a" providerId="ADAL" clId="{0107A2AC-E230-6340-9D00-A45E25ACF2AC}" dt="2021-03-19T12:10:32.630" v="13079" actId="255"/>
          <ac:spMkLst>
            <pc:docMk/>
            <pc:sldMk cId="938862593" sldId="386"/>
            <ac:spMk id="15" creationId="{65C6E87D-A58C-8347-871E-31B5EF36C5A0}"/>
          </ac:spMkLst>
        </pc:spChg>
        <pc:spChg chg="add mod">
          <ac:chgData name="Daly Donnacha HSLU I" userId="0f22e960-400a-43ff-baeb-4828c8f5cd3a" providerId="ADAL" clId="{0107A2AC-E230-6340-9D00-A45E25ACF2AC}" dt="2021-03-19T11:46:34.030" v="12774" actId="571"/>
          <ac:spMkLst>
            <pc:docMk/>
            <pc:sldMk cId="938862593" sldId="386"/>
            <ac:spMk id="16" creationId="{941AE3A8-9D90-EA45-94AB-06C52A3C1D59}"/>
          </ac:spMkLst>
        </pc:spChg>
        <pc:spChg chg="add mod">
          <ac:chgData name="Daly Donnacha HSLU I" userId="0f22e960-400a-43ff-baeb-4828c8f5cd3a" providerId="ADAL" clId="{0107A2AC-E230-6340-9D00-A45E25ACF2AC}" dt="2021-03-19T12:13:08.577" v="13103" actId="14100"/>
          <ac:spMkLst>
            <pc:docMk/>
            <pc:sldMk cId="938862593" sldId="386"/>
            <ac:spMk id="16" creationId="{E162ED56-CB62-9C4B-B1FC-9ABAFEFA92DC}"/>
          </ac:spMkLst>
        </pc:spChg>
        <pc:spChg chg="add del mod">
          <ac:chgData name="Daly Donnacha HSLU I" userId="0f22e960-400a-43ff-baeb-4828c8f5cd3a" providerId="ADAL" clId="{0107A2AC-E230-6340-9D00-A45E25ACF2AC}" dt="2021-03-19T12:03:43.680" v="12961" actId="478"/>
          <ac:spMkLst>
            <pc:docMk/>
            <pc:sldMk cId="938862593" sldId="386"/>
            <ac:spMk id="17" creationId="{1CFC749A-6B91-B040-B604-942F26453EDC}"/>
          </ac:spMkLst>
        </pc:spChg>
        <pc:spChg chg="add mod">
          <ac:chgData name="Daly Donnacha HSLU I" userId="0f22e960-400a-43ff-baeb-4828c8f5cd3a" providerId="ADAL" clId="{0107A2AC-E230-6340-9D00-A45E25ACF2AC}" dt="2021-03-19T12:18:02.187" v="13212" actId="790"/>
          <ac:spMkLst>
            <pc:docMk/>
            <pc:sldMk cId="938862593" sldId="386"/>
            <ac:spMk id="17" creationId="{41BB7736-DBCA-9B4F-B4C4-CDA066CA04C6}"/>
          </ac:spMkLst>
        </pc:spChg>
        <pc:spChg chg="add mod">
          <ac:chgData name="Daly Donnacha HSLU I" userId="0f22e960-400a-43ff-baeb-4828c8f5cd3a" providerId="ADAL" clId="{0107A2AC-E230-6340-9D00-A45E25ACF2AC}" dt="2021-03-19T12:18:02.187" v="13212" actId="790"/>
          <ac:spMkLst>
            <pc:docMk/>
            <pc:sldMk cId="938862593" sldId="386"/>
            <ac:spMk id="18" creationId="{10871128-3918-464D-A5D6-FA1DFBF2095E}"/>
          </ac:spMkLst>
        </pc:spChg>
        <pc:spChg chg="add del mod">
          <ac:chgData name="Daly Donnacha HSLU I" userId="0f22e960-400a-43ff-baeb-4828c8f5cd3a" providerId="ADAL" clId="{0107A2AC-E230-6340-9D00-A45E25ACF2AC}" dt="2021-03-19T12:03:41.024" v="12960" actId="478"/>
          <ac:spMkLst>
            <pc:docMk/>
            <pc:sldMk cId="938862593" sldId="386"/>
            <ac:spMk id="18" creationId="{9A931777-3251-D640-96DA-A5CD5BACD5DA}"/>
          </ac:spMkLst>
        </pc:spChg>
        <pc:spChg chg="add mod">
          <ac:chgData name="Daly Donnacha HSLU I" userId="0f22e960-400a-43ff-baeb-4828c8f5cd3a" providerId="ADAL" clId="{0107A2AC-E230-6340-9D00-A45E25ACF2AC}" dt="2021-03-19T12:18:02.187" v="13212" actId="790"/>
          <ac:spMkLst>
            <pc:docMk/>
            <pc:sldMk cId="938862593" sldId="386"/>
            <ac:spMk id="19" creationId="{1E3B9EC2-2BFD-DF4E-83C0-CAA27FEE3532}"/>
          </ac:spMkLst>
        </pc:spChg>
        <pc:spChg chg="add del mod">
          <ac:chgData name="Daly Donnacha HSLU I" userId="0f22e960-400a-43ff-baeb-4828c8f5cd3a" providerId="ADAL" clId="{0107A2AC-E230-6340-9D00-A45E25ACF2AC}" dt="2021-03-19T11:56:10.154" v="12864" actId="478"/>
          <ac:spMkLst>
            <pc:docMk/>
            <pc:sldMk cId="938862593" sldId="386"/>
            <ac:spMk id="19" creationId="{33C2691A-E04A-9847-A58C-653A12561905}"/>
          </ac:spMkLst>
        </pc:spChg>
        <pc:spChg chg="add mod">
          <ac:chgData name="Daly Donnacha HSLU I" userId="0f22e960-400a-43ff-baeb-4828c8f5cd3a" providerId="ADAL" clId="{0107A2AC-E230-6340-9D00-A45E25ACF2AC}" dt="2021-03-19T12:03:20.617" v="12959" actId="207"/>
          <ac:spMkLst>
            <pc:docMk/>
            <pc:sldMk cId="938862593" sldId="386"/>
            <ac:spMk id="20" creationId="{0784C5D8-A3CF-EA45-983C-2873F84A132D}"/>
          </ac:spMkLst>
        </pc:spChg>
        <pc:spChg chg="add mod">
          <ac:chgData name="Daly Donnacha HSLU I" userId="0f22e960-400a-43ff-baeb-4828c8f5cd3a" providerId="ADAL" clId="{0107A2AC-E230-6340-9D00-A45E25ACF2AC}" dt="2021-03-19T12:18:02.187" v="13212" actId="790"/>
          <ac:spMkLst>
            <pc:docMk/>
            <pc:sldMk cId="938862593" sldId="386"/>
            <ac:spMk id="21" creationId="{DDCEDF5D-D14C-D941-BB82-0E8594A1E018}"/>
          </ac:spMkLst>
        </pc:spChg>
        <pc:spChg chg="add del mod">
          <ac:chgData name="Daly Donnacha HSLU I" userId="0f22e960-400a-43ff-baeb-4828c8f5cd3a" providerId="ADAL" clId="{0107A2AC-E230-6340-9D00-A45E25ACF2AC}" dt="2021-03-19T12:25:40.321" v="13411" actId="478"/>
          <ac:spMkLst>
            <pc:docMk/>
            <pc:sldMk cId="938862593" sldId="386"/>
            <ac:spMk id="22" creationId="{D035EDD2-9A45-6747-AAEA-DB3D59115DAA}"/>
          </ac:spMkLst>
        </pc:spChg>
        <pc:spChg chg="add del mod">
          <ac:chgData name="Daly Donnacha HSLU I" userId="0f22e960-400a-43ff-baeb-4828c8f5cd3a" providerId="ADAL" clId="{0107A2AC-E230-6340-9D00-A45E25ACF2AC}" dt="2021-03-19T12:10:51.823" v="13081" actId="478"/>
          <ac:spMkLst>
            <pc:docMk/>
            <pc:sldMk cId="938862593" sldId="386"/>
            <ac:spMk id="23" creationId="{7298E267-ADA7-4C4E-A8FA-E1F4561DCD40}"/>
          </ac:spMkLst>
        </pc:spChg>
        <pc:spChg chg="add mod">
          <ac:chgData name="Daly Donnacha HSLU I" userId="0f22e960-400a-43ff-baeb-4828c8f5cd3a" providerId="ADAL" clId="{0107A2AC-E230-6340-9D00-A45E25ACF2AC}" dt="2021-03-19T12:19:51.289" v="13335" actId="1582"/>
          <ac:spMkLst>
            <pc:docMk/>
            <pc:sldMk cId="938862593" sldId="386"/>
            <ac:spMk id="24" creationId="{658E2254-6937-6242-ACC9-BE957A59375A}"/>
          </ac:spMkLst>
        </pc:spChg>
        <pc:spChg chg="add mod">
          <ac:chgData name="Daly Donnacha HSLU I" userId="0f22e960-400a-43ff-baeb-4828c8f5cd3a" providerId="ADAL" clId="{0107A2AC-E230-6340-9D00-A45E25ACF2AC}" dt="2021-03-19T12:19:51.289" v="13335" actId="1582"/>
          <ac:spMkLst>
            <pc:docMk/>
            <pc:sldMk cId="938862593" sldId="386"/>
            <ac:spMk id="25" creationId="{6B4931E3-C8A3-3342-8763-D47C61516C05}"/>
          </ac:spMkLst>
        </pc:spChg>
        <pc:spChg chg="add mod">
          <ac:chgData name="Daly Donnacha HSLU I" userId="0f22e960-400a-43ff-baeb-4828c8f5cd3a" providerId="ADAL" clId="{0107A2AC-E230-6340-9D00-A45E25ACF2AC}" dt="2021-03-19T12:19:51.289" v="13335" actId="1582"/>
          <ac:spMkLst>
            <pc:docMk/>
            <pc:sldMk cId="938862593" sldId="386"/>
            <ac:spMk id="26" creationId="{3B644AF2-64ED-B243-A10E-39A4E4658FA5}"/>
          </ac:spMkLst>
        </pc:spChg>
        <pc:spChg chg="add mod">
          <ac:chgData name="Daly Donnacha HSLU I" userId="0f22e960-400a-43ff-baeb-4828c8f5cd3a" providerId="ADAL" clId="{0107A2AC-E230-6340-9D00-A45E25ACF2AC}" dt="2021-03-19T12:19:51.289" v="13335" actId="1582"/>
          <ac:spMkLst>
            <pc:docMk/>
            <pc:sldMk cId="938862593" sldId="386"/>
            <ac:spMk id="27" creationId="{671DF49E-C37B-B04E-B0BC-A564E0BD3EE9}"/>
          </ac:spMkLst>
        </pc:spChg>
        <pc:spChg chg="add mod">
          <ac:chgData name="Daly Donnacha HSLU I" userId="0f22e960-400a-43ff-baeb-4828c8f5cd3a" providerId="ADAL" clId="{0107A2AC-E230-6340-9D00-A45E25ACF2AC}" dt="2021-03-19T12:25:43.796" v="13413" actId="167"/>
          <ac:spMkLst>
            <pc:docMk/>
            <pc:sldMk cId="938862593" sldId="386"/>
            <ac:spMk id="33" creationId="{689FF218-6CFE-F846-8794-DD40C8C1FBD9}"/>
          </ac:spMkLst>
        </pc:spChg>
        <pc:spChg chg="add mod">
          <ac:chgData name="Daly Donnacha HSLU I" userId="0f22e960-400a-43ff-baeb-4828c8f5cd3a" providerId="ADAL" clId="{0107A2AC-E230-6340-9D00-A45E25ACF2AC}" dt="2021-03-19T12:37:37.575" v="13540" actId="1076"/>
          <ac:spMkLst>
            <pc:docMk/>
            <pc:sldMk cId="938862593" sldId="386"/>
            <ac:spMk id="34" creationId="{86956364-AE32-AE49-AFA9-4C8C98783B42}"/>
          </ac:spMkLst>
        </pc:spChg>
        <pc:grpChg chg="add del mod">
          <ac:chgData name="Daly Donnacha HSLU I" userId="0f22e960-400a-43ff-baeb-4828c8f5cd3a" providerId="ADAL" clId="{0107A2AC-E230-6340-9D00-A45E25ACF2AC}" dt="2021-03-19T11:43:42.606" v="12733" actId="165"/>
          <ac:grpSpMkLst>
            <pc:docMk/>
            <pc:sldMk cId="938862593" sldId="386"/>
            <ac:grpSpMk id="13" creationId="{76E1E313-D4EF-6147-9E47-755AF717832B}"/>
          </ac:grpSpMkLst>
        </pc:grpChg>
        <pc:cxnChg chg="add mod">
          <ac:chgData name="Daly Donnacha HSLU I" userId="0f22e960-400a-43ff-baeb-4828c8f5cd3a" providerId="ADAL" clId="{0107A2AC-E230-6340-9D00-A45E25ACF2AC}" dt="2021-03-19T12:20:01.478" v="13337" actId="208"/>
          <ac:cxnSpMkLst>
            <pc:docMk/>
            <pc:sldMk cId="938862593" sldId="386"/>
            <ac:cxnSpMk id="6" creationId="{C7299C67-158B-BC4E-B463-35AC6270C96B}"/>
          </ac:cxnSpMkLst>
        </pc:cxnChg>
        <pc:cxnChg chg="add mod">
          <ac:chgData name="Daly Donnacha HSLU I" userId="0f22e960-400a-43ff-baeb-4828c8f5cd3a" providerId="ADAL" clId="{0107A2AC-E230-6340-9D00-A45E25ACF2AC}" dt="2021-03-19T12:20:11.754" v="13340" actId="14100"/>
          <ac:cxnSpMkLst>
            <pc:docMk/>
            <pc:sldMk cId="938862593" sldId="386"/>
            <ac:cxnSpMk id="28" creationId="{4E5A1E93-0043-2B45-A64E-71EAFCAA9D97}"/>
          </ac:cxnSpMkLst>
        </pc:cxnChg>
        <pc:cxnChg chg="add mod">
          <ac:chgData name="Daly Donnacha HSLU I" userId="0f22e960-400a-43ff-baeb-4828c8f5cd3a" providerId="ADAL" clId="{0107A2AC-E230-6340-9D00-A45E25ACF2AC}" dt="2021-03-19T12:20:30.130" v="13343" actId="14100"/>
          <ac:cxnSpMkLst>
            <pc:docMk/>
            <pc:sldMk cId="938862593" sldId="386"/>
            <ac:cxnSpMk id="29" creationId="{EB378037-82CE-1E40-BE9A-6AC2540CB76C}"/>
          </ac:cxnSpMkLst>
        </pc:cxnChg>
        <pc:cxnChg chg="add mod">
          <ac:chgData name="Daly Donnacha HSLU I" userId="0f22e960-400a-43ff-baeb-4828c8f5cd3a" providerId="ADAL" clId="{0107A2AC-E230-6340-9D00-A45E25ACF2AC}" dt="2021-03-19T12:20:38.256" v="13347" actId="14100"/>
          <ac:cxnSpMkLst>
            <pc:docMk/>
            <pc:sldMk cId="938862593" sldId="386"/>
            <ac:cxnSpMk id="30" creationId="{01147810-9712-3D4A-A005-EDA83D5BB569}"/>
          </ac:cxnSpMkLst>
        </pc:cxnChg>
      </pc:sldChg>
      <pc:sldChg chg="del">
        <pc:chgData name="Daly Donnacha HSLU I" userId="0f22e960-400a-43ff-baeb-4828c8f5cd3a" providerId="ADAL" clId="{0107A2AC-E230-6340-9D00-A45E25ACF2AC}" dt="2021-03-18T16:58:58.269" v="221" actId="2696"/>
        <pc:sldMkLst>
          <pc:docMk/>
          <pc:sldMk cId="486545065" sldId="387"/>
        </pc:sldMkLst>
      </pc:sldChg>
      <pc:sldChg chg="add del">
        <pc:chgData name="Daly Donnacha HSLU I" userId="0f22e960-400a-43ff-baeb-4828c8f5cd3a" providerId="ADAL" clId="{0107A2AC-E230-6340-9D00-A45E25ACF2AC}" dt="2021-03-19T12:33:12.378" v="13477" actId="2696"/>
        <pc:sldMkLst>
          <pc:docMk/>
          <pc:sldMk cId="2156567991" sldId="387"/>
        </pc:sldMkLst>
      </pc:sldChg>
      <pc:sldChg chg="addSp delSp modSp add mod">
        <pc:chgData name="Daly Donnacha HSLU I" userId="0f22e960-400a-43ff-baeb-4828c8f5cd3a" providerId="ADAL" clId="{0107A2AC-E230-6340-9D00-A45E25ACF2AC}" dt="2021-03-19T17:13:13.714" v="16869"/>
        <pc:sldMkLst>
          <pc:docMk/>
          <pc:sldMk cId="923547564" sldId="388"/>
        </pc:sldMkLst>
        <pc:spChg chg="mod">
          <ac:chgData name="Daly Donnacha HSLU I" userId="0f22e960-400a-43ff-baeb-4828c8f5cd3a" providerId="ADAL" clId="{0107A2AC-E230-6340-9D00-A45E25ACF2AC}" dt="2021-03-19T12:24:17.694" v="13395" actId="20577"/>
          <ac:spMkLst>
            <pc:docMk/>
            <pc:sldMk cId="923547564" sldId="388"/>
            <ac:spMk id="2" creationId="{D9479108-70DB-5047-8A2A-7BC1C345D56F}"/>
          </ac:spMkLst>
        </pc:spChg>
        <pc:spChg chg="mod">
          <ac:chgData name="Daly Donnacha HSLU I" userId="0f22e960-400a-43ff-baeb-4828c8f5cd3a" providerId="ADAL" clId="{0107A2AC-E230-6340-9D00-A45E25ACF2AC}" dt="2021-03-19T12:24:04.423" v="13394"/>
          <ac:spMkLst>
            <pc:docMk/>
            <pc:sldMk cId="923547564" sldId="388"/>
            <ac:spMk id="3" creationId="{674A1985-1501-AC46-9AFD-D4F99A352E35}"/>
          </ac:spMkLst>
        </pc:spChg>
        <pc:spChg chg="mod">
          <ac:chgData name="Daly Donnacha HSLU I" userId="0f22e960-400a-43ff-baeb-4828c8f5cd3a" providerId="ADAL" clId="{0107A2AC-E230-6340-9D00-A45E25ACF2AC}" dt="2021-03-19T12:21:51.636" v="13360" actId="207"/>
          <ac:spMkLst>
            <pc:docMk/>
            <pc:sldMk cId="923547564" sldId="388"/>
            <ac:spMk id="5" creationId="{2012A07E-203B-784E-82C9-94306D97056F}"/>
          </ac:spMkLst>
        </pc:spChg>
        <pc:spChg chg="del mod">
          <ac:chgData name="Daly Donnacha HSLU I" userId="0f22e960-400a-43ff-baeb-4828c8f5cd3a" providerId="ADAL" clId="{0107A2AC-E230-6340-9D00-A45E25ACF2AC}" dt="2021-03-19T17:13:13.256" v="16868" actId="478"/>
          <ac:spMkLst>
            <pc:docMk/>
            <pc:sldMk cId="923547564" sldId="388"/>
            <ac:spMk id="10" creationId="{136F5710-C6C3-CF46-AAAC-B8CC7FFD8E9A}"/>
          </ac:spMkLst>
        </pc:spChg>
        <pc:spChg chg="mod">
          <ac:chgData name="Daly Donnacha HSLU I" userId="0f22e960-400a-43ff-baeb-4828c8f5cd3a" providerId="ADAL" clId="{0107A2AC-E230-6340-9D00-A45E25ACF2AC}" dt="2021-03-19T12:23:12.403" v="13378" actId="207"/>
          <ac:spMkLst>
            <pc:docMk/>
            <pc:sldMk cId="923547564" sldId="388"/>
            <ac:spMk id="20" creationId="{0784C5D8-A3CF-EA45-983C-2873F84A132D}"/>
          </ac:spMkLst>
        </pc:spChg>
        <pc:spChg chg="del">
          <ac:chgData name="Daly Donnacha HSLU I" userId="0f22e960-400a-43ff-baeb-4828c8f5cd3a" providerId="ADAL" clId="{0107A2AC-E230-6340-9D00-A45E25ACF2AC}" dt="2021-03-19T12:25:31.772" v="13408" actId="478"/>
          <ac:spMkLst>
            <pc:docMk/>
            <pc:sldMk cId="923547564" sldId="388"/>
            <ac:spMk id="22" creationId="{D035EDD2-9A45-6747-AAEA-DB3D59115DAA}"/>
          </ac:spMkLst>
        </pc:spChg>
        <pc:spChg chg="mod">
          <ac:chgData name="Daly Donnacha HSLU I" userId="0f22e960-400a-43ff-baeb-4828c8f5cd3a" providerId="ADAL" clId="{0107A2AC-E230-6340-9D00-A45E25ACF2AC}" dt="2021-03-19T12:23:33.707" v="13389" actId="207"/>
          <ac:spMkLst>
            <pc:docMk/>
            <pc:sldMk cId="923547564" sldId="388"/>
            <ac:spMk id="25" creationId="{6B4931E3-C8A3-3342-8763-D47C61516C05}"/>
          </ac:spMkLst>
        </pc:spChg>
        <pc:spChg chg="add mod">
          <ac:chgData name="Daly Donnacha HSLU I" userId="0f22e960-400a-43ff-baeb-4828c8f5cd3a" providerId="ADAL" clId="{0107A2AC-E230-6340-9D00-A45E25ACF2AC}" dt="2021-03-19T12:25:36.248" v="13410" actId="167"/>
          <ac:spMkLst>
            <pc:docMk/>
            <pc:sldMk cId="923547564" sldId="388"/>
            <ac:spMk id="31" creationId="{F9FCCA59-8BD7-4D43-BF47-C05DC99DE935}"/>
          </ac:spMkLst>
        </pc:spChg>
        <pc:spChg chg="add mod">
          <ac:chgData name="Daly Donnacha HSLU I" userId="0f22e960-400a-43ff-baeb-4828c8f5cd3a" providerId="ADAL" clId="{0107A2AC-E230-6340-9D00-A45E25ACF2AC}" dt="2021-03-19T17:13:13.714" v="16869"/>
          <ac:spMkLst>
            <pc:docMk/>
            <pc:sldMk cId="923547564" sldId="388"/>
            <ac:spMk id="32" creationId="{23E7DCD1-8F19-9C4F-914B-77FD5F5E3043}"/>
          </ac:spMkLst>
        </pc:spChg>
        <pc:cxnChg chg="mod">
          <ac:chgData name="Daly Donnacha HSLU I" userId="0f22e960-400a-43ff-baeb-4828c8f5cd3a" providerId="ADAL" clId="{0107A2AC-E230-6340-9D00-A45E25ACF2AC}" dt="2021-03-19T12:23:40.955" v="13390" actId="14100"/>
          <ac:cxnSpMkLst>
            <pc:docMk/>
            <pc:sldMk cId="923547564" sldId="388"/>
            <ac:cxnSpMk id="28" creationId="{4E5A1E93-0043-2B45-A64E-71EAFCAA9D97}"/>
          </ac:cxnSpMkLst>
        </pc:cxnChg>
        <pc:cxnChg chg="mod">
          <ac:chgData name="Daly Donnacha HSLU I" userId="0f22e960-400a-43ff-baeb-4828c8f5cd3a" providerId="ADAL" clId="{0107A2AC-E230-6340-9D00-A45E25ACF2AC}" dt="2021-03-19T12:23:45.519" v="13391" actId="14100"/>
          <ac:cxnSpMkLst>
            <pc:docMk/>
            <pc:sldMk cId="923547564" sldId="388"/>
            <ac:cxnSpMk id="29" creationId="{EB378037-82CE-1E40-BE9A-6AC2540CB76C}"/>
          </ac:cxnSpMkLst>
        </pc:cxnChg>
        <pc:cxnChg chg="mod">
          <ac:chgData name="Daly Donnacha HSLU I" userId="0f22e960-400a-43ff-baeb-4828c8f5cd3a" providerId="ADAL" clId="{0107A2AC-E230-6340-9D00-A45E25ACF2AC}" dt="2021-03-19T12:23:49.309" v="13392" actId="14100"/>
          <ac:cxnSpMkLst>
            <pc:docMk/>
            <pc:sldMk cId="923547564" sldId="388"/>
            <ac:cxnSpMk id="30" creationId="{01147810-9712-3D4A-A005-EDA83D5BB569}"/>
          </ac:cxnSpMkLst>
        </pc:cxnChg>
      </pc:sldChg>
      <pc:sldChg chg="addSp delSp modSp add mod">
        <pc:chgData name="Daly Donnacha HSLU I" userId="0f22e960-400a-43ff-baeb-4828c8f5cd3a" providerId="ADAL" clId="{0107A2AC-E230-6340-9D00-A45E25ACF2AC}" dt="2021-03-19T17:13:18.989" v="16871"/>
        <pc:sldMkLst>
          <pc:docMk/>
          <pc:sldMk cId="3688228376" sldId="389"/>
        </pc:sldMkLst>
        <pc:spChg chg="mod">
          <ac:chgData name="Daly Donnacha HSLU I" userId="0f22e960-400a-43ff-baeb-4828c8f5cd3a" providerId="ADAL" clId="{0107A2AC-E230-6340-9D00-A45E25ACF2AC}" dt="2021-03-19T12:24:45.020" v="13397" actId="20577"/>
          <ac:spMkLst>
            <pc:docMk/>
            <pc:sldMk cId="3688228376" sldId="389"/>
            <ac:spMk id="2" creationId="{D9479108-70DB-5047-8A2A-7BC1C345D56F}"/>
          </ac:spMkLst>
        </pc:spChg>
        <pc:spChg chg="mod">
          <ac:chgData name="Daly Donnacha HSLU I" userId="0f22e960-400a-43ff-baeb-4828c8f5cd3a" providerId="ADAL" clId="{0107A2AC-E230-6340-9D00-A45E25ACF2AC}" dt="2021-03-19T12:32:57.676" v="13476" actId="20577"/>
          <ac:spMkLst>
            <pc:docMk/>
            <pc:sldMk cId="3688228376" sldId="389"/>
            <ac:spMk id="3" creationId="{674A1985-1501-AC46-9AFD-D4F99A352E35}"/>
          </ac:spMkLst>
        </pc:spChg>
        <pc:spChg chg="mod">
          <ac:chgData name="Daly Donnacha HSLU I" userId="0f22e960-400a-43ff-baeb-4828c8f5cd3a" providerId="ADAL" clId="{0107A2AC-E230-6340-9D00-A45E25ACF2AC}" dt="2021-03-19T12:25:15.676" v="13406" actId="20577"/>
          <ac:spMkLst>
            <pc:docMk/>
            <pc:sldMk cId="3688228376" sldId="389"/>
            <ac:spMk id="5" creationId="{2012A07E-203B-784E-82C9-94306D97056F}"/>
          </ac:spMkLst>
        </pc:spChg>
        <pc:spChg chg="del">
          <ac:chgData name="Daly Donnacha HSLU I" userId="0f22e960-400a-43ff-baeb-4828c8f5cd3a" providerId="ADAL" clId="{0107A2AC-E230-6340-9D00-A45E25ACF2AC}" dt="2021-03-19T17:13:18.599" v="16870" actId="478"/>
          <ac:spMkLst>
            <pc:docMk/>
            <pc:sldMk cId="3688228376" sldId="389"/>
            <ac:spMk id="10" creationId="{136F5710-C6C3-CF46-AAAC-B8CC7FFD8E9A}"/>
          </ac:spMkLst>
        </pc:spChg>
        <pc:spChg chg="mod">
          <ac:chgData name="Daly Donnacha HSLU I" userId="0f22e960-400a-43ff-baeb-4828c8f5cd3a" providerId="ADAL" clId="{0107A2AC-E230-6340-9D00-A45E25ACF2AC}" dt="2021-03-19T12:30:52.167" v="13460" actId="20577"/>
          <ac:spMkLst>
            <pc:docMk/>
            <pc:sldMk cId="3688228376" sldId="389"/>
            <ac:spMk id="20" creationId="{0784C5D8-A3CF-EA45-983C-2873F84A132D}"/>
          </ac:spMkLst>
        </pc:spChg>
        <pc:spChg chg="mod">
          <ac:chgData name="Daly Donnacha HSLU I" userId="0f22e960-400a-43ff-baeb-4828c8f5cd3a" providerId="ADAL" clId="{0107A2AC-E230-6340-9D00-A45E25ACF2AC}" dt="2021-03-19T12:25:27.463" v="13407" actId="14100"/>
          <ac:spMkLst>
            <pc:docMk/>
            <pc:sldMk cId="3688228376" sldId="389"/>
            <ac:spMk id="22" creationId="{D035EDD2-9A45-6747-AAEA-DB3D59115DAA}"/>
          </ac:spMkLst>
        </pc:spChg>
        <pc:spChg chg="mod">
          <ac:chgData name="Daly Donnacha HSLU I" userId="0f22e960-400a-43ff-baeb-4828c8f5cd3a" providerId="ADAL" clId="{0107A2AC-E230-6340-9D00-A45E25ACF2AC}" dt="2021-03-19T12:31:40.161" v="13465" actId="207"/>
          <ac:spMkLst>
            <pc:docMk/>
            <pc:sldMk cId="3688228376" sldId="389"/>
            <ac:spMk id="25" creationId="{6B4931E3-C8A3-3342-8763-D47C61516C05}"/>
          </ac:spMkLst>
        </pc:spChg>
        <pc:spChg chg="add mod">
          <ac:chgData name="Daly Donnacha HSLU I" userId="0f22e960-400a-43ff-baeb-4828c8f5cd3a" providerId="ADAL" clId="{0107A2AC-E230-6340-9D00-A45E25ACF2AC}" dt="2021-03-19T17:13:18.989" v="16871"/>
          <ac:spMkLst>
            <pc:docMk/>
            <pc:sldMk cId="3688228376" sldId="389"/>
            <ac:spMk id="31" creationId="{24AE6F29-F0E3-BC4C-8216-C39621EA22B4}"/>
          </ac:spMkLst>
        </pc:spChg>
        <pc:cxnChg chg="mod">
          <ac:chgData name="Daly Donnacha HSLU I" userId="0f22e960-400a-43ff-baeb-4828c8f5cd3a" providerId="ADAL" clId="{0107A2AC-E230-6340-9D00-A45E25ACF2AC}" dt="2021-03-19T12:31:08.812" v="13464" actId="14100"/>
          <ac:cxnSpMkLst>
            <pc:docMk/>
            <pc:sldMk cId="3688228376" sldId="389"/>
            <ac:cxnSpMk id="28" creationId="{4E5A1E93-0043-2B45-A64E-71EAFCAA9D97}"/>
          </ac:cxnSpMkLst>
        </pc:cxnChg>
        <pc:cxnChg chg="mod">
          <ac:chgData name="Daly Donnacha HSLU I" userId="0f22e960-400a-43ff-baeb-4828c8f5cd3a" providerId="ADAL" clId="{0107A2AC-E230-6340-9D00-A45E25ACF2AC}" dt="2021-03-19T12:31:03.782" v="13463" actId="14100"/>
          <ac:cxnSpMkLst>
            <pc:docMk/>
            <pc:sldMk cId="3688228376" sldId="389"/>
            <ac:cxnSpMk id="29" creationId="{EB378037-82CE-1E40-BE9A-6AC2540CB76C}"/>
          </ac:cxnSpMkLst>
        </pc:cxnChg>
        <pc:cxnChg chg="mod">
          <ac:chgData name="Daly Donnacha HSLU I" userId="0f22e960-400a-43ff-baeb-4828c8f5cd3a" providerId="ADAL" clId="{0107A2AC-E230-6340-9D00-A45E25ACF2AC}" dt="2021-03-19T12:31:01.300" v="13462" actId="14100"/>
          <ac:cxnSpMkLst>
            <pc:docMk/>
            <pc:sldMk cId="3688228376" sldId="389"/>
            <ac:cxnSpMk id="30" creationId="{01147810-9712-3D4A-A005-EDA83D5BB569}"/>
          </ac:cxnSpMkLst>
        </pc:cxnChg>
      </pc:sldChg>
      <pc:sldChg chg="addSp delSp modSp new mod">
        <pc:chgData name="Daly Donnacha HSLU I" userId="0f22e960-400a-43ff-baeb-4828c8f5cd3a" providerId="ADAL" clId="{0107A2AC-E230-6340-9D00-A45E25ACF2AC}" dt="2021-03-19T13:14:46.142" v="14545" actId="1036"/>
        <pc:sldMkLst>
          <pc:docMk/>
          <pc:sldMk cId="625800814" sldId="390"/>
        </pc:sldMkLst>
        <pc:spChg chg="mod">
          <ac:chgData name="Daly Donnacha HSLU I" userId="0f22e960-400a-43ff-baeb-4828c8f5cd3a" providerId="ADAL" clId="{0107A2AC-E230-6340-9D00-A45E25ACF2AC}" dt="2021-03-19T12:49:16.627" v="13559" actId="20577"/>
          <ac:spMkLst>
            <pc:docMk/>
            <pc:sldMk cId="625800814" sldId="390"/>
            <ac:spMk id="2" creationId="{3E3953DA-FB97-4B48-B648-6DCAE465B402}"/>
          </ac:spMkLst>
        </pc:spChg>
        <pc:spChg chg="add mod">
          <ac:chgData name="Daly Donnacha HSLU I" userId="0f22e960-400a-43ff-baeb-4828c8f5cd3a" providerId="ADAL" clId="{0107A2AC-E230-6340-9D00-A45E25ACF2AC}" dt="2021-03-19T13:14:46.142" v="14545" actId="1036"/>
          <ac:spMkLst>
            <pc:docMk/>
            <pc:sldMk cId="625800814" sldId="390"/>
            <ac:spMk id="3" creationId="{F0C294B7-9274-8C4B-B640-F36159B0011C}"/>
          </ac:spMkLst>
        </pc:spChg>
        <pc:spChg chg="add del mod">
          <ac:chgData name="Daly Donnacha HSLU I" userId="0f22e960-400a-43ff-baeb-4828c8f5cd3a" providerId="ADAL" clId="{0107A2AC-E230-6340-9D00-A45E25ACF2AC}" dt="2021-03-19T13:12:27.562" v="14479" actId="478"/>
          <ac:spMkLst>
            <pc:docMk/>
            <pc:sldMk cId="625800814" sldId="390"/>
            <ac:spMk id="7" creationId="{3ADC66CB-E784-934E-809E-BC1EF11FC426}"/>
          </ac:spMkLst>
        </pc:spChg>
        <pc:spChg chg="add del mod">
          <ac:chgData name="Daly Donnacha HSLU I" userId="0f22e960-400a-43ff-baeb-4828c8f5cd3a" providerId="ADAL" clId="{0107A2AC-E230-6340-9D00-A45E25ACF2AC}" dt="2021-03-19T13:12:27.562" v="14479" actId="478"/>
          <ac:spMkLst>
            <pc:docMk/>
            <pc:sldMk cId="625800814" sldId="390"/>
            <ac:spMk id="8" creationId="{3CD2EDE2-9C09-5A42-B4C7-6A8448AC34D5}"/>
          </ac:spMkLst>
        </pc:spChg>
        <pc:spChg chg="add del mod">
          <ac:chgData name="Daly Donnacha HSLU I" userId="0f22e960-400a-43ff-baeb-4828c8f5cd3a" providerId="ADAL" clId="{0107A2AC-E230-6340-9D00-A45E25ACF2AC}" dt="2021-03-19T13:12:27.562" v="14479" actId="478"/>
          <ac:spMkLst>
            <pc:docMk/>
            <pc:sldMk cId="625800814" sldId="390"/>
            <ac:spMk id="9" creationId="{9DA50E88-A068-F644-A185-314F0A192B1C}"/>
          </ac:spMkLst>
        </pc:spChg>
        <pc:spChg chg="add mod">
          <ac:chgData name="Daly Donnacha HSLU I" userId="0f22e960-400a-43ff-baeb-4828c8f5cd3a" providerId="ADAL" clId="{0107A2AC-E230-6340-9D00-A45E25ACF2AC}" dt="2021-03-19T13:12:33.560" v="14481"/>
          <ac:spMkLst>
            <pc:docMk/>
            <pc:sldMk cId="625800814" sldId="390"/>
            <ac:spMk id="13" creationId="{15BE7682-B928-9647-93D9-4B96993414F7}"/>
          </ac:spMkLst>
        </pc:spChg>
        <pc:spChg chg="add mod">
          <ac:chgData name="Daly Donnacha HSLU I" userId="0f22e960-400a-43ff-baeb-4828c8f5cd3a" providerId="ADAL" clId="{0107A2AC-E230-6340-9D00-A45E25ACF2AC}" dt="2021-03-19T13:12:33.560" v="14481"/>
          <ac:spMkLst>
            <pc:docMk/>
            <pc:sldMk cId="625800814" sldId="390"/>
            <ac:spMk id="14" creationId="{5FA99024-4037-D04F-B0EA-6DE2E0F22E69}"/>
          </ac:spMkLst>
        </pc:spChg>
        <pc:spChg chg="add mod">
          <ac:chgData name="Daly Donnacha HSLU I" userId="0f22e960-400a-43ff-baeb-4828c8f5cd3a" providerId="ADAL" clId="{0107A2AC-E230-6340-9D00-A45E25ACF2AC}" dt="2021-03-19T13:12:33.560" v="14481"/>
          <ac:spMkLst>
            <pc:docMk/>
            <pc:sldMk cId="625800814" sldId="390"/>
            <ac:spMk id="15" creationId="{1189CC09-D56B-B14A-8D5A-5F472D2892D6}"/>
          </ac:spMkLst>
        </pc:spChg>
        <pc:spChg chg="add mod">
          <ac:chgData name="Daly Donnacha HSLU I" userId="0f22e960-400a-43ff-baeb-4828c8f5cd3a" providerId="ADAL" clId="{0107A2AC-E230-6340-9D00-A45E25ACF2AC}" dt="2021-03-19T13:13:11.056" v="14524" actId="14100"/>
          <ac:spMkLst>
            <pc:docMk/>
            <pc:sldMk cId="625800814" sldId="390"/>
            <ac:spMk id="16" creationId="{CFFA5727-0BB4-2046-A9E7-98850E6FB56F}"/>
          </ac:spMkLst>
        </pc:spChg>
        <pc:picChg chg="add del mod">
          <ac:chgData name="Daly Donnacha HSLU I" userId="0f22e960-400a-43ff-baeb-4828c8f5cd3a" providerId="ADAL" clId="{0107A2AC-E230-6340-9D00-A45E25ACF2AC}" dt="2021-03-19T13:12:27.562" v="14479" actId="478"/>
          <ac:picMkLst>
            <pc:docMk/>
            <pc:sldMk cId="625800814" sldId="390"/>
            <ac:picMk id="4" creationId="{219964EC-0953-8F4C-9D8C-A3DDABB0A55D}"/>
          </ac:picMkLst>
        </pc:picChg>
        <pc:picChg chg="add del mod">
          <ac:chgData name="Daly Donnacha HSLU I" userId="0f22e960-400a-43ff-baeb-4828c8f5cd3a" providerId="ADAL" clId="{0107A2AC-E230-6340-9D00-A45E25ACF2AC}" dt="2021-03-19T13:12:27.562" v="14479" actId="478"/>
          <ac:picMkLst>
            <pc:docMk/>
            <pc:sldMk cId="625800814" sldId="390"/>
            <ac:picMk id="5" creationId="{63EF20CE-E539-3541-9E0A-2E7F00BBEEEF}"/>
          </ac:picMkLst>
        </pc:picChg>
        <pc:picChg chg="add del mod">
          <ac:chgData name="Daly Donnacha HSLU I" userId="0f22e960-400a-43ff-baeb-4828c8f5cd3a" providerId="ADAL" clId="{0107A2AC-E230-6340-9D00-A45E25ACF2AC}" dt="2021-03-19T13:12:27.562" v="14479" actId="478"/>
          <ac:picMkLst>
            <pc:docMk/>
            <pc:sldMk cId="625800814" sldId="390"/>
            <ac:picMk id="6" creationId="{FCFA9C98-7777-154B-AE23-AF4D653745C1}"/>
          </ac:picMkLst>
        </pc:picChg>
        <pc:picChg chg="add mod">
          <ac:chgData name="Daly Donnacha HSLU I" userId="0f22e960-400a-43ff-baeb-4828c8f5cd3a" providerId="ADAL" clId="{0107A2AC-E230-6340-9D00-A45E25ACF2AC}" dt="2021-03-19T13:12:33.560" v="14481"/>
          <ac:picMkLst>
            <pc:docMk/>
            <pc:sldMk cId="625800814" sldId="390"/>
            <ac:picMk id="10" creationId="{326A92D6-7FBC-7048-9D56-5AD1AF74F0B8}"/>
          </ac:picMkLst>
        </pc:picChg>
        <pc:picChg chg="add mod">
          <ac:chgData name="Daly Donnacha HSLU I" userId="0f22e960-400a-43ff-baeb-4828c8f5cd3a" providerId="ADAL" clId="{0107A2AC-E230-6340-9D00-A45E25ACF2AC}" dt="2021-03-19T13:12:33.560" v="14481"/>
          <ac:picMkLst>
            <pc:docMk/>
            <pc:sldMk cId="625800814" sldId="390"/>
            <ac:picMk id="11" creationId="{9E450F5D-514B-2943-A44D-11B1874D9B18}"/>
          </ac:picMkLst>
        </pc:picChg>
        <pc:picChg chg="add mod">
          <ac:chgData name="Daly Donnacha HSLU I" userId="0f22e960-400a-43ff-baeb-4828c8f5cd3a" providerId="ADAL" clId="{0107A2AC-E230-6340-9D00-A45E25ACF2AC}" dt="2021-03-19T13:12:33.560" v="14481"/>
          <ac:picMkLst>
            <pc:docMk/>
            <pc:sldMk cId="625800814" sldId="390"/>
            <ac:picMk id="12" creationId="{5733A34A-3671-8844-A6E5-9D498363581A}"/>
          </ac:picMkLst>
        </pc:picChg>
      </pc:sldChg>
      <pc:sldChg chg="del">
        <pc:chgData name="Daly Donnacha HSLU I" userId="0f22e960-400a-43ff-baeb-4828c8f5cd3a" providerId="ADAL" clId="{0107A2AC-E230-6340-9D00-A45E25ACF2AC}" dt="2021-03-18T16:58:58.269" v="221" actId="2696"/>
        <pc:sldMkLst>
          <pc:docMk/>
          <pc:sldMk cId="2420927101" sldId="390"/>
        </pc:sldMkLst>
      </pc:sldChg>
      <pc:sldChg chg="del">
        <pc:chgData name="Daly Donnacha HSLU I" userId="0f22e960-400a-43ff-baeb-4828c8f5cd3a" providerId="ADAL" clId="{0107A2AC-E230-6340-9D00-A45E25ACF2AC}" dt="2021-03-18T16:58:58.269" v="221" actId="2696"/>
        <pc:sldMkLst>
          <pc:docMk/>
          <pc:sldMk cId="392249382" sldId="391"/>
        </pc:sldMkLst>
      </pc:sldChg>
      <pc:sldChg chg="addSp delSp modSp add mod">
        <pc:chgData name="Daly Donnacha HSLU I" userId="0f22e960-400a-43ff-baeb-4828c8f5cd3a" providerId="ADAL" clId="{0107A2AC-E230-6340-9D00-A45E25ACF2AC}" dt="2021-03-19T13:37:47.030" v="15240" actId="20577"/>
        <pc:sldMkLst>
          <pc:docMk/>
          <pc:sldMk cId="1366931341" sldId="391"/>
        </pc:sldMkLst>
        <pc:spChg chg="mod">
          <ac:chgData name="Daly Donnacha HSLU I" userId="0f22e960-400a-43ff-baeb-4828c8f5cd3a" providerId="ADAL" clId="{0107A2AC-E230-6340-9D00-A45E25ACF2AC}" dt="2021-03-19T13:36:14.391" v="15192" actId="20577"/>
          <ac:spMkLst>
            <pc:docMk/>
            <pc:sldMk cId="1366931341" sldId="391"/>
            <ac:spMk id="2" creationId="{3E3953DA-FB97-4B48-B648-6DCAE465B402}"/>
          </ac:spMkLst>
        </pc:spChg>
        <pc:spChg chg="del">
          <ac:chgData name="Daly Donnacha HSLU I" userId="0f22e960-400a-43ff-baeb-4828c8f5cd3a" providerId="ADAL" clId="{0107A2AC-E230-6340-9D00-A45E25ACF2AC}" dt="2021-03-19T13:14:51.113" v="14546" actId="478"/>
          <ac:spMkLst>
            <pc:docMk/>
            <pc:sldMk cId="1366931341" sldId="391"/>
            <ac:spMk id="3" creationId="{F0C294B7-9274-8C4B-B640-F36159B0011C}"/>
          </ac:spMkLst>
        </pc:spChg>
        <pc:spChg chg="del">
          <ac:chgData name="Daly Donnacha HSLU I" userId="0f22e960-400a-43ff-baeb-4828c8f5cd3a" providerId="ADAL" clId="{0107A2AC-E230-6340-9D00-A45E25ACF2AC}" dt="2021-03-19T13:12:31.687" v="14480" actId="21"/>
          <ac:spMkLst>
            <pc:docMk/>
            <pc:sldMk cId="1366931341" sldId="391"/>
            <ac:spMk id="7" creationId="{3ADC66CB-E784-934E-809E-BC1EF11FC426}"/>
          </ac:spMkLst>
        </pc:spChg>
        <pc:spChg chg="del mod">
          <ac:chgData name="Daly Donnacha HSLU I" userId="0f22e960-400a-43ff-baeb-4828c8f5cd3a" providerId="ADAL" clId="{0107A2AC-E230-6340-9D00-A45E25ACF2AC}" dt="2021-03-19T13:12:31.687" v="14480" actId="21"/>
          <ac:spMkLst>
            <pc:docMk/>
            <pc:sldMk cId="1366931341" sldId="391"/>
            <ac:spMk id="8" creationId="{3CD2EDE2-9C09-5A42-B4C7-6A8448AC34D5}"/>
          </ac:spMkLst>
        </pc:spChg>
        <pc:spChg chg="del mod">
          <ac:chgData name="Daly Donnacha HSLU I" userId="0f22e960-400a-43ff-baeb-4828c8f5cd3a" providerId="ADAL" clId="{0107A2AC-E230-6340-9D00-A45E25ACF2AC}" dt="2021-03-19T13:12:31.687" v="14480" actId="21"/>
          <ac:spMkLst>
            <pc:docMk/>
            <pc:sldMk cId="1366931341" sldId="391"/>
            <ac:spMk id="9" creationId="{9DA50E88-A068-F644-A185-314F0A192B1C}"/>
          </ac:spMkLst>
        </pc:spChg>
        <pc:spChg chg="add del mod">
          <ac:chgData name="Daly Donnacha HSLU I" userId="0f22e960-400a-43ff-baeb-4828c8f5cd3a" providerId="ADAL" clId="{0107A2AC-E230-6340-9D00-A45E25ACF2AC}" dt="2021-03-19T13:29:33.541" v="14773" actId="478"/>
          <ac:spMkLst>
            <pc:docMk/>
            <pc:sldMk cId="1366931341" sldId="391"/>
            <ac:spMk id="10" creationId="{46D42E56-FA3A-304A-8EC9-5A4559D2CEA2}"/>
          </ac:spMkLst>
        </pc:spChg>
        <pc:spChg chg="add mod">
          <ac:chgData name="Daly Donnacha HSLU I" userId="0f22e960-400a-43ff-baeb-4828c8f5cd3a" providerId="ADAL" clId="{0107A2AC-E230-6340-9D00-A45E25ACF2AC}" dt="2021-03-19T13:30:01.060" v="14783" actId="6549"/>
          <ac:spMkLst>
            <pc:docMk/>
            <pc:sldMk cId="1366931341" sldId="391"/>
            <ac:spMk id="11" creationId="{F8040B3E-2744-CF43-9FCC-B611BE1CF674}"/>
          </ac:spMkLst>
        </pc:spChg>
        <pc:spChg chg="add mod">
          <ac:chgData name="Daly Donnacha HSLU I" userId="0f22e960-400a-43ff-baeb-4828c8f5cd3a" providerId="ADAL" clId="{0107A2AC-E230-6340-9D00-A45E25ACF2AC}" dt="2021-03-19T13:32:49.826" v="14920" actId="207"/>
          <ac:spMkLst>
            <pc:docMk/>
            <pc:sldMk cId="1366931341" sldId="391"/>
            <ac:spMk id="12" creationId="{45E570E8-DD41-134A-B243-52C3FA708049}"/>
          </ac:spMkLst>
        </pc:spChg>
        <pc:spChg chg="add mod">
          <ac:chgData name="Daly Donnacha HSLU I" userId="0f22e960-400a-43ff-baeb-4828c8f5cd3a" providerId="ADAL" clId="{0107A2AC-E230-6340-9D00-A45E25ACF2AC}" dt="2021-03-19T13:30:09.930" v="14784"/>
          <ac:spMkLst>
            <pc:docMk/>
            <pc:sldMk cId="1366931341" sldId="391"/>
            <ac:spMk id="13" creationId="{9FA8558B-7972-1E4E-A573-2C18F2442567}"/>
          </ac:spMkLst>
        </pc:spChg>
        <pc:spChg chg="add mod">
          <ac:chgData name="Daly Donnacha HSLU I" userId="0f22e960-400a-43ff-baeb-4828c8f5cd3a" providerId="ADAL" clId="{0107A2AC-E230-6340-9D00-A45E25ACF2AC}" dt="2021-03-19T13:32:52.264" v="14921" actId="207"/>
          <ac:spMkLst>
            <pc:docMk/>
            <pc:sldMk cId="1366931341" sldId="391"/>
            <ac:spMk id="14" creationId="{A351D528-DC35-DB4F-8705-8E19D797381B}"/>
          </ac:spMkLst>
        </pc:spChg>
        <pc:spChg chg="add mod">
          <ac:chgData name="Daly Donnacha HSLU I" userId="0f22e960-400a-43ff-baeb-4828c8f5cd3a" providerId="ADAL" clId="{0107A2AC-E230-6340-9D00-A45E25ACF2AC}" dt="2021-03-19T13:30:14.766" v="14785"/>
          <ac:spMkLst>
            <pc:docMk/>
            <pc:sldMk cId="1366931341" sldId="391"/>
            <ac:spMk id="15" creationId="{9E5D3397-6630-0741-BA47-4BC69917CD99}"/>
          </ac:spMkLst>
        </pc:spChg>
        <pc:spChg chg="add mod">
          <ac:chgData name="Daly Donnacha HSLU I" userId="0f22e960-400a-43ff-baeb-4828c8f5cd3a" providerId="ADAL" clId="{0107A2AC-E230-6340-9D00-A45E25ACF2AC}" dt="2021-03-19T13:32:54.706" v="14922" actId="207"/>
          <ac:spMkLst>
            <pc:docMk/>
            <pc:sldMk cId="1366931341" sldId="391"/>
            <ac:spMk id="16" creationId="{71CB7190-1B7E-724F-939E-B22013C6934F}"/>
          </ac:spMkLst>
        </pc:spChg>
        <pc:spChg chg="add mod">
          <ac:chgData name="Daly Donnacha HSLU I" userId="0f22e960-400a-43ff-baeb-4828c8f5cd3a" providerId="ADAL" clId="{0107A2AC-E230-6340-9D00-A45E25ACF2AC}" dt="2021-03-19T13:26:01.649" v="14748" actId="1076"/>
          <ac:spMkLst>
            <pc:docMk/>
            <pc:sldMk cId="1366931341" sldId="391"/>
            <ac:spMk id="17" creationId="{F71526AB-7299-AE47-BF04-5389B8EE1B38}"/>
          </ac:spMkLst>
        </pc:spChg>
        <pc:spChg chg="add mod">
          <ac:chgData name="Daly Donnacha HSLU I" userId="0f22e960-400a-43ff-baeb-4828c8f5cd3a" providerId="ADAL" clId="{0107A2AC-E230-6340-9D00-A45E25ACF2AC}" dt="2021-03-19T13:37:47.030" v="15240" actId="20577"/>
          <ac:spMkLst>
            <pc:docMk/>
            <pc:sldMk cId="1366931341" sldId="391"/>
            <ac:spMk id="18" creationId="{6925431E-696C-1A48-AEF4-B59FEE0E76B9}"/>
          </ac:spMkLst>
        </pc:spChg>
        <pc:picChg chg="del">
          <ac:chgData name="Daly Donnacha HSLU I" userId="0f22e960-400a-43ff-baeb-4828c8f5cd3a" providerId="ADAL" clId="{0107A2AC-E230-6340-9D00-A45E25ACF2AC}" dt="2021-03-19T13:12:31.687" v="14480" actId="21"/>
          <ac:picMkLst>
            <pc:docMk/>
            <pc:sldMk cId="1366931341" sldId="391"/>
            <ac:picMk id="4" creationId="{219964EC-0953-8F4C-9D8C-A3DDABB0A55D}"/>
          </ac:picMkLst>
        </pc:picChg>
        <pc:picChg chg="del mod">
          <ac:chgData name="Daly Donnacha HSLU I" userId="0f22e960-400a-43ff-baeb-4828c8f5cd3a" providerId="ADAL" clId="{0107A2AC-E230-6340-9D00-A45E25ACF2AC}" dt="2021-03-19T13:12:31.687" v="14480" actId="21"/>
          <ac:picMkLst>
            <pc:docMk/>
            <pc:sldMk cId="1366931341" sldId="391"/>
            <ac:picMk id="5" creationId="{63EF20CE-E539-3541-9E0A-2E7F00BBEEEF}"/>
          </ac:picMkLst>
        </pc:picChg>
        <pc:picChg chg="del mod">
          <ac:chgData name="Daly Donnacha HSLU I" userId="0f22e960-400a-43ff-baeb-4828c8f5cd3a" providerId="ADAL" clId="{0107A2AC-E230-6340-9D00-A45E25ACF2AC}" dt="2021-03-19T13:12:31.687" v="14480" actId="21"/>
          <ac:picMkLst>
            <pc:docMk/>
            <pc:sldMk cId="1366931341" sldId="391"/>
            <ac:picMk id="6" creationId="{FCFA9C98-7777-154B-AE23-AF4D653745C1}"/>
          </ac:picMkLst>
        </pc:picChg>
        <pc:cxnChg chg="add mod">
          <ac:chgData name="Daly Donnacha HSLU I" userId="0f22e960-400a-43ff-baeb-4828c8f5cd3a" providerId="ADAL" clId="{0107A2AC-E230-6340-9D00-A45E25ACF2AC}" dt="2021-03-19T13:34:29.320" v="15005" actId="14100"/>
          <ac:cxnSpMkLst>
            <pc:docMk/>
            <pc:sldMk cId="1366931341" sldId="391"/>
            <ac:cxnSpMk id="19" creationId="{02DF0400-57E4-6B4D-8F52-6D812B3D76AC}"/>
          </ac:cxnSpMkLst>
        </pc:cxnChg>
        <pc:cxnChg chg="add mod">
          <ac:chgData name="Daly Donnacha HSLU I" userId="0f22e960-400a-43ff-baeb-4828c8f5cd3a" providerId="ADAL" clId="{0107A2AC-E230-6340-9D00-A45E25ACF2AC}" dt="2021-03-19T13:36:29.828" v="15196" actId="167"/>
          <ac:cxnSpMkLst>
            <pc:docMk/>
            <pc:sldMk cId="1366931341" sldId="391"/>
            <ac:cxnSpMk id="22" creationId="{F1C534E6-49F3-994E-BC95-DD28299818A8}"/>
          </ac:cxnSpMkLst>
        </pc:cxnChg>
        <pc:cxnChg chg="add mod">
          <ac:chgData name="Daly Donnacha HSLU I" userId="0f22e960-400a-43ff-baeb-4828c8f5cd3a" providerId="ADAL" clId="{0107A2AC-E230-6340-9D00-A45E25ACF2AC}" dt="2021-03-19T13:37:06.807" v="15209" actId="14100"/>
          <ac:cxnSpMkLst>
            <pc:docMk/>
            <pc:sldMk cId="1366931341" sldId="391"/>
            <ac:cxnSpMk id="25" creationId="{B5DDD7B4-7E2B-3044-831F-D819BA66E471}"/>
          </ac:cxnSpMkLst>
        </pc:cxnChg>
      </pc:sldChg>
      <pc:sldChg chg="del">
        <pc:chgData name="Daly Donnacha HSLU I" userId="0f22e960-400a-43ff-baeb-4828c8f5cd3a" providerId="ADAL" clId="{0107A2AC-E230-6340-9D00-A45E25ACF2AC}" dt="2021-03-18T16:58:58.269" v="221" actId="2696"/>
        <pc:sldMkLst>
          <pc:docMk/>
          <pc:sldMk cId="451630724" sldId="392"/>
        </pc:sldMkLst>
      </pc:sldChg>
      <pc:sldChg chg="addSp delSp modSp add mod">
        <pc:chgData name="Daly Donnacha HSLU I" userId="0f22e960-400a-43ff-baeb-4828c8f5cd3a" providerId="ADAL" clId="{0107A2AC-E230-6340-9D00-A45E25ACF2AC}" dt="2021-03-19T13:48:26.870" v="15917" actId="113"/>
        <pc:sldMkLst>
          <pc:docMk/>
          <pc:sldMk cId="653547022" sldId="392"/>
        </pc:sldMkLst>
        <pc:spChg chg="mod">
          <ac:chgData name="Daly Donnacha HSLU I" userId="0f22e960-400a-43ff-baeb-4828c8f5cd3a" providerId="ADAL" clId="{0107A2AC-E230-6340-9D00-A45E25ACF2AC}" dt="2021-03-19T13:38:34.745" v="15260" actId="16959"/>
          <ac:spMkLst>
            <pc:docMk/>
            <pc:sldMk cId="653547022" sldId="392"/>
            <ac:spMk id="2" creationId="{3E3953DA-FB97-4B48-B648-6DCAE465B402}"/>
          </ac:spMkLst>
        </pc:spChg>
        <pc:spChg chg="add mod">
          <ac:chgData name="Daly Donnacha HSLU I" userId="0f22e960-400a-43ff-baeb-4828c8f5cd3a" providerId="ADAL" clId="{0107A2AC-E230-6340-9D00-A45E25ACF2AC}" dt="2021-03-19T13:39:11.299" v="15268" actId="1582"/>
          <ac:spMkLst>
            <pc:docMk/>
            <pc:sldMk cId="653547022" sldId="392"/>
            <ac:spMk id="3" creationId="{7B51D893-7E26-4342-BB6F-A2774B28B209}"/>
          </ac:spMkLst>
        </pc:spChg>
        <pc:spChg chg="mod">
          <ac:chgData name="Daly Donnacha HSLU I" userId="0f22e960-400a-43ff-baeb-4828c8f5cd3a" providerId="ADAL" clId="{0107A2AC-E230-6340-9D00-A45E25ACF2AC}" dt="2021-03-19T13:41:10.038" v="15441" actId="207"/>
          <ac:spMkLst>
            <pc:docMk/>
            <pc:sldMk cId="653547022" sldId="392"/>
            <ac:spMk id="13" creationId="{9FA8558B-7972-1E4E-A573-2C18F2442567}"/>
          </ac:spMkLst>
        </pc:spChg>
        <pc:spChg chg="mod">
          <ac:chgData name="Daly Donnacha HSLU I" userId="0f22e960-400a-43ff-baeb-4828c8f5cd3a" providerId="ADAL" clId="{0107A2AC-E230-6340-9D00-A45E25ACF2AC}" dt="2021-03-19T13:41:06.965" v="15440" actId="207"/>
          <ac:spMkLst>
            <pc:docMk/>
            <pc:sldMk cId="653547022" sldId="392"/>
            <ac:spMk id="15" creationId="{9E5D3397-6630-0741-BA47-4BC69917CD99}"/>
          </ac:spMkLst>
        </pc:spChg>
        <pc:spChg chg="del">
          <ac:chgData name="Daly Donnacha HSLU I" userId="0f22e960-400a-43ff-baeb-4828c8f5cd3a" providerId="ADAL" clId="{0107A2AC-E230-6340-9D00-A45E25ACF2AC}" dt="2021-03-19T13:38:43.510" v="15261" actId="478"/>
          <ac:spMkLst>
            <pc:docMk/>
            <pc:sldMk cId="653547022" sldId="392"/>
            <ac:spMk id="18" creationId="{6925431E-696C-1A48-AEF4-B59FEE0E76B9}"/>
          </ac:spMkLst>
        </pc:spChg>
        <pc:spChg chg="add mod">
          <ac:chgData name="Daly Donnacha HSLU I" userId="0f22e960-400a-43ff-baeb-4828c8f5cd3a" providerId="ADAL" clId="{0107A2AC-E230-6340-9D00-A45E25ACF2AC}" dt="2021-03-19T13:47:41.904" v="15863" actId="207"/>
          <ac:spMkLst>
            <pc:docMk/>
            <pc:sldMk cId="653547022" sldId="392"/>
            <ac:spMk id="20" creationId="{2767E1B8-9E43-364F-BB09-2C26582D189B}"/>
          </ac:spMkLst>
        </pc:spChg>
        <pc:spChg chg="add mod">
          <ac:chgData name="Daly Donnacha HSLU I" userId="0f22e960-400a-43ff-baeb-4828c8f5cd3a" providerId="ADAL" clId="{0107A2AC-E230-6340-9D00-A45E25ACF2AC}" dt="2021-03-19T13:48:26.870" v="15917" actId="113"/>
          <ac:spMkLst>
            <pc:docMk/>
            <pc:sldMk cId="653547022" sldId="392"/>
            <ac:spMk id="21" creationId="{8E5E8FE9-D6A8-D34D-840B-56889CE3EC96}"/>
          </ac:spMkLst>
        </pc:spChg>
        <pc:cxnChg chg="del">
          <ac:chgData name="Daly Donnacha HSLU I" userId="0f22e960-400a-43ff-baeb-4828c8f5cd3a" providerId="ADAL" clId="{0107A2AC-E230-6340-9D00-A45E25ACF2AC}" dt="2021-03-19T13:38:49.675" v="15264" actId="478"/>
          <ac:cxnSpMkLst>
            <pc:docMk/>
            <pc:sldMk cId="653547022" sldId="392"/>
            <ac:cxnSpMk id="19" creationId="{02DF0400-57E4-6B4D-8F52-6D812B3D76AC}"/>
          </ac:cxnSpMkLst>
        </pc:cxnChg>
        <pc:cxnChg chg="del">
          <ac:chgData name="Daly Donnacha HSLU I" userId="0f22e960-400a-43ff-baeb-4828c8f5cd3a" providerId="ADAL" clId="{0107A2AC-E230-6340-9D00-A45E25ACF2AC}" dt="2021-03-19T13:38:48.773" v="15263" actId="478"/>
          <ac:cxnSpMkLst>
            <pc:docMk/>
            <pc:sldMk cId="653547022" sldId="392"/>
            <ac:cxnSpMk id="22" creationId="{F1C534E6-49F3-994E-BC95-DD28299818A8}"/>
          </ac:cxnSpMkLst>
        </pc:cxnChg>
        <pc:cxnChg chg="del">
          <ac:chgData name="Daly Donnacha HSLU I" userId="0f22e960-400a-43ff-baeb-4828c8f5cd3a" providerId="ADAL" clId="{0107A2AC-E230-6340-9D00-A45E25ACF2AC}" dt="2021-03-19T13:38:47.642" v="15262" actId="478"/>
          <ac:cxnSpMkLst>
            <pc:docMk/>
            <pc:sldMk cId="653547022" sldId="392"/>
            <ac:cxnSpMk id="25" creationId="{B5DDD7B4-7E2B-3044-831F-D819BA66E471}"/>
          </ac:cxnSpMkLst>
        </pc:cxnChg>
      </pc:sldChg>
      <pc:sldChg chg="del">
        <pc:chgData name="Daly Donnacha HSLU I" userId="0f22e960-400a-43ff-baeb-4828c8f5cd3a" providerId="ADAL" clId="{0107A2AC-E230-6340-9D00-A45E25ACF2AC}" dt="2021-03-18T16:58:58.269" v="221" actId="2696"/>
        <pc:sldMkLst>
          <pc:docMk/>
          <pc:sldMk cId="2265539479" sldId="394"/>
        </pc:sldMkLst>
      </pc:sldChg>
      <pc:sldChg chg="del">
        <pc:chgData name="Daly Donnacha HSLU I" userId="0f22e960-400a-43ff-baeb-4828c8f5cd3a" providerId="ADAL" clId="{0107A2AC-E230-6340-9D00-A45E25ACF2AC}" dt="2021-03-18T16:58:58.269" v="221" actId="2696"/>
        <pc:sldMkLst>
          <pc:docMk/>
          <pc:sldMk cId="2768933150" sldId="395"/>
        </pc:sldMkLst>
      </pc:sldChg>
      <pc:sldChg chg="del">
        <pc:chgData name="Daly Donnacha HSLU I" userId="0f22e960-400a-43ff-baeb-4828c8f5cd3a" providerId="ADAL" clId="{0107A2AC-E230-6340-9D00-A45E25ACF2AC}" dt="2021-03-18T16:58:58.269" v="221" actId="2696"/>
        <pc:sldMkLst>
          <pc:docMk/>
          <pc:sldMk cId="1595430310" sldId="396"/>
        </pc:sldMkLst>
      </pc:sldChg>
      <pc:sldChg chg="del">
        <pc:chgData name="Daly Donnacha HSLU I" userId="0f22e960-400a-43ff-baeb-4828c8f5cd3a" providerId="ADAL" clId="{0107A2AC-E230-6340-9D00-A45E25ACF2AC}" dt="2021-03-18T16:58:58.269" v="221" actId="2696"/>
        <pc:sldMkLst>
          <pc:docMk/>
          <pc:sldMk cId="2475344765" sldId="397"/>
        </pc:sldMkLst>
      </pc:sldChg>
      <pc:sldChg chg="del">
        <pc:chgData name="Daly Donnacha HSLU I" userId="0f22e960-400a-43ff-baeb-4828c8f5cd3a" providerId="ADAL" clId="{0107A2AC-E230-6340-9D00-A45E25ACF2AC}" dt="2021-03-18T16:58:58.269" v="221" actId="2696"/>
        <pc:sldMkLst>
          <pc:docMk/>
          <pc:sldMk cId="405543068" sldId="398"/>
        </pc:sldMkLst>
      </pc:sldChg>
      <pc:sldChg chg="del">
        <pc:chgData name="Daly Donnacha HSLU I" userId="0f22e960-400a-43ff-baeb-4828c8f5cd3a" providerId="ADAL" clId="{0107A2AC-E230-6340-9D00-A45E25ACF2AC}" dt="2021-03-18T16:58:58.269" v="221" actId="2696"/>
        <pc:sldMkLst>
          <pc:docMk/>
          <pc:sldMk cId="87034327" sldId="399"/>
        </pc:sldMkLst>
      </pc:sldChg>
      <pc:sldChg chg="del">
        <pc:chgData name="Daly Donnacha HSLU I" userId="0f22e960-400a-43ff-baeb-4828c8f5cd3a" providerId="ADAL" clId="{0107A2AC-E230-6340-9D00-A45E25ACF2AC}" dt="2021-03-18T16:58:58.269" v="221" actId="2696"/>
        <pc:sldMkLst>
          <pc:docMk/>
          <pc:sldMk cId="4072855415" sldId="400"/>
        </pc:sldMkLst>
      </pc:sldChg>
      <pc:sldChg chg="del">
        <pc:chgData name="Daly Donnacha HSLU I" userId="0f22e960-400a-43ff-baeb-4828c8f5cd3a" providerId="ADAL" clId="{0107A2AC-E230-6340-9D00-A45E25ACF2AC}" dt="2021-03-18T16:58:58.269" v="221" actId="2696"/>
        <pc:sldMkLst>
          <pc:docMk/>
          <pc:sldMk cId="3095965448" sldId="401"/>
        </pc:sldMkLst>
      </pc:sldChg>
      <pc:sldChg chg="del">
        <pc:chgData name="Daly Donnacha HSLU I" userId="0f22e960-400a-43ff-baeb-4828c8f5cd3a" providerId="ADAL" clId="{0107A2AC-E230-6340-9D00-A45E25ACF2AC}" dt="2021-03-18T16:58:58.269" v="221" actId="2696"/>
        <pc:sldMkLst>
          <pc:docMk/>
          <pc:sldMk cId="81323440" sldId="402"/>
        </pc:sldMkLst>
      </pc:sldChg>
      <pc:sldChg chg="del">
        <pc:chgData name="Daly Donnacha HSLU I" userId="0f22e960-400a-43ff-baeb-4828c8f5cd3a" providerId="ADAL" clId="{0107A2AC-E230-6340-9D00-A45E25ACF2AC}" dt="2021-03-18T16:58:58.269" v="221" actId="2696"/>
        <pc:sldMkLst>
          <pc:docMk/>
          <pc:sldMk cId="2943120565" sldId="403"/>
        </pc:sldMkLst>
      </pc:sldChg>
    </pc:docChg>
  </pc:docChgLst>
  <pc:docChgLst>
    <pc:chgData name="Daly Donnacha HSLU I" userId="0f22e960-400a-43ff-baeb-4828c8f5cd3a" providerId="ADAL" clId="{554BA7E0-55EE-9746-83EC-F09BDB4BCF3A}"/>
    <pc:docChg chg="undo redo custSel addSld delSld modSld sldOrd">
      <pc:chgData name="Daly Donnacha HSLU I" userId="0f22e960-400a-43ff-baeb-4828c8f5cd3a" providerId="ADAL" clId="{554BA7E0-55EE-9746-83EC-F09BDB4BCF3A}" dt="2021-04-27T10:55:36.742" v="8513" actId="14100"/>
      <pc:docMkLst>
        <pc:docMk/>
      </pc:docMkLst>
      <pc:sldChg chg="modSp mod">
        <pc:chgData name="Daly Donnacha HSLU I" userId="0f22e960-400a-43ff-baeb-4828c8f5cd3a" providerId="ADAL" clId="{554BA7E0-55EE-9746-83EC-F09BDB4BCF3A}" dt="2021-04-23T03:38:57.653" v="15" actId="20577"/>
        <pc:sldMkLst>
          <pc:docMk/>
          <pc:sldMk cId="0" sldId="256"/>
        </pc:sldMkLst>
        <pc:spChg chg="mod">
          <ac:chgData name="Daly Donnacha HSLU I" userId="0f22e960-400a-43ff-baeb-4828c8f5cd3a" providerId="ADAL" clId="{554BA7E0-55EE-9746-83EC-F09BDB4BCF3A}" dt="2021-04-23T03:38:57.653" v="15" actId="20577"/>
          <ac:spMkLst>
            <pc:docMk/>
            <pc:sldMk cId="0" sldId="256"/>
            <ac:spMk id="3075" creationId="{00000000-0000-0000-0000-000000000000}"/>
          </ac:spMkLst>
        </pc:spChg>
      </pc:sldChg>
      <pc:sldChg chg="addSp delSp modSp mod">
        <pc:chgData name="Daly Donnacha HSLU I" userId="0f22e960-400a-43ff-baeb-4828c8f5cd3a" providerId="ADAL" clId="{554BA7E0-55EE-9746-83EC-F09BDB4BCF3A}" dt="2021-04-23T14:02:46.527" v="7322" actId="6549"/>
        <pc:sldMkLst>
          <pc:docMk/>
          <pc:sldMk cId="2069180595" sldId="293"/>
        </pc:sldMkLst>
        <pc:spChg chg="del">
          <ac:chgData name="Daly Donnacha HSLU I" userId="0f22e960-400a-43ff-baeb-4828c8f5cd3a" providerId="ADAL" clId="{554BA7E0-55EE-9746-83EC-F09BDB4BCF3A}" dt="2021-04-23T03:39:27.758" v="16" actId="478"/>
          <ac:spMkLst>
            <pc:docMk/>
            <pc:sldMk cId="2069180595" sldId="293"/>
            <ac:spMk id="3" creationId="{D94745E6-B5E7-794A-857B-A26653B6DC3B}"/>
          </ac:spMkLst>
        </pc:spChg>
        <pc:spChg chg="add mod">
          <ac:chgData name="Daly Donnacha HSLU I" userId="0f22e960-400a-43ff-baeb-4828c8f5cd3a" providerId="ADAL" clId="{554BA7E0-55EE-9746-83EC-F09BDB4BCF3A}" dt="2021-04-23T03:45:08.816" v="131" actId="207"/>
          <ac:spMkLst>
            <pc:docMk/>
            <pc:sldMk cId="2069180595" sldId="293"/>
            <ac:spMk id="4" creationId="{602EED14-5DC6-CE45-ADB6-14D496427BDB}"/>
          </ac:spMkLst>
        </pc:spChg>
        <pc:spChg chg="mod">
          <ac:chgData name="Daly Donnacha HSLU I" userId="0f22e960-400a-43ff-baeb-4828c8f5cd3a" providerId="ADAL" clId="{554BA7E0-55EE-9746-83EC-F09BDB4BCF3A}" dt="2021-04-23T14:02:46.527" v="7322" actId="6549"/>
          <ac:spMkLst>
            <pc:docMk/>
            <pc:sldMk cId="2069180595" sldId="293"/>
            <ac:spMk id="6" creationId="{C5894721-95A2-7141-8609-521552539517}"/>
          </ac:spMkLst>
        </pc:spChg>
        <pc:picChg chg="del">
          <ac:chgData name="Daly Donnacha HSLU I" userId="0f22e960-400a-43ff-baeb-4828c8f5cd3a" providerId="ADAL" clId="{554BA7E0-55EE-9746-83EC-F09BDB4BCF3A}" dt="2021-04-23T03:39:32.754" v="17" actId="478"/>
          <ac:picMkLst>
            <pc:docMk/>
            <pc:sldMk cId="2069180595" sldId="293"/>
            <ac:picMk id="5" creationId="{E95DAE12-D5A5-5C44-BED7-EDBFEA8A2288}"/>
          </ac:picMkLst>
        </pc:picChg>
        <pc:picChg chg="add mod">
          <ac:chgData name="Daly Donnacha HSLU I" userId="0f22e960-400a-43ff-baeb-4828c8f5cd3a" providerId="ADAL" clId="{554BA7E0-55EE-9746-83EC-F09BDB4BCF3A}" dt="2021-04-23T03:45:51.767" v="149" actId="1038"/>
          <ac:picMkLst>
            <pc:docMk/>
            <pc:sldMk cId="2069180595" sldId="293"/>
            <ac:picMk id="1026" creationId="{7BC3D81F-9090-E44C-9741-BAACCBED9708}"/>
          </ac:picMkLst>
        </pc:picChg>
        <pc:picChg chg="del">
          <ac:chgData name="Daly Donnacha HSLU I" userId="0f22e960-400a-43ff-baeb-4828c8f5cd3a" providerId="ADAL" clId="{554BA7E0-55EE-9746-83EC-F09BDB4BCF3A}" dt="2021-04-23T03:39:32.754" v="17" actId="478"/>
          <ac:picMkLst>
            <pc:docMk/>
            <pc:sldMk cId="2069180595" sldId="293"/>
            <ac:picMk id="2050" creationId="{508D1EB5-8931-2C43-9E25-0C8458357126}"/>
          </ac:picMkLst>
        </pc:picChg>
      </pc:sldChg>
      <pc:sldChg chg="addSp delSp modSp add del mod">
        <pc:chgData name="Daly Donnacha HSLU I" userId="0f22e960-400a-43ff-baeb-4828c8f5cd3a" providerId="ADAL" clId="{554BA7E0-55EE-9746-83EC-F09BDB4BCF3A}" dt="2021-04-23T14:02:57.125" v="7324"/>
        <pc:sldMkLst>
          <pc:docMk/>
          <pc:sldMk cId="1191410536" sldId="298"/>
        </pc:sldMkLst>
        <pc:spChg chg="add del mod">
          <ac:chgData name="Daly Donnacha HSLU I" userId="0f22e960-400a-43ff-baeb-4828c8f5cd3a" providerId="ADAL" clId="{554BA7E0-55EE-9746-83EC-F09BDB4BCF3A}" dt="2021-04-23T14:02:56.745" v="7323" actId="478"/>
          <ac:spMkLst>
            <pc:docMk/>
            <pc:sldMk cId="1191410536" sldId="298"/>
            <ac:spMk id="4" creationId="{55A00989-D9E1-0147-8A37-48CE63F3A1F8}"/>
          </ac:spMkLst>
        </pc:spChg>
        <pc:spChg chg="del">
          <ac:chgData name="Daly Donnacha HSLU I" userId="0f22e960-400a-43ff-baeb-4828c8f5cd3a" providerId="ADAL" clId="{554BA7E0-55EE-9746-83EC-F09BDB4BCF3A}" dt="2021-04-23T03:55:18.737" v="925" actId="478"/>
          <ac:spMkLst>
            <pc:docMk/>
            <pc:sldMk cId="1191410536" sldId="298"/>
            <ac:spMk id="8" creationId="{8DD2D368-E513-E940-B831-C54B51F7ADB3}"/>
          </ac:spMkLst>
        </pc:spChg>
        <pc:spChg chg="add mod">
          <ac:chgData name="Daly Donnacha HSLU I" userId="0f22e960-400a-43ff-baeb-4828c8f5cd3a" providerId="ADAL" clId="{554BA7E0-55EE-9746-83EC-F09BDB4BCF3A}" dt="2021-04-23T13:51:29.107" v="7167" actId="1036"/>
          <ac:spMkLst>
            <pc:docMk/>
            <pc:sldMk cId="1191410536" sldId="298"/>
            <ac:spMk id="8" creationId="{EE1309DC-8E6D-C34C-9DF9-2B0B975D899B}"/>
          </ac:spMkLst>
        </pc:spChg>
        <pc:spChg chg="add mod">
          <ac:chgData name="Daly Donnacha HSLU I" userId="0f22e960-400a-43ff-baeb-4828c8f5cd3a" providerId="ADAL" clId="{554BA7E0-55EE-9746-83EC-F09BDB4BCF3A}" dt="2021-04-23T14:02:57.125" v="7324"/>
          <ac:spMkLst>
            <pc:docMk/>
            <pc:sldMk cId="1191410536" sldId="298"/>
            <ac:spMk id="9" creationId="{55B6DEFC-EB3B-744D-9C86-E11416C5C28B}"/>
          </ac:spMkLst>
        </pc:spChg>
        <pc:picChg chg="add mod">
          <ac:chgData name="Daly Donnacha HSLU I" userId="0f22e960-400a-43ff-baeb-4828c8f5cd3a" providerId="ADAL" clId="{554BA7E0-55EE-9746-83EC-F09BDB4BCF3A}" dt="2021-04-23T13:51:29.107" v="7167" actId="1036"/>
          <ac:picMkLst>
            <pc:docMk/>
            <pc:sldMk cId="1191410536" sldId="298"/>
            <ac:picMk id="5" creationId="{E88C192E-1B39-7D43-8868-D54C2A4EC1E9}"/>
          </ac:picMkLst>
        </pc:picChg>
        <pc:picChg chg="add mod">
          <ac:chgData name="Daly Donnacha HSLU I" userId="0f22e960-400a-43ff-baeb-4828c8f5cd3a" providerId="ADAL" clId="{554BA7E0-55EE-9746-83EC-F09BDB4BCF3A}" dt="2021-04-23T13:51:29.107" v="7167" actId="1036"/>
          <ac:picMkLst>
            <pc:docMk/>
            <pc:sldMk cId="1191410536" sldId="298"/>
            <ac:picMk id="6" creationId="{D613CD2B-72AA-8245-87B8-456D676F47BC}"/>
          </ac:picMkLst>
        </pc:picChg>
        <pc:picChg chg="add mod modCrop">
          <ac:chgData name="Daly Donnacha HSLU I" userId="0f22e960-400a-43ff-baeb-4828c8f5cd3a" providerId="ADAL" clId="{554BA7E0-55EE-9746-83EC-F09BDB4BCF3A}" dt="2021-04-23T13:51:29.107" v="7167" actId="1036"/>
          <ac:picMkLst>
            <pc:docMk/>
            <pc:sldMk cId="1191410536" sldId="298"/>
            <ac:picMk id="7" creationId="{81286197-A5E1-C74A-93C4-BAC6355311B7}"/>
          </ac:picMkLst>
        </pc:picChg>
      </pc:sldChg>
      <pc:sldChg chg="modSp mod">
        <pc:chgData name="Daly Donnacha HSLU I" userId="0f22e960-400a-43ff-baeb-4828c8f5cd3a" providerId="ADAL" clId="{554BA7E0-55EE-9746-83EC-F09BDB4BCF3A}" dt="2021-04-23T03:54:24.710" v="911" actId="20577"/>
        <pc:sldMkLst>
          <pc:docMk/>
          <pc:sldMk cId="2208137706" sldId="315"/>
        </pc:sldMkLst>
        <pc:spChg chg="mod">
          <ac:chgData name="Daly Donnacha HSLU I" userId="0f22e960-400a-43ff-baeb-4828c8f5cd3a" providerId="ADAL" clId="{554BA7E0-55EE-9746-83EC-F09BDB4BCF3A}" dt="2021-04-23T03:54:24.710" v="911" actId="20577"/>
          <ac:spMkLst>
            <pc:docMk/>
            <pc:sldMk cId="2208137706" sldId="315"/>
            <ac:spMk id="3" creationId="{63132F41-5235-6647-AE60-DA2A6069816C}"/>
          </ac:spMkLst>
        </pc:spChg>
      </pc:sldChg>
      <pc:sldChg chg="del">
        <pc:chgData name="Daly Donnacha HSLU I" userId="0f22e960-400a-43ff-baeb-4828c8f5cd3a" providerId="ADAL" clId="{554BA7E0-55EE-9746-83EC-F09BDB4BCF3A}" dt="2021-04-23T03:55:04.686" v="922" actId="2696"/>
        <pc:sldMkLst>
          <pc:docMk/>
          <pc:sldMk cId="3512123586" sldId="570"/>
        </pc:sldMkLst>
      </pc:sldChg>
      <pc:sldChg chg="del">
        <pc:chgData name="Daly Donnacha HSLU I" userId="0f22e960-400a-43ff-baeb-4828c8f5cd3a" providerId="ADAL" clId="{554BA7E0-55EE-9746-83EC-F09BDB4BCF3A}" dt="2021-04-23T04:02:02" v="927" actId="2696"/>
        <pc:sldMkLst>
          <pc:docMk/>
          <pc:sldMk cId="1038866537" sldId="586"/>
        </pc:sldMkLst>
      </pc:sldChg>
      <pc:sldChg chg="del">
        <pc:chgData name="Daly Donnacha HSLU I" userId="0f22e960-400a-43ff-baeb-4828c8f5cd3a" providerId="ADAL" clId="{554BA7E0-55EE-9746-83EC-F09BDB4BCF3A}" dt="2021-04-23T03:55:04.686" v="922" actId="2696"/>
        <pc:sldMkLst>
          <pc:docMk/>
          <pc:sldMk cId="2038364376" sldId="590"/>
        </pc:sldMkLst>
      </pc:sldChg>
      <pc:sldChg chg="del">
        <pc:chgData name="Daly Donnacha HSLU I" userId="0f22e960-400a-43ff-baeb-4828c8f5cd3a" providerId="ADAL" clId="{554BA7E0-55EE-9746-83EC-F09BDB4BCF3A}" dt="2021-04-23T03:55:04.686" v="922" actId="2696"/>
        <pc:sldMkLst>
          <pc:docMk/>
          <pc:sldMk cId="1327159328" sldId="593"/>
        </pc:sldMkLst>
      </pc:sldChg>
      <pc:sldChg chg="del">
        <pc:chgData name="Daly Donnacha HSLU I" userId="0f22e960-400a-43ff-baeb-4828c8f5cd3a" providerId="ADAL" clId="{554BA7E0-55EE-9746-83EC-F09BDB4BCF3A}" dt="2021-04-23T03:55:04.686" v="922" actId="2696"/>
        <pc:sldMkLst>
          <pc:docMk/>
          <pc:sldMk cId="3877792524" sldId="598"/>
        </pc:sldMkLst>
      </pc:sldChg>
      <pc:sldChg chg="del">
        <pc:chgData name="Daly Donnacha HSLU I" userId="0f22e960-400a-43ff-baeb-4828c8f5cd3a" providerId="ADAL" clId="{554BA7E0-55EE-9746-83EC-F09BDB4BCF3A}" dt="2021-04-23T03:55:04.686" v="922" actId="2696"/>
        <pc:sldMkLst>
          <pc:docMk/>
          <pc:sldMk cId="417957493" sldId="599"/>
        </pc:sldMkLst>
      </pc:sldChg>
      <pc:sldChg chg="del">
        <pc:chgData name="Daly Donnacha HSLU I" userId="0f22e960-400a-43ff-baeb-4828c8f5cd3a" providerId="ADAL" clId="{554BA7E0-55EE-9746-83EC-F09BDB4BCF3A}" dt="2021-04-23T03:55:04.686" v="922" actId="2696"/>
        <pc:sldMkLst>
          <pc:docMk/>
          <pc:sldMk cId="3723648657" sldId="601"/>
        </pc:sldMkLst>
      </pc:sldChg>
      <pc:sldChg chg="del">
        <pc:chgData name="Daly Donnacha HSLU I" userId="0f22e960-400a-43ff-baeb-4828c8f5cd3a" providerId="ADAL" clId="{554BA7E0-55EE-9746-83EC-F09BDB4BCF3A}" dt="2021-04-23T03:55:04.686" v="922" actId="2696"/>
        <pc:sldMkLst>
          <pc:docMk/>
          <pc:sldMk cId="3005905745" sldId="602"/>
        </pc:sldMkLst>
      </pc:sldChg>
      <pc:sldChg chg="del">
        <pc:chgData name="Daly Donnacha HSLU I" userId="0f22e960-400a-43ff-baeb-4828c8f5cd3a" providerId="ADAL" clId="{554BA7E0-55EE-9746-83EC-F09BDB4BCF3A}" dt="2021-04-23T03:55:04.686" v="922" actId="2696"/>
        <pc:sldMkLst>
          <pc:docMk/>
          <pc:sldMk cId="4018137257" sldId="603"/>
        </pc:sldMkLst>
      </pc:sldChg>
      <pc:sldChg chg="del">
        <pc:chgData name="Daly Donnacha HSLU I" userId="0f22e960-400a-43ff-baeb-4828c8f5cd3a" providerId="ADAL" clId="{554BA7E0-55EE-9746-83EC-F09BDB4BCF3A}" dt="2021-04-23T03:55:04.686" v="922" actId="2696"/>
        <pc:sldMkLst>
          <pc:docMk/>
          <pc:sldMk cId="1694548164" sldId="604"/>
        </pc:sldMkLst>
      </pc:sldChg>
      <pc:sldChg chg="del">
        <pc:chgData name="Daly Donnacha HSLU I" userId="0f22e960-400a-43ff-baeb-4828c8f5cd3a" providerId="ADAL" clId="{554BA7E0-55EE-9746-83EC-F09BDB4BCF3A}" dt="2021-04-23T03:55:04.686" v="922" actId="2696"/>
        <pc:sldMkLst>
          <pc:docMk/>
          <pc:sldMk cId="311735363" sldId="605"/>
        </pc:sldMkLst>
      </pc:sldChg>
      <pc:sldChg chg="del">
        <pc:chgData name="Daly Donnacha HSLU I" userId="0f22e960-400a-43ff-baeb-4828c8f5cd3a" providerId="ADAL" clId="{554BA7E0-55EE-9746-83EC-F09BDB4BCF3A}" dt="2021-04-23T03:55:04.686" v="922" actId="2696"/>
        <pc:sldMkLst>
          <pc:docMk/>
          <pc:sldMk cId="3658777088" sldId="606"/>
        </pc:sldMkLst>
      </pc:sldChg>
      <pc:sldChg chg="del">
        <pc:chgData name="Daly Donnacha HSLU I" userId="0f22e960-400a-43ff-baeb-4828c8f5cd3a" providerId="ADAL" clId="{554BA7E0-55EE-9746-83EC-F09BDB4BCF3A}" dt="2021-04-23T03:55:04.686" v="922" actId="2696"/>
        <pc:sldMkLst>
          <pc:docMk/>
          <pc:sldMk cId="3968554418" sldId="607"/>
        </pc:sldMkLst>
      </pc:sldChg>
      <pc:sldChg chg="del">
        <pc:chgData name="Daly Donnacha HSLU I" userId="0f22e960-400a-43ff-baeb-4828c8f5cd3a" providerId="ADAL" clId="{554BA7E0-55EE-9746-83EC-F09BDB4BCF3A}" dt="2021-04-23T03:55:04.686" v="922" actId="2696"/>
        <pc:sldMkLst>
          <pc:docMk/>
          <pc:sldMk cId="2840225397" sldId="608"/>
        </pc:sldMkLst>
      </pc:sldChg>
      <pc:sldChg chg="del">
        <pc:chgData name="Daly Donnacha HSLU I" userId="0f22e960-400a-43ff-baeb-4828c8f5cd3a" providerId="ADAL" clId="{554BA7E0-55EE-9746-83EC-F09BDB4BCF3A}" dt="2021-04-23T03:55:04.686" v="922" actId="2696"/>
        <pc:sldMkLst>
          <pc:docMk/>
          <pc:sldMk cId="386012761" sldId="609"/>
        </pc:sldMkLst>
      </pc:sldChg>
      <pc:sldChg chg="del">
        <pc:chgData name="Daly Donnacha HSLU I" userId="0f22e960-400a-43ff-baeb-4828c8f5cd3a" providerId="ADAL" clId="{554BA7E0-55EE-9746-83EC-F09BDB4BCF3A}" dt="2021-04-23T03:55:04.686" v="922" actId="2696"/>
        <pc:sldMkLst>
          <pc:docMk/>
          <pc:sldMk cId="24135328" sldId="610"/>
        </pc:sldMkLst>
      </pc:sldChg>
      <pc:sldChg chg="del">
        <pc:chgData name="Daly Donnacha HSLU I" userId="0f22e960-400a-43ff-baeb-4828c8f5cd3a" providerId="ADAL" clId="{554BA7E0-55EE-9746-83EC-F09BDB4BCF3A}" dt="2021-04-23T03:55:04.686" v="922" actId="2696"/>
        <pc:sldMkLst>
          <pc:docMk/>
          <pc:sldMk cId="619789478" sldId="611"/>
        </pc:sldMkLst>
      </pc:sldChg>
      <pc:sldChg chg="del">
        <pc:chgData name="Daly Donnacha HSLU I" userId="0f22e960-400a-43ff-baeb-4828c8f5cd3a" providerId="ADAL" clId="{554BA7E0-55EE-9746-83EC-F09BDB4BCF3A}" dt="2021-04-23T03:55:04.686" v="922" actId="2696"/>
        <pc:sldMkLst>
          <pc:docMk/>
          <pc:sldMk cId="1241695363" sldId="612"/>
        </pc:sldMkLst>
      </pc:sldChg>
      <pc:sldChg chg="del">
        <pc:chgData name="Daly Donnacha HSLU I" userId="0f22e960-400a-43ff-baeb-4828c8f5cd3a" providerId="ADAL" clId="{554BA7E0-55EE-9746-83EC-F09BDB4BCF3A}" dt="2021-04-23T03:55:04.686" v="922" actId="2696"/>
        <pc:sldMkLst>
          <pc:docMk/>
          <pc:sldMk cId="1286519018" sldId="615"/>
        </pc:sldMkLst>
      </pc:sldChg>
      <pc:sldChg chg="del">
        <pc:chgData name="Daly Donnacha HSLU I" userId="0f22e960-400a-43ff-baeb-4828c8f5cd3a" providerId="ADAL" clId="{554BA7E0-55EE-9746-83EC-F09BDB4BCF3A}" dt="2021-04-23T03:55:04.686" v="922" actId="2696"/>
        <pc:sldMkLst>
          <pc:docMk/>
          <pc:sldMk cId="1060005987" sldId="616"/>
        </pc:sldMkLst>
      </pc:sldChg>
      <pc:sldChg chg="del">
        <pc:chgData name="Daly Donnacha HSLU I" userId="0f22e960-400a-43ff-baeb-4828c8f5cd3a" providerId="ADAL" clId="{554BA7E0-55EE-9746-83EC-F09BDB4BCF3A}" dt="2021-04-23T03:55:04.686" v="922" actId="2696"/>
        <pc:sldMkLst>
          <pc:docMk/>
          <pc:sldMk cId="1676599663" sldId="617"/>
        </pc:sldMkLst>
      </pc:sldChg>
      <pc:sldChg chg="del">
        <pc:chgData name="Daly Donnacha HSLU I" userId="0f22e960-400a-43ff-baeb-4828c8f5cd3a" providerId="ADAL" clId="{554BA7E0-55EE-9746-83EC-F09BDB4BCF3A}" dt="2021-04-23T03:55:04.686" v="922" actId="2696"/>
        <pc:sldMkLst>
          <pc:docMk/>
          <pc:sldMk cId="3095860427" sldId="618"/>
        </pc:sldMkLst>
      </pc:sldChg>
      <pc:sldChg chg="del">
        <pc:chgData name="Daly Donnacha HSLU I" userId="0f22e960-400a-43ff-baeb-4828c8f5cd3a" providerId="ADAL" clId="{554BA7E0-55EE-9746-83EC-F09BDB4BCF3A}" dt="2021-04-23T03:55:04.686" v="922" actId="2696"/>
        <pc:sldMkLst>
          <pc:docMk/>
          <pc:sldMk cId="2671292984" sldId="619"/>
        </pc:sldMkLst>
      </pc:sldChg>
      <pc:sldChg chg="del">
        <pc:chgData name="Daly Donnacha HSLU I" userId="0f22e960-400a-43ff-baeb-4828c8f5cd3a" providerId="ADAL" clId="{554BA7E0-55EE-9746-83EC-F09BDB4BCF3A}" dt="2021-04-23T03:55:04.686" v="922" actId="2696"/>
        <pc:sldMkLst>
          <pc:docMk/>
          <pc:sldMk cId="2242120439" sldId="620"/>
        </pc:sldMkLst>
      </pc:sldChg>
      <pc:sldChg chg="del">
        <pc:chgData name="Daly Donnacha HSLU I" userId="0f22e960-400a-43ff-baeb-4828c8f5cd3a" providerId="ADAL" clId="{554BA7E0-55EE-9746-83EC-F09BDB4BCF3A}" dt="2021-04-23T03:55:04.686" v="922" actId="2696"/>
        <pc:sldMkLst>
          <pc:docMk/>
          <pc:sldMk cId="1441532671" sldId="621"/>
        </pc:sldMkLst>
      </pc:sldChg>
      <pc:sldChg chg="del">
        <pc:chgData name="Daly Donnacha HSLU I" userId="0f22e960-400a-43ff-baeb-4828c8f5cd3a" providerId="ADAL" clId="{554BA7E0-55EE-9746-83EC-F09BDB4BCF3A}" dt="2021-04-23T03:55:04.686" v="922" actId="2696"/>
        <pc:sldMkLst>
          <pc:docMk/>
          <pc:sldMk cId="135038309" sldId="622"/>
        </pc:sldMkLst>
      </pc:sldChg>
      <pc:sldChg chg="del">
        <pc:chgData name="Daly Donnacha HSLU I" userId="0f22e960-400a-43ff-baeb-4828c8f5cd3a" providerId="ADAL" clId="{554BA7E0-55EE-9746-83EC-F09BDB4BCF3A}" dt="2021-04-23T03:55:04.686" v="922" actId="2696"/>
        <pc:sldMkLst>
          <pc:docMk/>
          <pc:sldMk cId="344160761" sldId="623"/>
        </pc:sldMkLst>
      </pc:sldChg>
      <pc:sldChg chg="del">
        <pc:chgData name="Daly Donnacha HSLU I" userId="0f22e960-400a-43ff-baeb-4828c8f5cd3a" providerId="ADAL" clId="{554BA7E0-55EE-9746-83EC-F09BDB4BCF3A}" dt="2021-04-23T03:55:04.686" v="922" actId="2696"/>
        <pc:sldMkLst>
          <pc:docMk/>
          <pc:sldMk cId="3515522778" sldId="624"/>
        </pc:sldMkLst>
      </pc:sldChg>
      <pc:sldChg chg="del">
        <pc:chgData name="Daly Donnacha HSLU I" userId="0f22e960-400a-43ff-baeb-4828c8f5cd3a" providerId="ADAL" clId="{554BA7E0-55EE-9746-83EC-F09BDB4BCF3A}" dt="2021-04-23T03:55:04.686" v="922" actId="2696"/>
        <pc:sldMkLst>
          <pc:docMk/>
          <pc:sldMk cId="1533219916" sldId="625"/>
        </pc:sldMkLst>
      </pc:sldChg>
      <pc:sldChg chg="del">
        <pc:chgData name="Daly Donnacha HSLU I" userId="0f22e960-400a-43ff-baeb-4828c8f5cd3a" providerId="ADAL" clId="{554BA7E0-55EE-9746-83EC-F09BDB4BCF3A}" dt="2021-04-23T03:55:04.686" v="922" actId="2696"/>
        <pc:sldMkLst>
          <pc:docMk/>
          <pc:sldMk cId="1796232076" sldId="626"/>
        </pc:sldMkLst>
      </pc:sldChg>
      <pc:sldChg chg="del">
        <pc:chgData name="Daly Donnacha HSLU I" userId="0f22e960-400a-43ff-baeb-4828c8f5cd3a" providerId="ADAL" clId="{554BA7E0-55EE-9746-83EC-F09BDB4BCF3A}" dt="2021-04-23T03:55:04.686" v="922" actId="2696"/>
        <pc:sldMkLst>
          <pc:docMk/>
          <pc:sldMk cId="602460340" sldId="627"/>
        </pc:sldMkLst>
      </pc:sldChg>
      <pc:sldChg chg="del">
        <pc:chgData name="Daly Donnacha HSLU I" userId="0f22e960-400a-43ff-baeb-4828c8f5cd3a" providerId="ADAL" clId="{554BA7E0-55EE-9746-83EC-F09BDB4BCF3A}" dt="2021-04-23T03:55:04.686" v="922" actId="2696"/>
        <pc:sldMkLst>
          <pc:docMk/>
          <pc:sldMk cId="1515609990" sldId="628"/>
        </pc:sldMkLst>
      </pc:sldChg>
      <pc:sldChg chg="del">
        <pc:chgData name="Daly Donnacha HSLU I" userId="0f22e960-400a-43ff-baeb-4828c8f5cd3a" providerId="ADAL" clId="{554BA7E0-55EE-9746-83EC-F09BDB4BCF3A}" dt="2021-04-23T03:55:04.686" v="922" actId="2696"/>
        <pc:sldMkLst>
          <pc:docMk/>
          <pc:sldMk cId="2747342985" sldId="629"/>
        </pc:sldMkLst>
      </pc:sldChg>
      <pc:sldChg chg="del">
        <pc:chgData name="Daly Donnacha HSLU I" userId="0f22e960-400a-43ff-baeb-4828c8f5cd3a" providerId="ADAL" clId="{554BA7E0-55EE-9746-83EC-F09BDB4BCF3A}" dt="2021-04-23T03:55:04.686" v="922" actId="2696"/>
        <pc:sldMkLst>
          <pc:docMk/>
          <pc:sldMk cId="2384890512" sldId="630"/>
        </pc:sldMkLst>
      </pc:sldChg>
      <pc:sldChg chg="del">
        <pc:chgData name="Daly Donnacha HSLU I" userId="0f22e960-400a-43ff-baeb-4828c8f5cd3a" providerId="ADAL" clId="{554BA7E0-55EE-9746-83EC-F09BDB4BCF3A}" dt="2021-04-23T03:55:04.686" v="922" actId="2696"/>
        <pc:sldMkLst>
          <pc:docMk/>
          <pc:sldMk cId="4223653003" sldId="631"/>
        </pc:sldMkLst>
      </pc:sldChg>
      <pc:sldChg chg="del">
        <pc:chgData name="Daly Donnacha HSLU I" userId="0f22e960-400a-43ff-baeb-4828c8f5cd3a" providerId="ADAL" clId="{554BA7E0-55EE-9746-83EC-F09BDB4BCF3A}" dt="2021-04-23T03:55:04.686" v="922" actId="2696"/>
        <pc:sldMkLst>
          <pc:docMk/>
          <pc:sldMk cId="1272548044" sldId="632"/>
        </pc:sldMkLst>
      </pc:sldChg>
      <pc:sldChg chg="del">
        <pc:chgData name="Daly Donnacha HSLU I" userId="0f22e960-400a-43ff-baeb-4828c8f5cd3a" providerId="ADAL" clId="{554BA7E0-55EE-9746-83EC-F09BDB4BCF3A}" dt="2021-04-23T03:55:04.686" v="922" actId="2696"/>
        <pc:sldMkLst>
          <pc:docMk/>
          <pc:sldMk cId="2724319377" sldId="633"/>
        </pc:sldMkLst>
      </pc:sldChg>
      <pc:sldChg chg="del">
        <pc:chgData name="Daly Donnacha HSLU I" userId="0f22e960-400a-43ff-baeb-4828c8f5cd3a" providerId="ADAL" clId="{554BA7E0-55EE-9746-83EC-F09BDB4BCF3A}" dt="2021-04-23T03:55:04.686" v="922" actId="2696"/>
        <pc:sldMkLst>
          <pc:docMk/>
          <pc:sldMk cId="2373715063" sldId="634"/>
        </pc:sldMkLst>
      </pc:sldChg>
      <pc:sldChg chg="del">
        <pc:chgData name="Daly Donnacha HSLU I" userId="0f22e960-400a-43ff-baeb-4828c8f5cd3a" providerId="ADAL" clId="{554BA7E0-55EE-9746-83EC-F09BDB4BCF3A}" dt="2021-04-23T03:55:04.686" v="922" actId="2696"/>
        <pc:sldMkLst>
          <pc:docMk/>
          <pc:sldMk cId="3477665471" sldId="635"/>
        </pc:sldMkLst>
      </pc:sldChg>
      <pc:sldChg chg="del">
        <pc:chgData name="Daly Donnacha HSLU I" userId="0f22e960-400a-43ff-baeb-4828c8f5cd3a" providerId="ADAL" clId="{554BA7E0-55EE-9746-83EC-F09BDB4BCF3A}" dt="2021-04-23T03:55:04.686" v="922" actId="2696"/>
        <pc:sldMkLst>
          <pc:docMk/>
          <pc:sldMk cId="2815536934" sldId="636"/>
        </pc:sldMkLst>
      </pc:sldChg>
      <pc:sldChg chg="del">
        <pc:chgData name="Daly Donnacha HSLU I" userId="0f22e960-400a-43ff-baeb-4828c8f5cd3a" providerId="ADAL" clId="{554BA7E0-55EE-9746-83EC-F09BDB4BCF3A}" dt="2021-04-23T03:55:04.686" v="922" actId="2696"/>
        <pc:sldMkLst>
          <pc:docMk/>
          <pc:sldMk cId="3763015911" sldId="637"/>
        </pc:sldMkLst>
      </pc:sldChg>
      <pc:sldChg chg="del">
        <pc:chgData name="Daly Donnacha HSLU I" userId="0f22e960-400a-43ff-baeb-4828c8f5cd3a" providerId="ADAL" clId="{554BA7E0-55EE-9746-83EC-F09BDB4BCF3A}" dt="2021-04-23T03:55:04.686" v="922" actId="2696"/>
        <pc:sldMkLst>
          <pc:docMk/>
          <pc:sldMk cId="1672326396" sldId="638"/>
        </pc:sldMkLst>
      </pc:sldChg>
      <pc:sldChg chg="del">
        <pc:chgData name="Daly Donnacha HSLU I" userId="0f22e960-400a-43ff-baeb-4828c8f5cd3a" providerId="ADAL" clId="{554BA7E0-55EE-9746-83EC-F09BDB4BCF3A}" dt="2021-04-23T03:55:04.686" v="922" actId="2696"/>
        <pc:sldMkLst>
          <pc:docMk/>
          <pc:sldMk cId="3809461176" sldId="639"/>
        </pc:sldMkLst>
      </pc:sldChg>
      <pc:sldChg chg="del">
        <pc:chgData name="Daly Donnacha HSLU I" userId="0f22e960-400a-43ff-baeb-4828c8f5cd3a" providerId="ADAL" clId="{554BA7E0-55EE-9746-83EC-F09BDB4BCF3A}" dt="2021-04-23T03:55:04.686" v="922" actId="2696"/>
        <pc:sldMkLst>
          <pc:docMk/>
          <pc:sldMk cId="2395231572" sldId="640"/>
        </pc:sldMkLst>
      </pc:sldChg>
      <pc:sldChg chg="del">
        <pc:chgData name="Daly Donnacha HSLU I" userId="0f22e960-400a-43ff-baeb-4828c8f5cd3a" providerId="ADAL" clId="{554BA7E0-55EE-9746-83EC-F09BDB4BCF3A}" dt="2021-04-23T03:55:04.686" v="922" actId="2696"/>
        <pc:sldMkLst>
          <pc:docMk/>
          <pc:sldMk cId="1476795691" sldId="641"/>
        </pc:sldMkLst>
      </pc:sldChg>
      <pc:sldChg chg="del">
        <pc:chgData name="Daly Donnacha HSLU I" userId="0f22e960-400a-43ff-baeb-4828c8f5cd3a" providerId="ADAL" clId="{554BA7E0-55EE-9746-83EC-F09BDB4BCF3A}" dt="2021-04-23T03:55:04.686" v="922" actId="2696"/>
        <pc:sldMkLst>
          <pc:docMk/>
          <pc:sldMk cId="716158382" sldId="642"/>
        </pc:sldMkLst>
      </pc:sldChg>
      <pc:sldChg chg="del">
        <pc:chgData name="Daly Donnacha HSLU I" userId="0f22e960-400a-43ff-baeb-4828c8f5cd3a" providerId="ADAL" clId="{554BA7E0-55EE-9746-83EC-F09BDB4BCF3A}" dt="2021-04-23T03:55:04.686" v="922" actId="2696"/>
        <pc:sldMkLst>
          <pc:docMk/>
          <pc:sldMk cId="2688564484" sldId="643"/>
        </pc:sldMkLst>
      </pc:sldChg>
      <pc:sldChg chg="addSp modSp new mod">
        <pc:chgData name="Daly Donnacha HSLU I" userId="0f22e960-400a-43ff-baeb-4828c8f5cd3a" providerId="ADAL" clId="{554BA7E0-55EE-9746-83EC-F09BDB4BCF3A}" dt="2021-04-23T03:54:15.355" v="901" actId="20577"/>
        <pc:sldMkLst>
          <pc:docMk/>
          <pc:sldMk cId="1736780064" sldId="644"/>
        </pc:sldMkLst>
        <pc:spChg chg="mod">
          <ac:chgData name="Daly Donnacha HSLU I" userId="0f22e960-400a-43ff-baeb-4828c8f5cd3a" providerId="ADAL" clId="{554BA7E0-55EE-9746-83EC-F09BDB4BCF3A}" dt="2021-04-23T03:46:16.911" v="160" actId="20577"/>
          <ac:spMkLst>
            <pc:docMk/>
            <pc:sldMk cId="1736780064" sldId="644"/>
            <ac:spMk id="2" creationId="{1D5669EE-21A5-1746-9C45-74C3CCBF7D04}"/>
          </ac:spMkLst>
        </pc:spChg>
        <pc:spChg chg="add mod">
          <ac:chgData name="Daly Donnacha HSLU I" userId="0f22e960-400a-43ff-baeb-4828c8f5cd3a" providerId="ADAL" clId="{554BA7E0-55EE-9746-83EC-F09BDB4BCF3A}" dt="2021-04-23T03:48:07.638" v="220" actId="207"/>
          <ac:spMkLst>
            <pc:docMk/>
            <pc:sldMk cId="1736780064" sldId="644"/>
            <ac:spMk id="3" creationId="{795D2211-E7F8-9A45-8FF6-8ADBA811C8BA}"/>
          </ac:spMkLst>
        </pc:spChg>
        <pc:spChg chg="add mod">
          <ac:chgData name="Daly Donnacha HSLU I" userId="0f22e960-400a-43ff-baeb-4828c8f5cd3a" providerId="ADAL" clId="{554BA7E0-55EE-9746-83EC-F09BDB4BCF3A}" dt="2021-04-23T03:48:19.437" v="222" actId="207"/>
          <ac:spMkLst>
            <pc:docMk/>
            <pc:sldMk cId="1736780064" sldId="644"/>
            <ac:spMk id="4" creationId="{976B58B8-D1A4-1047-90C9-949E6D201B5D}"/>
          </ac:spMkLst>
        </pc:spChg>
        <pc:spChg chg="add mod">
          <ac:chgData name="Daly Donnacha HSLU I" userId="0f22e960-400a-43ff-baeb-4828c8f5cd3a" providerId="ADAL" clId="{554BA7E0-55EE-9746-83EC-F09BDB4BCF3A}" dt="2021-04-23T03:48:15.662" v="221" actId="207"/>
          <ac:spMkLst>
            <pc:docMk/>
            <pc:sldMk cId="1736780064" sldId="644"/>
            <ac:spMk id="5" creationId="{DC17A6F0-1079-4D4C-AA2A-38EF92C7BF17}"/>
          </ac:spMkLst>
        </pc:spChg>
        <pc:spChg chg="add mod">
          <ac:chgData name="Daly Donnacha HSLU I" userId="0f22e960-400a-43ff-baeb-4828c8f5cd3a" providerId="ADAL" clId="{554BA7E0-55EE-9746-83EC-F09BDB4BCF3A}" dt="2021-04-23T03:50:59.160" v="499" actId="1035"/>
          <ac:spMkLst>
            <pc:docMk/>
            <pc:sldMk cId="1736780064" sldId="644"/>
            <ac:spMk id="6" creationId="{D516AA6B-91B5-614F-BF2D-F00F10CF5B4A}"/>
          </ac:spMkLst>
        </pc:spChg>
        <pc:spChg chg="add mod">
          <ac:chgData name="Daly Donnacha HSLU I" userId="0f22e960-400a-43ff-baeb-4828c8f5cd3a" providerId="ADAL" clId="{554BA7E0-55EE-9746-83EC-F09BDB4BCF3A}" dt="2021-04-23T03:52:25.777" v="701" actId="20577"/>
          <ac:spMkLst>
            <pc:docMk/>
            <pc:sldMk cId="1736780064" sldId="644"/>
            <ac:spMk id="7" creationId="{D848E18C-0158-6048-B2CC-4196EFDDD3AA}"/>
          </ac:spMkLst>
        </pc:spChg>
        <pc:spChg chg="add mod">
          <ac:chgData name="Daly Donnacha HSLU I" userId="0f22e960-400a-43ff-baeb-4828c8f5cd3a" providerId="ADAL" clId="{554BA7E0-55EE-9746-83EC-F09BDB4BCF3A}" dt="2021-04-23T03:54:15.355" v="901" actId="20577"/>
          <ac:spMkLst>
            <pc:docMk/>
            <pc:sldMk cId="1736780064" sldId="644"/>
            <ac:spMk id="8" creationId="{89DC3C90-6A58-054F-9574-388172DB6D64}"/>
          </ac:spMkLst>
        </pc:spChg>
      </pc:sldChg>
      <pc:sldChg chg="modSp add mod">
        <pc:chgData name="Daly Donnacha HSLU I" userId="0f22e960-400a-43ff-baeb-4828c8f5cd3a" providerId="ADAL" clId="{554BA7E0-55EE-9746-83EC-F09BDB4BCF3A}" dt="2021-04-23T14:57:50.010" v="8431" actId="20577"/>
        <pc:sldMkLst>
          <pc:docMk/>
          <pc:sldMk cId="657831776" sldId="645"/>
        </pc:sldMkLst>
        <pc:spChg chg="mod">
          <ac:chgData name="Daly Donnacha HSLU I" userId="0f22e960-400a-43ff-baeb-4828c8f5cd3a" providerId="ADAL" clId="{554BA7E0-55EE-9746-83EC-F09BDB4BCF3A}" dt="2021-04-23T03:54:44.705" v="918" actId="20577"/>
          <ac:spMkLst>
            <pc:docMk/>
            <pc:sldMk cId="657831776" sldId="645"/>
            <ac:spMk id="2" creationId="{069B8F1E-027C-6440-9E6A-40BB8DAAAB65}"/>
          </ac:spMkLst>
        </pc:spChg>
        <pc:spChg chg="mod">
          <ac:chgData name="Daly Donnacha HSLU I" userId="0f22e960-400a-43ff-baeb-4828c8f5cd3a" providerId="ADAL" clId="{554BA7E0-55EE-9746-83EC-F09BDB4BCF3A}" dt="2021-04-23T14:57:50.010" v="8431" actId="20577"/>
          <ac:spMkLst>
            <pc:docMk/>
            <pc:sldMk cId="657831776" sldId="645"/>
            <ac:spMk id="3" creationId="{63132F41-5235-6647-AE60-DA2A6069816C}"/>
          </ac:spMkLst>
        </pc:spChg>
      </pc:sldChg>
      <pc:sldChg chg="modSp add mod ord">
        <pc:chgData name="Daly Donnacha HSLU I" userId="0f22e960-400a-43ff-baeb-4828c8f5cd3a" providerId="ADAL" clId="{554BA7E0-55EE-9746-83EC-F09BDB4BCF3A}" dt="2021-04-23T14:02:27.609" v="7294" actId="20577"/>
        <pc:sldMkLst>
          <pc:docMk/>
          <pc:sldMk cId="1784670130" sldId="646"/>
        </pc:sldMkLst>
        <pc:spChg chg="mod">
          <ac:chgData name="Daly Donnacha HSLU I" userId="0f22e960-400a-43ff-baeb-4828c8f5cd3a" providerId="ADAL" clId="{554BA7E0-55EE-9746-83EC-F09BDB4BCF3A}" dt="2021-04-23T03:54:53.673" v="921" actId="20577"/>
          <ac:spMkLst>
            <pc:docMk/>
            <pc:sldMk cId="1784670130" sldId="646"/>
            <ac:spMk id="2" creationId="{069B8F1E-027C-6440-9E6A-40BB8DAAAB65}"/>
          </ac:spMkLst>
        </pc:spChg>
        <pc:spChg chg="mod">
          <ac:chgData name="Daly Donnacha HSLU I" userId="0f22e960-400a-43ff-baeb-4828c8f5cd3a" providerId="ADAL" clId="{554BA7E0-55EE-9746-83EC-F09BDB4BCF3A}" dt="2021-04-23T14:02:27.609" v="7294" actId="20577"/>
          <ac:spMkLst>
            <pc:docMk/>
            <pc:sldMk cId="1784670130" sldId="646"/>
            <ac:spMk id="3" creationId="{63132F41-5235-6647-AE60-DA2A6069816C}"/>
          </ac:spMkLst>
        </pc:spChg>
      </pc:sldChg>
      <pc:sldChg chg="addSp delSp modSp new mod">
        <pc:chgData name="Daly Donnacha HSLU I" userId="0f22e960-400a-43ff-baeb-4828c8f5cd3a" providerId="ADAL" clId="{554BA7E0-55EE-9746-83EC-F09BDB4BCF3A}" dt="2021-04-23T04:50:11.841" v="1886" actId="1036"/>
        <pc:sldMkLst>
          <pc:docMk/>
          <pc:sldMk cId="1495365288" sldId="647"/>
        </pc:sldMkLst>
        <pc:spChg chg="mod">
          <ac:chgData name="Daly Donnacha HSLU I" userId="0f22e960-400a-43ff-baeb-4828c8f5cd3a" providerId="ADAL" clId="{554BA7E0-55EE-9746-83EC-F09BDB4BCF3A}" dt="2021-04-23T04:05:31.090" v="954" actId="20577"/>
          <ac:spMkLst>
            <pc:docMk/>
            <pc:sldMk cId="1495365288" sldId="647"/>
            <ac:spMk id="2" creationId="{FF08354F-33BF-8B41-B558-1F2082758DE4}"/>
          </ac:spMkLst>
        </pc:spChg>
        <pc:spChg chg="add del mod">
          <ac:chgData name="Daly Donnacha HSLU I" userId="0f22e960-400a-43ff-baeb-4828c8f5cd3a" providerId="ADAL" clId="{554BA7E0-55EE-9746-83EC-F09BDB4BCF3A}" dt="2021-04-23T04:49:02.505" v="1839" actId="20577"/>
          <ac:spMkLst>
            <pc:docMk/>
            <pc:sldMk cId="1495365288" sldId="647"/>
            <ac:spMk id="3" creationId="{91BB3F44-391E-514D-A17A-DF4C8512CA98}"/>
          </ac:spMkLst>
        </pc:spChg>
        <pc:spChg chg="add del mod">
          <ac:chgData name="Daly Donnacha HSLU I" userId="0f22e960-400a-43ff-baeb-4828c8f5cd3a" providerId="ADAL" clId="{554BA7E0-55EE-9746-83EC-F09BDB4BCF3A}" dt="2021-04-23T04:34:59.761" v="1699"/>
          <ac:spMkLst>
            <pc:docMk/>
            <pc:sldMk cId="1495365288" sldId="647"/>
            <ac:spMk id="4" creationId="{AFA95B6B-3C1D-3A4E-8A46-9CD0DB4D9248}"/>
          </ac:spMkLst>
        </pc:spChg>
        <pc:spChg chg="mod">
          <ac:chgData name="Daly Donnacha HSLU I" userId="0f22e960-400a-43ff-baeb-4828c8f5cd3a" providerId="ADAL" clId="{554BA7E0-55EE-9746-83EC-F09BDB4BCF3A}" dt="2021-04-23T04:36:07.787" v="1763"/>
          <ac:spMkLst>
            <pc:docMk/>
            <pc:sldMk cId="1495365288" sldId="647"/>
            <ac:spMk id="17" creationId="{80F26EF0-8F47-0D4D-9D4A-DB7DFB0A5F43}"/>
          </ac:spMkLst>
        </pc:spChg>
        <pc:spChg chg="mod">
          <ac:chgData name="Daly Donnacha HSLU I" userId="0f22e960-400a-43ff-baeb-4828c8f5cd3a" providerId="ADAL" clId="{554BA7E0-55EE-9746-83EC-F09BDB4BCF3A}" dt="2021-04-23T04:36:07.787" v="1763"/>
          <ac:spMkLst>
            <pc:docMk/>
            <pc:sldMk cId="1495365288" sldId="647"/>
            <ac:spMk id="20" creationId="{412FEA0A-079D-714C-ABBA-0D3EF758C893}"/>
          </ac:spMkLst>
        </pc:spChg>
        <pc:spChg chg="mod">
          <ac:chgData name="Daly Donnacha HSLU I" userId="0f22e960-400a-43ff-baeb-4828c8f5cd3a" providerId="ADAL" clId="{554BA7E0-55EE-9746-83EC-F09BDB4BCF3A}" dt="2021-04-23T04:36:07.787" v="1763"/>
          <ac:spMkLst>
            <pc:docMk/>
            <pc:sldMk cId="1495365288" sldId="647"/>
            <ac:spMk id="22" creationId="{E5B4CB3A-9A27-BA49-A8EA-4C7EB64052E7}"/>
          </ac:spMkLst>
        </pc:spChg>
        <pc:spChg chg="mod">
          <ac:chgData name="Daly Donnacha HSLU I" userId="0f22e960-400a-43ff-baeb-4828c8f5cd3a" providerId="ADAL" clId="{554BA7E0-55EE-9746-83EC-F09BDB4BCF3A}" dt="2021-04-23T04:36:07.787" v="1763"/>
          <ac:spMkLst>
            <pc:docMk/>
            <pc:sldMk cId="1495365288" sldId="647"/>
            <ac:spMk id="24" creationId="{3020AC29-9744-AF4D-AD47-5756EEAD9131}"/>
          </ac:spMkLst>
        </pc:spChg>
        <pc:spChg chg="mod">
          <ac:chgData name="Daly Donnacha HSLU I" userId="0f22e960-400a-43ff-baeb-4828c8f5cd3a" providerId="ADAL" clId="{554BA7E0-55EE-9746-83EC-F09BDB4BCF3A}" dt="2021-04-23T04:36:07.787" v="1763"/>
          <ac:spMkLst>
            <pc:docMk/>
            <pc:sldMk cId="1495365288" sldId="647"/>
            <ac:spMk id="26" creationId="{FF472BAD-F466-D94B-9A80-45B4DFCBAA64}"/>
          </ac:spMkLst>
        </pc:spChg>
        <pc:spChg chg="add mod">
          <ac:chgData name="Daly Donnacha HSLU I" userId="0f22e960-400a-43ff-baeb-4828c8f5cd3a" providerId="ADAL" clId="{554BA7E0-55EE-9746-83EC-F09BDB4BCF3A}" dt="2021-04-23T04:43:27.056" v="1813" actId="6549"/>
          <ac:spMkLst>
            <pc:docMk/>
            <pc:sldMk cId="1495365288" sldId="647"/>
            <ac:spMk id="30" creationId="{8AB9F823-0D44-AC46-B0D8-A88E0617B508}"/>
          </ac:spMkLst>
        </pc:spChg>
        <pc:grpChg chg="add mod">
          <ac:chgData name="Daly Donnacha HSLU I" userId="0f22e960-400a-43ff-baeb-4828c8f5cd3a" providerId="ADAL" clId="{554BA7E0-55EE-9746-83EC-F09BDB4BCF3A}" dt="2021-04-23T04:36:16.729" v="1790" actId="1036"/>
          <ac:grpSpMkLst>
            <pc:docMk/>
            <pc:sldMk cId="1495365288" sldId="647"/>
            <ac:grpSpMk id="6" creationId="{5615B378-49C0-DB49-8C16-F4CD170F0497}"/>
          </ac:grpSpMkLst>
        </pc:grpChg>
        <pc:grpChg chg="mod">
          <ac:chgData name="Daly Donnacha HSLU I" userId="0f22e960-400a-43ff-baeb-4828c8f5cd3a" providerId="ADAL" clId="{554BA7E0-55EE-9746-83EC-F09BDB4BCF3A}" dt="2021-04-23T04:36:07.787" v="1763"/>
          <ac:grpSpMkLst>
            <pc:docMk/>
            <pc:sldMk cId="1495365288" sldId="647"/>
            <ac:grpSpMk id="7" creationId="{EAFC2422-0915-D449-B0F6-D78BECA83512}"/>
          </ac:grpSpMkLst>
        </pc:grpChg>
        <pc:grpChg chg="mod">
          <ac:chgData name="Daly Donnacha HSLU I" userId="0f22e960-400a-43ff-baeb-4828c8f5cd3a" providerId="ADAL" clId="{554BA7E0-55EE-9746-83EC-F09BDB4BCF3A}" dt="2021-04-23T04:36:07.787" v="1763"/>
          <ac:grpSpMkLst>
            <pc:docMk/>
            <pc:sldMk cId="1495365288" sldId="647"/>
            <ac:grpSpMk id="8" creationId="{3C7BDDC0-142C-7D4D-B336-849AB7521088}"/>
          </ac:grpSpMkLst>
        </pc:grpChg>
        <pc:grpChg chg="mod">
          <ac:chgData name="Daly Donnacha HSLU I" userId="0f22e960-400a-43ff-baeb-4828c8f5cd3a" providerId="ADAL" clId="{554BA7E0-55EE-9746-83EC-F09BDB4BCF3A}" dt="2021-04-23T04:36:07.787" v="1763"/>
          <ac:grpSpMkLst>
            <pc:docMk/>
            <pc:sldMk cId="1495365288" sldId="647"/>
            <ac:grpSpMk id="9" creationId="{73E117C7-3854-E041-8CC9-13B2CDF5D0C0}"/>
          </ac:grpSpMkLst>
        </pc:grpChg>
        <pc:grpChg chg="mod">
          <ac:chgData name="Daly Donnacha HSLU I" userId="0f22e960-400a-43ff-baeb-4828c8f5cd3a" providerId="ADAL" clId="{554BA7E0-55EE-9746-83EC-F09BDB4BCF3A}" dt="2021-04-23T04:36:07.787" v="1763"/>
          <ac:grpSpMkLst>
            <pc:docMk/>
            <pc:sldMk cId="1495365288" sldId="647"/>
            <ac:grpSpMk id="10" creationId="{24BAC892-FD5B-A748-B0F1-1CDEF603034C}"/>
          </ac:grpSpMkLst>
        </pc:grpChg>
        <pc:picChg chg="add del mod">
          <ac:chgData name="Daly Donnacha HSLU I" userId="0f22e960-400a-43ff-baeb-4828c8f5cd3a" providerId="ADAL" clId="{554BA7E0-55EE-9746-83EC-F09BDB4BCF3A}" dt="2021-04-23T04:49:04.567" v="1840" actId="478"/>
          <ac:picMkLst>
            <pc:docMk/>
            <pc:sldMk cId="1495365288" sldId="647"/>
            <ac:picMk id="5" creationId="{BC31F708-8DCA-544C-AC9B-BAB8E0AF261A}"/>
          </ac:picMkLst>
        </pc:picChg>
        <pc:picChg chg="mod">
          <ac:chgData name="Daly Donnacha HSLU I" userId="0f22e960-400a-43ff-baeb-4828c8f5cd3a" providerId="ADAL" clId="{554BA7E0-55EE-9746-83EC-F09BDB4BCF3A}" dt="2021-04-23T04:36:07.787" v="1763"/>
          <ac:picMkLst>
            <pc:docMk/>
            <pc:sldMk cId="1495365288" sldId="647"/>
            <ac:picMk id="18" creationId="{DDE58796-FB59-0444-9A2D-10928FCF8332}"/>
          </ac:picMkLst>
        </pc:picChg>
        <pc:picChg chg="mod">
          <ac:chgData name="Daly Donnacha HSLU I" userId="0f22e960-400a-43ff-baeb-4828c8f5cd3a" providerId="ADAL" clId="{554BA7E0-55EE-9746-83EC-F09BDB4BCF3A}" dt="2021-04-23T04:36:07.787" v="1763"/>
          <ac:picMkLst>
            <pc:docMk/>
            <pc:sldMk cId="1495365288" sldId="647"/>
            <ac:picMk id="19" creationId="{FC5EC9E3-0EC3-DA49-90B3-35CF3A67D722}"/>
          </ac:picMkLst>
        </pc:picChg>
        <pc:picChg chg="mod">
          <ac:chgData name="Daly Donnacha HSLU I" userId="0f22e960-400a-43ff-baeb-4828c8f5cd3a" providerId="ADAL" clId="{554BA7E0-55EE-9746-83EC-F09BDB4BCF3A}" dt="2021-04-23T04:36:07.787" v="1763"/>
          <ac:picMkLst>
            <pc:docMk/>
            <pc:sldMk cId="1495365288" sldId="647"/>
            <ac:picMk id="21" creationId="{61876F3D-13E0-5E4B-8341-D805E48EDCE3}"/>
          </ac:picMkLst>
        </pc:picChg>
        <pc:picChg chg="mod">
          <ac:chgData name="Daly Donnacha HSLU I" userId="0f22e960-400a-43ff-baeb-4828c8f5cd3a" providerId="ADAL" clId="{554BA7E0-55EE-9746-83EC-F09BDB4BCF3A}" dt="2021-04-23T04:36:07.787" v="1763"/>
          <ac:picMkLst>
            <pc:docMk/>
            <pc:sldMk cId="1495365288" sldId="647"/>
            <ac:picMk id="23" creationId="{80F41B56-6A5A-5045-A9C6-B13D908E2D8D}"/>
          </ac:picMkLst>
        </pc:picChg>
        <pc:picChg chg="mod">
          <ac:chgData name="Daly Donnacha HSLU I" userId="0f22e960-400a-43ff-baeb-4828c8f5cd3a" providerId="ADAL" clId="{554BA7E0-55EE-9746-83EC-F09BDB4BCF3A}" dt="2021-04-23T04:36:07.787" v="1763"/>
          <ac:picMkLst>
            <pc:docMk/>
            <pc:sldMk cId="1495365288" sldId="647"/>
            <ac:picMk id="25" creationId="{5AAB5BE5-331E-374E-9D82-680FB9DA23C6}"/>
          </ac:picMkLst>
        </pc:picChg>
        <pc:picChg chg="mod">
          <ac:chgData name="Daly Donnacha HSLU I" userId="0f22e960-400a-43ff-baeb-4828c8f5cd3a" providerId="ADAL" clId="{554BA7E0-55EE-9746-83EC-F09BDB4BCF3A}" dt="2021-04-23T04:36:07.787" v="1763"/>
          <ac:picMkLst>
            <pc:docMk/>
            <pc:sldMk cId="1495365288" sldId="647"/>
            <ac:picMk id="27" creationId="{DC477A64-24E4-594D-9279-72123A42A76A}"/>
          </ac:picMkLst>
        </pc:picChg>
        <pc:picChg chg="add del mod">
          <ac:chgData name="Daly Donnacha HSLU I" userId="0f22e960-400a-43ff-baeb-4828c8f5cd3a" providerId="ADAL" clId="{554BA7E0-55EE-9746-83EC-F09BDB4BCF3A}" dt="2021-04-23T04:42:37.845" v="1801" actId="478"/>
          <ac:picMkLst>
            <pc:docMk/>
            <pc:sldMk cId="1495365288" sldId="647"/>
            <ac:picMk id="28" creationId="{6E851ECD-766B-3144-8267-75CD09401D6C}"/>
          </ac:picMkLst>
        </pc:picChg>
        <pc:picChg chg="add mod">
          <ac:chgData name="Daly Donnacha HSLU I" userId="0f22e960-400a-43ff-baeb-4828c8f5cd3a" providerId="ADAL" clId="{554BA7E0-55EE-9746-83EC-F09BDB4BCF3A}" dt="2021-04-23T04:42:46.355" v="1811" actId="1076"/>
          <ac:picMkLst>
            <pc:docMk/>
            <pc:sldMk cId="1495365288" sldId="647"/>
            <ac:picMk id="29" creationId="{333BDF71-8D2E-2F42-A100-DE33E15E3E9C}"/>
          </ac:picMkLst>
        </pc:picChg>
        <pc:picChg chg="add mod">
          <ac:chgData name="Daly Donnacha HSLU I" userId="0f22e960-400a-43ff-baeb-4828c8f5cd3a" providerId="ADAL" clId="{554BA7E0-55EE-9746-83EC-F09BDB4BCF3A}" dt="2021-04-23T04:43:18.988" v="1812"/>
          <ac:picMkLst>
            <pc:docMk/>
            <pc:sldMk cId="1495365288" sldId="647"/>
            <ac:picMk id="31" creationId="{FEFB931C-116A-2645-A943-5DB65C06F101}"/>
          </ac:picMkLst>
        </pc:picChg>
        <pc:picChg chg="add mod modCrop">
          <ac:chgData name="Daly Donnacha HSLU I" userId="0f22e960-400a-43ff-baeb-4828c8f5cd3a" providerId="ADAL" clId="{554BA7E0-55EE-9746-83EC-F09BDB4BCF3A}" dt="2021-04-23T04:44:05.903" v="1822" actId="1076"/>
          <ac:picMkLst>
            <pc:docMk/>
            <pc:sldMk cId="1495365288" sldId="647"/>
            <ac:picMk id="32" creationId="{F1D64A74-8BF8-FB49-8043-51DC8BE455FB}"/>
          </ac:picMkLst>
        </pc:picChg>
        <pc:picChg chg="add del mod">
          <ac:chgData name="Daly Donnacha HSLU I" userId="0f22e960-400a-43ff-baeb-4828c8f5cd3a" providerId="ADAL" clId="{554BA7E0-55EE-9746-83EC-F09BDB4BCF3A}" dt="2021-04-23T04:44:23.086" v="1823" actId="478"/>
          <ac:picMkLst>
            <pc:docMk/>
            <pc:sldMk cId="1495365288" sldId="647"/>
            <ac:picMk id="33" creationId="{7D50123E-7A61-D447-B25B-63717D997E60}"/>
          </ac:picMkLst>
        </pc:picChg>
        <pc:picChg chg="add mod modCrop">
          <ac:chgData name="Daly Donnacha HSLU I" userId="0f22e960-400a-43ff-baeb-4828c8f5cd3a" providerId="ADAL" clId="{554BA7E0-55EE-9746-83EC-F09BDB4BCF3A}" dt="2021-04-23T04:43:55.573" v="1821" actId="1076"/>
          <ac:picMkLst>
            <pc:docMk/>
            <pc:sldMk cId="1495365288" sldId="647"/>
            <ac:picMk id="34" creationId="{AD8B4189-0603-7043-A7F9-636E76D3CEB3}"/>
          </ac:picMkLst>
        </pc:picChg>
        <pc:picChg chg="add mod modCrop">
          <ac:chgData name="Daly Donnacha HSLU I" userId="0f22e960-400a-43ff-baeb-4828c8f5cd3a" providerId="ADAL" clId="{554BA7E0-55EE-9746-83EC-F09BDB4BCF3A}" dt="2021-04-23T04:50:02.969" v="1880" actId="732"/>
          <ac:picMkLst>
            <pc:docMk/>
            <pc:sldMk cId="1495365288" sldId="647"/>
            <ac:picMk id="35" creationId="{37BC6132-801C-A748-9C13-16DF85A6E454}"/>
          </ac:picMkLst>
        </pc:picChg>
        <pc:picChg chg="add mod">
          <ac:chgData name="Daly Donnacha HSLU I" userId="0f22e960-400a-43ff-baeb-4828c8f5cd3a" providerId="ADAL" clId="{554BA7E0-55EE-9746-83EC-F09BDB4BCF3A}" dt="2021-04-23T04:50:05.988" v="1883" actId="1037"/>
          <ac:picMkLst>
            <pc:docMk/>
            <pc:sldMk cId="1495365288" sldId="647"/>
            <ac:picMk id="36" creationId="{B7BF5DD2-27E9-CB4B-B627-C52869202FED}"/>
          </ac:picMkLst>
        </pc:picChg>
        <pc:picChg chg="add mod modCrop">
          <ac:chgData name="Daly Donnacha HSLU I" userId="0f22e960-400a-43ff-baeb-4828c8f5cd3a" providerId="ADAL" clId="{554BA7E0-55EE-9746-83EC-F09BDB4BCF3A}" dt="2021-04-23T04:50:11.841" v="1886" actId="1036"/>
          <ac:picMkLst>
            <pc:docMk/>
            <pc:sldMk cId="1495365288" sldId="647"/>
            <ac:picMk id="37" creationId="{B653BB0B-0B6D-234C-B14A-06AFC1F8C22A}"/>
          </ac:picMkLst>
        </pc:picChg>
        <pc:picChg chg="add mod">
          <ac:chgData name="Daly Donnacha HSLU I" userId="0f22e960-400a-43ff-baeb-4828c8f5cd3a" providerId="ADAL" clId="{554BA7E0-55EE-9746-83EC-F09BDB4BCF3A}" dt="2021-04-23T04:49:53.253" v="1878" actId="1076"/>
          <ac:picMkLst>
            <pc:docMk/>
            <pc:sldMk cId="1495365288" sldId="647"/>
            <ac:picMk id="38" creationId="{EF41BE4F-5DA8-EC4D-B323-1081197EE161}"/>
          </ac:picMkLst>
        </pc:picChg>
        <pc:picChg chg="add mod">
          <ac:chgData name="Daly Donnacha HSLU I" userId="0f22e960-400a-43ff-baeb-4828c8f5cd3a" providerId="ADAL" clId="{554BA7E0-55EE-9746-83EC-F09BDB4BCF3A}" dt="2021-04-23T04:49:08.064" v="1870" actId="1035"/>
          <ac:picMkLst>
            <pc:docMk/>
            <pc:sldMk cId="1495365288" sldId="647"/>
            <ac:picMk id="39" creationId="{8A5A41C4-F6F6-3D46-A6AF-1669AA607035}"/>
          </ac:picMkLst>
        </pc:picChg>
        <pc:cxnChg chg="mod">
          <ac:chgData name="Daly Donnacha HSLU I" userId="0f22e960-400a-43ff-baeb-4828c8f5cd3a" providerId="ADAL" clId="{554BA7E0-55EE-9746-83EC-F09BDB4BCF3A}" dt="2021-04-23T04:36:07.787" v="1763"/>
          <ac:cxnSpMkLst>
            <pc:docMk/>
            <pc:sldMk cId="1495365288" sldId="647"/>
            <ac:cxnSpMk id="11" creationId="{3607B0D4-5E23-0545-8C9F-2047BEDF78FE}"/>
          </ac:cxnSpMkLst>
        </pc:cxnChg>
        <pc:cxnChg chg="mod">
          <ac:chgData name="Daly Donnacha HSLU I" userId="0f22e960-400a-43ff-baeb-4828c8f5cd3a" providerId="ADAL" clId="{554BA7E0-55EE-9746-83EC-F09BDB4BCF3A}" dt="2021-04-23T04:36:07.787" v="1763"/>
          <ac:cxnSpMkLst>
            <pc:docMk/>
            <pc:sldMk cId="1495365288" sldId="647"/>
            <ac:cxnSpMk id="12" creationId="{1A950712-7700-D84E-B77E-CB4453A4CFC3}"/>
          </ac:cxnSpMkLst>
        </pc:cxnChg>
        <pc:cxnChg chg="mod">
          <ac:chgData name="Daly Donnacha HSLU I" userId="0f22e960-400a-43ff-baeb-4828c8f5cd3a" providerId="ADAL" clId="{554BA7E0-55EE-9746-83EC-F09BDB4BCF3A}" dt="2021-04-23T04:36:07.787" v="1763"/>
          <ac:cxnSpMkLst>
            <pc:docMk/>
            <pc:sldMk cId="1495365288" sldId="647"/>
            <ac:cxnSpMk id="13" creationId="{EACBAB06-4737-5142-8FFE-2DC47EF0E97A}"/>
          </ac:cxnSpMkLst>
        </pc:cxnChg>
        <pc:cxnChg chg="mod">
          <ac:chgData name="Daly Donnacha HSLU I" userId="0f22e960-400a-43ff-baeb-4828c8f5cd3a" providerId="ADAL" clId="{554BA7E0-55EE-9746-83EC-F09BDB4BCF3A}" dt="2021-04-23T04:36:07.787" v="1763"/>
          <ac:cxnSpMkLst>
            <pc:docMk/>
            <pc:sldMk cId="1495365288" sldId="647"/>
            <ac:cxnSpMk id="14" creationId="{466DC1B0-DCE5-EC4B-854A-9284B3242266}"/>
          </ac:cxnSpMkLst>
        </pc:cxnChg>
        <pc:cxnChg chg="mod">
          <ac:chgData name="Daly Donnacha HSLU I" userId="0f22e960-400a-43ff-baeb-4828c8f5cd3a" providerId="ADAL" clId="{554BA7E0-55EE-9746-83EC-F09BDB4BCF3A}" dt="2021-04-23T04:36:07.787" v="1763"/>
          <ac:cxnSpMkLst>
            <pc:docMk/>
            <pc:sldMk cId="1495365288" sldId="647"/>
            <ac:cxnSpMk id="15" creationId="{1535057F-29BA-B942-B2B9-84016B09F9A8}"/>
          </ac:cxnSpMkLst>
        </pc:cxnChg>
        <pc:cxnChg chg="mod">
          <ac:chgData name="Daly Donnacha HSLU I" userId="0f22e960-400a-43ff-baeb-4828c8f5cd3a" providerId="ADAL" clId="{554BA7E0-55EE-9746-83EC-F09BDB4BCF3A}" dt="2021-04-23T04:36:07.787" v="1763"/>
          <ac:cxnSpMkLst>
            <pc:docMk/>
            <pc:sldMk cId="1495365288" sldId="647"/>
            <ac:cxnSpMk id="16" creationId="{750E26A4-826D-D24E-8228-91CB7F8774EE}"/>
          </ac:cxnSpMkLst>
        </pc:cxnChg>
      </pc:sldChg>
      <pc:sldChg chg="addSp delSp modSp add mod">
        <pc:chgData name="Daly Donnacha HSLU I" userId="0f22e960-400a-43ff-baeb-4828c8f5cd3a" providerId="ADAL" clId="{554BA7E0-55EE-9746-83EC-F09BDB4BCF3A}" dt="2021-04-23T15:02:58.556" v="8435" actId="20577"/>
        <pc:sldMkLst>
          <pc:docMk/>
          <pc:sldMk cId="2424903660" sldId="648"/>
        </pc:sldMkLst>
        <pc:spChg chg="mod">
          <ac:chgData name="Daly Donnacha HSLU I" userId="0f22e960-400a-43ff-baeb-4828c8f5cd3a" providerId="ADAL" clId="{554BA7E0-55EE-9746-83EC-F09BDB4BCF3A}" dt="2021-04-23T04:07:09.572" v="1093" actId="20577"/>
          <ac:spMkLst>
            <pc:docMk/>
            <pc:sldMk cId="2424903660" sldId="648"/>
            <ac:spMk id="2" creationId="{FF08354F-33BF-8B41-B558-1F2082758DE4}"/>
          </ac:spMkLst>
        </pc:spChg>
        <pc:spChg chg="mod">
          <ac:chgData name="Daly Donnacha HSLU I" userId="0f22e960-400a-43ff-baeb-4828c8f5cd3a" providerId="ADAL" clId="{554BA7E0-55EE-9746-83EC-F09BDB4BCF3A}" dt="2021-04-23T15:02:58.556" v="8435" actId="20577"/>
          <ac:spMkLst>
            <pc:docMk/>
            <pc:sldMk cId="2424903660" sldId="648"/>
            <ac:spMk id="3" creationId="{91BB3F44-391E-514D-A17A-DF4C8512CA98}"/>
          </ac:spMkLst>
        </pc:spChg>
        <pc:spChg chg="add mod">
          <ac:chgData name="Daly Donnacha HSLU I" userId="0f22e960-400a-43ff-baeb-4828c8f5cd3a" providerId="ADAL" clId="{554BA7E0-55EE-9746-83EC-F09BDB4BCF3A}" dt="2021-04-23T04:26:13.740" v="1487" actId="113"/>
          <ac:spMkLst>
            <pc:docMk/>
            <pc:sldMk cId="2424903660" sldId="648"/>
            <ac:spMk id="4" creationId="{604CD446-351F-7D43-9346-FCC3F94BD8AC}"/>
          </ac:spMkLst>
        </pc:spChg>
        <pc:spChg chg="add mod">
          <ac:chgData name="Daly Donnacha HSLU I" userId="0f22e960-400a-43ff-baeb-4828c8f5cd3a" providerId="ADAL" clId="{554BA7E0-55EE-9746-83EC-F09BDB4BCF3A}" dt="2021-04-23T04:31:11.934" v="1567" actId="164"/>
          <ac:spMkLst>
            <pc:docMk/>
            <pc:sldMk cId="2424903660" sldId="648"/>
            <ac:spMk id="9" creationId="{79099BA1-DA73-044F-9AA3-9959F3175C84}"/>
          </ac:spMkLst>
        </pc:spChg>
        <pc:spChg chg="add mod">
          <ac:chgData name="Daly Donnacha HSLU I" userId="0f22e960-400a-43ff-baeb-4828c8f5cd3a" providerId="ADAL" clId="{554BA7E0-55EE-9746-83EC-F09BDB4BCF3A}" dt="2021-04-23T04:31:06.228" v="1566" actId="164"/>
          <ac:spMkLst>
            <pc:docMk/>
            <pc:sldMk cId="2424903660" sldId="648"/>
            <ac:spMk id="10" creationId="{64C662DC-099B-8744-B5A9-E603F06B3477}"/>
          </ac:spMkLst>
        </pc:spChg>
        <pc:spChg chg="add mod">
          <ac:chgData name="Daly Donnacha HSLU I" userId="0f22e960-400a-43ff-baeb-4828c8f5cd3a" providerId="ADAL" clId="{554BA7E0-55EE-9746-83EC-F09BDB4BCF3A}" dt="2021-04-23T04:31:16.399" v="1568" actId="164"/>
          <ac:spMkLst>
            <pc:docMk/>
            <pc:sldMk cId="2424903660" sldId="648"/>
            <ac:spMk id="11" creationId="{D0D26993-BB9E-CD4D-B196-BC2EC0BE8097}"/>
          </ac:spMkLst>
        </pc:spChg>
        <pc:spChg chg="add mod">
          <ac:chgData name="Daly Donnacha HSLU I" userId="0f22e960-400a-43ff-baeb-4828c8f5cd3a" providerId="ADAL" clId="{554BA7E0-55EE-9746-83EC-F09BDB4BCF3A}" dt="2021-04-23T04:31:20.866" v="1569" actId="164"/>
          <ac:spMkLst>
            <pc:docMk/>
            <pc:sldMk cId="2424903660" sldId="648"/>
            <ac:spMk id="12" creationId="{8448C484-B00D-5C44-AF7E-263CABC1D544}"/>
          </ac:spMkLst>
        </pc:spChg>
        <pc:spChg chg="add mod">
          <ac:chgData name="Daly Donnacha HSLU I" userId="0f22e960-400a-43ff-baeb-4828c8f5cd3a" providerId="ADAL" clId="{554BA7E0-55EE-9746-83EC-F09BDB4BCF3A}" dt="2021-04-23T04:36:02.461" v="1762" actId="164"/>
          <ac:spMkLst>
            <pc:docMk/>
            <pc:sldMk cId="2424903660" sldId="648"/>
            <ac:spMk id="34" creationId="{AEE525E7-ABA4-8D44-984D-B90832F695C6}"/>
          </ac:spMkLst>
        </pc:spChg>
        <pc:grpChg chg="add mod">
          <ac:chgData name="Daly Donnacha HSLU I" userId="0f22e960-400a-43ff-baeb-4828c8f5cd3a" providerId="ADAL" clId="{554BA7E0-55EE-9746-83EC-F09BDB4BCF3A}" dt="2021-04-23T04:36:02.461" v="1762" actId="164"/>
          <ac:grpSpMkLst>
            <pc:docMk/>
            <pc:sldMk cId="2424903660" sldId="648"/>
            <ac:grpSpMk id="19" creationId="{FED48773-084E-264A-AFC7-BBAC967E3CDA}"/>
          </ac:grpSpMkLst>
        </pc:grpChg>
        <pc:grpChg chg="add mod">
          <ac:chgData name="Daly Donnacha HSLU I" userId="0f22e960-400a-43ff-baeb-4828c8f5cd3a" providerId="ADAL" clId="{554BA7E0-55EE-9746-83EC-F09BDB4BCF3A}" dt="2021-04-23T04:36:02.461" v="1762" actId="164"/>
          <ac:grpSpMkLst>
            <pc:docMk/>
            <pc:sldMk cId="2424903660" sldId="648"/>
            <ac:grpSpMk id="20" creationId="{D12BA1B1-0A62-3741-A4ED-9F9D6BA4F465}"/>
          </ac:grpSpMkLst>
        </pc:grpChg>
        <pc:grpChg chg="add mod">
          <ac:chgData name="Daly Donnacha HSLU I" userId="0f22e960-400a-43ff-baeb-4828c8f5cd3a" providerId="ADAL" clId="{554BA7E0-55EE-9746-83EC-F09BDB4BCF3A}" dt="2021-04-23T04:36:02.461" v="1762" actId="164"/>
          <ac:grpSpMkLst>
            <pc:docMk/>
            <pc:sldMk cId="2424903660" sldId="648"/>
            <ac:grpSpMk id="21" creationId="{4E3EB7FC-E7A4-6A4D-BDEA-FDF72C507353}"/>
          </ac:grpSpMkLst>
        </pc:grpChg>
        <pc:grpChg chg="add mod">
          <ac:chgData name="Daly Donnacha HSLU I" userId="0f22e960-400a-43ff-baeb-4828c8f5cd3a" providerId="ADAL" clId="{554BA7E0-55EE-9746-83EC-F09BDB4BCF3A}" dt="2021-04-23T04:36:02.461" v="1762" actId="164"/>
          <ac:grpSpMkLst>
            <pc:docMk/>
            <pc:sldMk cId="2424903660" sldId="648"/>
            <ac:grpSpMk id="22" creationId="{81B6C19B-4066-E040-BEDC-4FD35A5CC501}"/>
          </ac:grpSpMkLst>
        </pc:grpChg>
        <pc:grpChg chg="add mod">
          <ac:chgData name="Daly Donnacha HSLU I" userId="0f22e960-400a-43ff-baeb-4828c8f5cd3a" providerId="ADAL" clId="{554BA7E0-55EE-9746-83EC-F09BDB4BCF3A}" dt="2021-04-23T04:36:02.461" v="1762" actId="164"/>
          <ac:grpSpMkLst>
            <pc:docMk/>
            <pc:sldMk cId="2424903660" sldId="648"/>
            <ac:grpSpMk id="37" creationId="{03D6E3EA-2A4E-F045-8687-6A37CD93531C}"/>
          </ac:grpSpMkLst>
        </pc:grpChg>
        <pc:picChg chg="add mod">
          <ac:chgData name="Daly Donnacha HSLU I" userId="0f22e960-400a-43ff-baeb-4828c8f5cd3a" providerId="ADAL" clId="{554BA7E0-55EE-9746-83EC-F09BDB4BCF3A}" dt="2021-04-23T04:22:16.755" v="1400" actId="1076"/>
          <ac:picMkLst>
            <pc:docMk/>
            <pc:sldMk cId="2424903660" sldId="648"/>
            <ac:picMk id="5" creationId="{ACE4B2F6-BD9E-0045-AAF6-C0BE5D1FAA2C}"/>
          </ac:picMkLst>
        </pc:picChg>
        <pc:picChg chg="add mod">
          <ac:chgData name="Daly Donnacha HSLU I" userId="0f22e960-400a-43ff-baeb-4828c8f5cd3a" providerId="ADAL" clId="{554BA7E0-55EE-9746-83EC-F09BDB4BCF3A}" dt="2021-04-23T04:22:55.035" v="1435" actId="1076"/>
          <ac:picMkLst>
            <pc:docMk/>
            <pc:sldMk cId="2424903660" sldId="648"/>
            <ac:picMk id="6" creationId="{342C5EF9-DCEA-354E-82E4-F08AB877E65F}"/>
          </ac:picMkLst>
        </pc:picChg>
        <pc:picChg chg="add mod">
          <ac:chgData name="Daly Donnacha HSLU I" userId="0f22e960-400a-43ff-baeb-4828c8f5cd3a" providerId="ADAL" clId="{554BA7E0-55EE-9746-83EC-F09BDB4BCF3A}" dt="2021-04-23T04:23:35.502" v="1456" actId="1076"/>
          <ac:picMkLst>
            <pc:docMk/>
            <pc:sldMk cId="2424903660" sldId="648"/>
            <ac:picMk id="7" creationId="{0D76ECCA-EF39-0D45-BEE5-554B3E91F4DD}"/>
          </ac:picMkLst>
        </pc:picChg>
        <pc:picChg chg="add mod">
          <ac:chgData name="Daly Donnacha HSLU I" userId="0f22e960-400a-43ff-baeb-4828c8f5cd3a" providerId="ADAL" clId="{554BA7E0-55EE-9746-83EC-F09BDB4BCF3A}" dt="2021-04-23T04:25:41.417" v="1474" actId="1038"/>
          <ac:picMkLst>
            <pc:docMk/>
            <pc:sldMk cId="2424903660" sldId="648"/>
            <ac:picMk id="8" creationId="{17AC86FB-FA08-B940-8248-167178F1E34C}"/>
          </ac:picMkLst>
        </pc:picChg>
        <pc:picChg chg="add mod modCrop">
          <ac:chgData name="Daly Donnacha HSLU I" userId="0f22e960-400a-43ff-baeb-4828c8f5cd3a" providerId="ADAL" clId="{554BA7E0-55EE-9746-83EC-F09BDB4BCF3A}" dt="2021-04-23T04:31:06.228" v="1566" actId="164"/>
          <ac:picMkLst>
            <pc:docMk/>
            <pc:sldMk cId="2424903660" sldId="648"/>
            <ac:picMk id="13" creationId="{17685A9F-60DE-FB45-8170-CAFCEA7C9AD7}"/>
          </ac:picMkLst>
        </pc:picChg>
        <pc:picChg chg="add mod">
          <ac:chgData name="Daly Donnacha HSLU I" userId="0f22e960-400a-43ff-baeb-4828c8f5cd3a" providerId="ADAL" clId="{554BA7E0-55EE-9746-83EC-F09BDB4BCF3A}" dt="2021-04-23T04:31:11.934" v="1567" actId="164"/>
          <ac:picMkLst>
            <pc:docMk/>
            <pc:sldMk cId="2424903660" sldId="648"/>
            <ac:picMk id="14" creationId="{C5B04DF3-3AF8-CA4C-B974-6713B8FB9E01}"/>
          </ac:picMkLst>
        </pc:picChg>
        <pc:picChg chg="add mod">
          <ac:chgData name="Daly Donnacha HSLU I" userId="0f22e960-400a-43ff-baeb-4828c8f5cd3a" providerId="ADAL" clId="{554BA7E0-55EE-9746-83EC-F09BDB4BCF3A}" dt="2021-04-23T04:31:16.399" v="1568" actId="164"/>
          <ac:picMkLst>
            <pc:docMk/>
            <pc:sldMk cId="2424903660" sldId="648"/>
            <ac:picMk id="15" creationId="{39687D86-4108-BD46-92D1-26752D7033BE}"/>
          </ac:picMkLst>
        </pc:picChg>
        <pc:picChg chg="add mod">
          <ac:chgData name="Daly Donnacha HSLU I" userId="0f22e960-400a-43ff-baeb-4828c8f5cd3a" providerId="ADAL" clId="{554BA7E0-55EE-9746-83EC-F09BDB4BCF3A}" dt="2021-04-23T04:31:20.866" v="1569" actId="164"/>
          <ac:picMkLst>
            <pc:docMk/>
            <pc:sldMk cId="2424903660" sldId="648"/>
            <ac:picMk id="16" creationId="{33B03CB3-760B-7A4A-A580-4A7583504B1A}"/>
          </ac:picMkLst>
        </pc:picChg>
        <pc:picChg chg="add mod">
          <ac:chgData name="Daly Donnacha HSLU I" userId="0f22e960-400a-43ff-baeb-4828c8f5cd3a" providerId="ADAL" clId="{554BA7E0-55EE-9746-83EC-F09BDB4BCF3A}" dt="2021-04-23T04:36:02.461" v="1762" actId="164"/>
          <ac:picMkLst>
            <pc:docMk/>
            <pc:sldMk cId="2424903660" sldId="648"/>
            <ac:picMk id="35" creationId="{A9F05525-13DD-7B42-B988-8ED4019EEBBE}"/>
          </ac:picMkLst>
        </pc:picChg>
        <pc:picChg chg="add mod">
          <ac:chgData name="Daly Donnacha HSLU I" userId="0f22e960-400a-43ff-baeb-4828c8f5cd3a" providerId="ADAL" clId="{554BA7E0-55EE-9746-83EC-F09BDB4BCF3A}" dt="2021-04-23T04:36:02.461" v="1762" actId="164"/>
          <ac:picMkLst>
            <pc:docMk/>
            <pc:sldMk cId="2424903660" sldId="648"/>
            <ac:picMk id="36" creationId="{B9C3A7BC-FBFD-8E46-8BB0-06A19790DD33}"/>
          </ac:picMkLst>
        </pc:picChg>
        <pc:cxnChg chg="add del">
          <ac:chgData name="Daly Donnacha HSLU I" userId="0f22e960-400a-43ff-baeb-4828c8f5cd3a" providerId="ADAL" clId="{554BA7E0-55EE-9746-83EC-F09BDB4BCF3A}" dt="2021-04-23T04:30:40.803" v="1562" actId="478"/>
          <ac:cxnSpMkLst>
            <pc:docMk/>
            <pc:sldMk cId="2424903660" sldId="648"/>
            <ac:cxnSpMk id="18" creationId="{98C2BF49-22D4-9245-844B-8FE10F3DA01F}"/>
          </ac:cxnSpMkLst>
        </pc:cxnChg>
        <pc:cxnChg chg="add mod">
          <ac:chgData name="Daly Donnacha HSLU I" userId="0f22e960-400a-43ff-baeb-4828c8f5cd3a" providerId="ADAL" clId="{554BA7E0-55EE-9746-83EC-F09BDB4BCF3A}" dt="2021-04-23T04:36:02.461" v="1762" actId="164"/>
          <ac:cxnSpMkLst>
            <pc:docMk/>
            <pc:sldMk cId="2424903660" sldId="648"/>
            <ac:cxnSpMk id="24" creationId="{74CE5C01-8684-6D4E-A640-0D7563E12AF8}"/>
          </ac:cxnSpMkLst>
        </pc:cxnChg>
        <pc:cxnChg chg="add mod">
          <ac:chgData name="Daly Donnacha HSLU I" userId="0f22e960-400a-43ff-baeb-4828c8f5cd3a" providerId="ADAL" clId="{554BA7E0-55EE-9746-83EC-F09BDB4BCF3A}" dt="2021-04-23T04:36:02.461" v="1762" actId="164"/>
          <ac:cxnSpMkLst>
            <pc:docMk/>
            <pc:sldMk cId="2424903660" sldId="648"/>
            <ac:cxnSpMk id="25" creationId="{B5DD6DDA-D87B-F94E-ABD0-8A0B12415440}"/>
          </ac:cxnSpMkLst>
        </pc:cxnChg>
        <pc:cxnChg chg="add mod">
          <ac:chgData name="Daly Donnacha HSLU I" userId="0f22e960-400a-43ff-baeb-4828c8f5cd3a" providerId="ADAL" clId="{554BA7E0-55EE-9746-83EC-F09BDB4BCF3A}" dt="2021-04-23T04:36:02.461" v="1762" actId="164"/>
          <ac:cxnSpMkLst>
            <pc:docMk/>
            <pc:sldMk cId="2424903660" sldId="648"/>
            <ac:cxnSpMk id="28" creationId="{07157249-DA6D-E044-9A81-4DF2D93D8A21}"/>
          </ac:cxnSpMkLst>
        </pc:cxnChg>
        <pc:cxnChg chg="add mod">
          <ac:chgData name="Daly Donnacha HSLU I" userId="0f22e960-400a-43ff-baeb-4828c8f5cd3a" providerId="ADAL" clId="{554BA7E0-55EE-9746-83EC-F09BDB4BCF3A}" dt="2021-04-23T04:36:02.461" v="1762" actId="164"/>
          <ac:cxnSpMkLst>
            <pc:docMk/>
            <pc:sldMk cId="2424903660" sldId="648"/>
            <ac:cxnSpMk id="31" creationId="{1E9DAE77-DB36-A74F-8184-626BE8277A09}"/>
          </ac:cxnSpMkLst>
        </pc:cxnChg>
        <pc:cxnChg chg="add mod">
          <ac:chgData name="Daly Donnacha HSLU I" userId="0f22e960-400a-43ff-baeb-4828c8f5cd3a" providerId="ADAL" clId="{554BA7E0-55EE-9746-83EC-F09BDB4BCF3A}" dt="2021-04-23T04:36:02.461" v="1762" actId="164"/>
          <ac:cxnSpMkLst>
            <pc:docMk/>
            <pc:sldMk cId="2424903660" sldId="648"/>
            <ac:cxnSpMk id="32" creationId="{BB30614B-A804-FA4B-B48E-F707B13657A5}"/>
          </ac:cxnSpMkLst>
        </pc:cxnChg>
        <pc:cxnChg chg="add mod">
          <ac:chgData name="Daly Donnacha HSLU I" userId="0f22e960-400a-43ff-baeb-4828c8f5cd3a" providerId="ADAL" clId="{554BA7E0-55EE-9746-83EC-F09BDB4BCF3A}" dt="2021-04-23T04:36:02.461" v="1762" actId="164"/>
          <ac:cxnSpMkLst>
            <pc:docMk/>
            <pc:sldMk cId="2424903660" sldId="648"/>
            <ac:cxnSpMk id="33" creationId="{ACEBFEC6-A751-3B4D-AB5B-43E231DE783A}"/>
          </ac:cxnSpMkLst>
        </pc:cxnChg>
      </pc:sldChg>
      <pc:sldChg chg="addSp delSp modSp new mod">
        <pc:chgData name="Daly Donnacha HSLU I" userId="0f22e960-400a-43ff-baeb-4828c8f5cd3a" providerId="ADAL" clId="{554BA7E0-55EE-9746-83EC-F09BDB4BCF3A}" dt="2021-04-23T05:22:25.651" v="2672" actId="1076"/>
        <pc:sldMkLst>
          <pc:docMk/>
          <pc:sldMk cId="3197970218" sldId="649"/>
        </pc:sldMkLst>
        <pc:spChg chg="mod">
          <ac:chgData name="Daly Donnacha HSLU I" userId="0f22e960-400a-43ff-baeb-4828c8f5cd3a" providerId="ADAL" clId="{554BA7E0-55EE-9746-83EC-F09BDB4BCF3A}" dt="2021-04-23T04:51:08.320" v="1917" actId="20577"/>
          <ac:spMkLst>
            <pc:docMk/>
            <pc:sldMk cId="3197970218" sldId="649"/>
            <ac:spMk id="2" creationId="{25D3B27B-E845-7A44-B1A6-536A4271B7E5}"/>
          </ac:spMkLst>
        </pc:spChg>
        <pc:spChg chg="add mod">
          <ac:chgData name="Daly Donnacha HSLU I" userId="0f22e960-400a-43ff-baeb-4828c8f5cd3a" providerId="ADAL" clId="{554BA7E0-55EE-9746-83EC-F09BDB4BCF3A}" dt="2021-04-23T04:56:25.083" v="2110" actId="1036"/>
          <ac:spMkLst>
            <pc:docMk/>
            <pc:sldMk cId="3197970218" sldId="649"/>
            <ac:spMk id="3" creationId="{C66CC07D-316D-2C44-A526-BC35EC25DA02}"/>
          </ac:spMkLst>
        </pc:spChg>
        <pc:spChg chg="add del mod">
          <ac:chgData name="Daly Donnacha HSLU I" userId="0f22e960-400a-43ff-baeb-4828c8f5cd3a" providerId="ADAL" clId="{554BA7E0-55EE-9746-83EC-F09BDB4BCF3A}" dt="2021-04-23T04:53:44.257" v="1952"/>
          <ac:spMkLst>
            <pc:docMk/>
            <pc:sldMk cId="3197970218" sldId="649"/>
            <ac:spMk id="13" creationId="{A390DEB3-FB2E-EF4B-AA72-A9680CB72853}"/>
          </ac:spMkLst>
        </pc:spChg>
        <pc:spChg chg="add del mod">
          <ac:chgData name="Daly Donnacha HSLU I" userId="0f22e960-400a-43ff-baeb-4828c8f5cd3a" providerId="ADAL" clId="{554BA7E0-55EE-9746-83EC-F09BDB4BCF3A}" dt="2021-04-23T04:53:44.257" v="1952"/>
          <ac:spMkLst>
            <pc:docMk/>
            <pc:sldMk cId="3197970218" sldId="649"/>
            <ac:spMk id="14" creationId="{D03DAE07-5827-5642-A90F-0079DD12A1C1}"/>
          </ac:spMkLst>
        </pc:spChg>
        <pc:spChg chg="add del mod">
          <ac:chgData name="Daly Donnacha HSLU I" userId="0f22e960-400a-43ff-baeb-4828c8f5cd3a" providerId="ADAL" clId="{554BA7E0-55EE-9746-83EC-F09BDB4BCF3A}" dt="2021-04-23T04:53:44.257" v="1952"/>
          <ac:spMkLst>
            <pc:docMk/>
            <pc:sldMk cId="3197970218" sldId="649"/>
            <ac:spMk id="15" creationId="{F895125F-2810-574A-8AC6-35ACE55BD913}"/>
          </ac:spMkLst>
        </pc:spChg>
        <pc:spChg chg="add del mod">
          <ac:chgData name="Daly Donnacha HSLU I" userId="0f22e960-400a-43ff-baeb-4828c8f5cd3a" providerId="ADAL" clId="{554BA7E0-55EE-9746-83EC-F09BDB4BCF3A}" dt="2021-04-23T04:53:44.257" v="1952"/>
          <ac:spMkLst>
            <pc:docMk/>
            <pc:sldMk cId="3197970218" sldId="649"/>
            <ac:spMk id="16" creationId="{308C2A49-1AD1-AB41-BEC0-D588894955C8}"/>
          </ac:spMkLst>
        </pc:spChg>
        <pc:spChg chg="add mod">
          <ac:chgData name="Daly Donnacha HSLU I" userId="0f22e960-400a-43ff-baeb-4828c8f5cd3a" providerId="ADAL" clId="{554BA7E0-55EE-9746-83EC-F09BDB4BCF3A}" dt="2021-04-23T04:56:25.083" v="2110" actId="1036"/>
          <ac:spMkLst>
            <pc:docMk/>
            <pc:sldMk cId="3197970218" sldId="649"/>
            <ac:spMk id="20" creationId="{E93163F2-8199-924D-B102-7F5E934FBA04}"/>
          </ac:spMkLst>
        </pc:spChg>
        <pc:spChg chg="add del mod">
          <ac:chgData name="Daly Donnacha HSLU I" userId="0f22e960-400a-43ff-baeb-4828c8f5cd3a" providerId="ADAL" clId="{554BA7E0-55EE-9746-83EC-F09BDB4BCF3A}" dt="2021-04-23T04:58:15.089" v="2222" actId="478"/>
          <ac:spMkLst>
            <pc:docMk/>
            <pc:sldMk cId="3197970218" sldId="649"/>
            <ac:spMk id="21" creationId="{207212CC-8F50-4148-BB0A-25175ACAB9B3}"/>
          </ac:spMkLst>
        </pc:spChg>
        <pc:spChg chg="add del mod">
          <ac:chgData name="Daly Donnacha HSLU I" userId="0f22e960-400a-43ff-baeb-4828c8f5cd3a" providerId="ADAL" clId="{554BA7E0-55EE-9746-83EC-F09BDB4BCF3A}" dt="2021-04-23T04:58:12.402" v="2221" actId="478"/>
          <ac:spMkLst>
            <pc:docMk/>
            <pc:sldMk cId="3197970218" sldId="649"/>
            <ac:spMk id="22" creationId="{35425447-3D3A-1C45-A155-281F8E8061EF}"/>
          </ac:spMkLst>
        </pc:spChg>
        <pc:spChg chg="mod">
          <ac:chgData name="Daly Donnacha HSLU I" userId="0f22e960-400a-43ff-baeb-4828c8f5cd3a" providerId="ADAL" clId="{554BA7E0-55EE-9746-83EC-F09BDB4BCF3A}" dt="2021-04-23T04:53:50.151" v="1953"/>
          <ac:spMkLst>
            <pc:docMk/>
            <pc:sldMk cId="3197970218" sldId="649"/>
            <ac:spMk id="24" creationId="{9CE589AB-5A93-7C45-BE2D-032FDB8B5CBF}"/>
          </ac:spMkLst>
        </pc:spChg>
        <pc:spChg chg="mod">
          <ac:chgData name="Daly Donnacha HSLU I" userId="0f22e960-400a-43ff-baeb-4828c8f5cd3a" providerId="ADAL" clId="{554BA7E0-55EE-9746-83EC-F09BDB4BCF3A}" dt="2021-04-23T04:53:50.151" v="1953"/>
          <ac:spMkLst>
            <pc:docMk/>
            <pc:sldMk cId="3197970218" sldId="649"/>
            <ac:spMk id="25" creationId="{87CC9F6F-2AF8-B94C-BAD7-89507E468053}"/>
          </ac:spMkLst>
        </pc:spChg>
        <pc:spChg chg="add mod">
          <ac:chgData name="Daly Donnacha HSLU I" userId="0f22e960-400a-43ff-baeb-4828c8f5cd3a" providerId="ADAL" clId="{554BA7E0-55EE-9746-83EC-F09BDB4BCF3A}" dt="2021-04-23T04:56:25.083" v="2110" actId="1036"/>
          <ac:spMkLst>
            <pc:docMk/>
            <pc:sldMk cId="3197970218" sldId="649"/>
            <ac:spMk id="26" creationId="{DE8083DD-D091-294E-8D2B-A2962552F4D8}"/>
          </ac:spMkLst>
        </pc:spChg>
        <pc:spChg chg="add mod">
          <ac:chgData name="Daly Donnacha HSLU I" userId="0f22e960-400a-43ff-baeb-4828c8f5cd3a" providerId="ADAL" clId="{554BA7E0-55EE-9746-83EC-F09BDB4BCF3A}" dt="2021-04-23T05:05:08.582" v="2281" actId="20577"/>
          <ac:spMkLst>
            <pc:docMk/>
            <pc:sldMk cId="3197970218" sldId="649"/>
            <ac:spMk id="27" creationId="{5212C39B-2578-0947-B7F6-402F81A06B3B}"/>
          </ac:spMkLst>
        </pc:spChg>
        <pc:spChg chg="add mod">
          <ac:chgData name="Daly Donnacha HSLU I" userId="0f22e960-400a-43ff-baeb-4828c8f5cd3a" providerId="ADAL" clId="{554BA7E0-55EE-9746-83EC-F09BDB4BCF3A}" dt="2021-04-23T05:02:20.307" v="2270" actId="207"/>
          <ac:spMkLst>
            <pc:docMk/>
            <pc:sldMk cId="3197970218" sldId="649"/>
            <ac:spMk id="29" creationId="{88678140-C6FE-FE43-93DF-AC6C2B03D672}"/>
          </ac:spMkLst>
        </pc:spChg>
        <pc:spChg chg="add mod">
          <ac:chgData name="Daly Donnacha HSLU I" userId="0f22e960-400a-43ff-baeb-4828c8f5cd3a" providerId="ADAL" clId="{554BA7E0-55EE-9746-83EC-F09BDB4BCF3A}" dt="2021-04-23T04:58:07.274" v="2220" actId="1076"/>
          <ac:spMkLst>
            <pc:docMk/>
            <pc:sldMk cId="3197970218" sldId="649"/>
            <ac:spMk id="33" creationId="{DDCACB30-C2EC-EF4D-8EDA-87B23F73E250}"/>
          </ac:spMkLst>
        </pc:spChg>
        <pc:spChg chg="add del mod">
          <ac:chgData name="Daly Donnacha HSLU I" userId="0f22e960-400a-43ff-baeb-4828c8f5cd3a" providerId="ADAL" clId="{554BA7E0-55EE-9746-83EC-F09BDB4BCF3A}" dt="2021-04-23T05:00:10.603" v="2254" actId="478"/>
          <ac:spMkLst>
            <pc:docMk/>
            <pc:sldMk cId="3197970218" sldId="649"/>
            <ac:spMk id="34" creationId="{CB3BB463-F243-BE49-ADD7-6B942F534A56}"/>
          </ac:spMkLst>
        </pc:spChg>
        <pc:spChg chg="add del mod">
          <ac:chgData name="Daly Donnacha HSLU I" userId="0f22e960-400a-43ff-baeb-4828c8f5cd3a" providerId="ADAL" clId="{554BA7E0-55EE-9746-83EC-F09BDB4BCF3A}" dt="2021-04-23T05:00:12.294" v="2255" actId="478"/>
          <ac:spMkLst>
            <pc:docMk/>
            <pc:sldMk cId="3197970218" sldId="649"/>
            <ac:spMk id="35" creationId="{1E1F4493-65AB-7245-8B77-53AC8BDA904A}"/>
          </ac:spMkLst>
        </pc:spChg>
        <pc:spChg chg="add del mod">
          <ac:chgData name="Daly Donnacha HSLU I" userId="0f22e960-400a-43ff-baeb-4828c8f5cd3a" providerId="ADAL" clId="{554BA7E0-55EE-9746-83EC-F09BDB4BCF3A}" dt="2021-04-23T05:01:34.088" v="2264" actId="478"/>
          <ac:spMkLst>
            <pc:docMk/>
            <pc:sldMk cId="3197970218" sldId="649"/>
            <ac:spMk id="36" creationId="{BD53E6DC-D7A9-2041-B776-767B1ADAFF92}"/>
          </ac:spMkLst>
        </pc:spChg>
        <pc:spChg chg="add del mod">
          <ac:chgData name="Daly Donnacha HSLU I" userId="0f22e960-400a-43ff-baeb-4828c8f5cd3a" providerId="ADAL" clId="{554BA7E0-55EE-9746-83EC-F09BDB4BCF3A}" dt="2021-04-23T05:02:02.427" v="2269" actId="478"/>
          <ac:spMkLst>
            <pc:docMk/>
            <pc:sldMk cId="3197970218" sldId="649"/>
            <ac:spMk id="42" creationId="{787F1D8D-A442-A846-9171-455F7C11260E}"/>
          </ac:spMkLst>
        </pc:spChg>
        <pc:spChg chg="add del">
          <ac:chgData name="Daly Donnacha HSLU I" userId="0f22e960-400a-43ff-baeb-4828c8f5cd3a" providerId="ADAL" clId="{554BA7E0-55EE-9746-83EC-F09BDB4BCF3A}" dt="2021-04-23T05:01:04.155" v="2262" actId="478"/>
          <ac:spMkLst>
            <pc:docMk/>
            <pc:sldMk cId="3197970218" sldId="649"/>
            <ac:spMk id="43" creationId="{27F03621-39B1-FC40-B256-811E1F6550FF}"/>
          </ac:spMkLst>
        </pc:spChg>
        <pc:spChg chg="add mod">
          <ac:chgData name="Daly Donnacha HSLU I" userId="0f22e960-400a-43ff-baeb-4828c8f5cd3a" providerId="ADAL" clId="{554BA7E0-55EE-9746-83EC-F09BDB4BCF3A}" dt="2021-04-23T05:01:40.837" v="2265" actId="108"/>
          <ac:spMkLst>
            <pc:docMk/>
            <pc:sldMk cId="3197970218" sldId="649"/>
            <ac:spMk id="44" creationId="{600A424D-C59D-1F49-9A9D-E78AF12F67FE}"/>
          </ac:spMkLst>
        </pc:spChg>
        <pc:spChg chg="add mod">
          <ac:chgData name="Daly Donnacha HSLU I" userId="0f22e960-400a-43ff-baeb-4828c8f5cd3a" providerId="ADAL" clId="{554BA7E0-55EE-9746-83EC-F09BDB4BCF3A}" dt="2021-04-23T05:01:57.594" v="2268" actId="1076"/>
          <ac:spMkLst>
            <pc:docMk/>
            <pc:sldMk cId="3197970218" sldId="649"/>
            <ac:spMk id="45" creationId="{43E24A2C-8C87-8742-B807-316250D44C5C}"/>
          </ac:spMkLst>
        </pc:spChg>
        <pc:grpChg chg="add mod">
          <ac:chgData name="Daly Donnacha HSLU I" userId="0f22e960-400a-43ff-baeb-4828c8f5cd3a" providerId="ADAL" clId="{554BA7E0-55EE-9746-83EC-F09BDB4BCF3A}" dt="2021-04-23T04:56:25.083" v="2110" actId="1036"/>
          <ac:grpSpMkLst>
            <pc:docMk/>
            <pc:sldMk cId="3197970218" sldId="649"/>
            <ac:grpSpMk id="23" creationId="{7CC5A819-14CD-C14E-9F10-9A1D7BD8C08D}"/>
          </ac:grpSpMkLst>
        </pc:grpChg>
        <pc:picChg chg="add mod">
          <ac:chgData name="Daly Donnacha HSLU I" userId="0f22e960-400a-43ff-baeb-4828c8f5cd3a" providerId="ADAL" clId="{554BA7E0-55EE-9746-83EC-F09BDB4BCF3A}" dt="2021-04-23T04:56:25.083" v="2110" actId="1036"/>
          <ac:picMkLst>
            <pc:docMk/>
            <pc:sldMk cId="3197970218" sldId="649"/>
            <ac:picMk id="6" creationId="{2BA9571E-D333-2B40-83A4-170E8B418178}"/>
          </ac:picMkLst>
        </pc:picChg>
        <pc:picChg chg="add mod">
          <ac:chgData name="Daly Donnacha HSLU I" userId="0f22e960-400a-43ff-baeb-4828c8f5cd3a" providerId="ADAL" clId="{554BA7E0-55EE-9746-83EC-F09BDB4BCF3A}" dt="2021-04-23T04:56:25.083" v="2110" actId="1036"/>
          <ac:picMkLst>
            <pc:docMk/>
            <pc:sldMk cId="3197970218" sldId="649"/>
            <ac:picMk id="7" creationId="{0B3F95E5-34C6-A04B-B9CB-3C182FB343E5}"/>
          </ac:picMkLst>
        </pc:picChg>
        <pc:picChg chg="add mod">
          <ac:chgData name="Daly Donnacha HSLU I" userId="0f22e960-400a-43ff-baeb-4828c8f5cd3a" providerId="ADAL" clId="{554BA7E0-55EE-9746-83EC-F09BDB4BCF3A}" dt="2021-04-23T04:56:25.083" v="2110" actId="1036"/>
          <ac:picMkLst>
            <pc:docMk/>
            <pc:sldMk cId="3197970218" sldId="649"/>
            <ac:picMk id="8" creationId="{D9169C78-023D-A94A-AF31-5093A1BD8332}"/>
          </ac:picMkLst>
        </pc:picChg>
        <pc:picChg chg="add mod">
          <ac:chgData name="Daly Donnacha HSLU I" userId="0f22e960-400a-43ff-baeb-4828c8f5cd3a" providerId="ADAL" clId="{554BA7E0-55EE-9746-83EC-F09BDB4BCF3A}" dt="2021-04-23T04:56:25.083" v="2110" actId="1036"/>
          <ac:picMkLst>
            <pc:docMk/>
            <pc:sldMk cId="3197970218" sldId="649"/>
            <ac:picMk id="9" creationId="{2A2C0669-F60F-844C-B1D2-F7CC52AA35EB}"/>
          </ac:picMkLst>
        </pc:picChg>
        <pc:picChg chg="add mod">
          <ac:chgData name="Daly Donnacha HSLU I" userId="0f22e960-400a-43ff-baeb-4828c8f5cd3a" providerId="ADAL" clId="{554BA7E0-55EE-9746-83EC-F09BDB4BCF3A}" dt="2021-04-23T05:03:08.248" v="2272" actId="1076"/>
          <ac:picMkLst>
            <pc:docMk/>
            <pc:sldMk cId="3197970218" sldId="649"/>
            <ac:picMk id="28" creationId="{B5F4C454-04A9-1F48-AA90-6BF647155B21}"/>
          </ac:picMkLst>
        </pc:picChg>
        <pc:picChg chg="add mod modCrop">
          <ac:chgData name="Daly Donnacha HSLU I" userId="0f22e960-400a-43ff-baeb-4828c8f5cd3a" providerId="ADAL" clId="{554BA7E0-55EE-9746-83EC-F09BDB4BCF3A}" dt="2021-04-23T04:59:25.199" v="2244" actId="1076"/>
          <ac:picMkLst>
            <pc:docMk/>
            <pc:sldMk cId="3197970218" sldId="649"/>
            <ac:picMk id="37" creationId="{DF423F84-5795-D347-82D5-30071335231C}"/>
          </ac:picMkLst>
        </pc:picChg>
        <pc:picChg chg="add mod modCrop">
          <ac:chgData name="Daly Donnacha HSLU I" userId="0f22e960-400a-43ff-baeb-4828c8f5cd3a" providerId="ADAL" clId="{554BA7E0-55EE-9746-83EC-F09BDB4BCF3A}" dt="2021-04-23T04:59:51.844" v="2248" actId="732"/>
          <ac:picMkLst>
            <pc:docMk/>
            <pc:sldMk cId="3197970218" sldId="649"/>
            <ac:picMk id="38" creationId="{92CB79DD-B418-3B42-9D99-58E2098AADB8}"/>
          </ac:picMkLst>
        </pc:picChg>
        <pc:picChg chg="add del mod">
          <ac:chgData name="Daly Donnacha HSLU I" userId="0f22e960-400a-43ff-baeb-4828c8f5cd3a" providerId="ADAL" clId="{554BA7E0-55EE-9746-83EC-F09BDB4BCF3A}" dt="2021-04-23T05:00:16.162" v="2256" actId="478"/>
          <ac:picMkLst>
            <pc:docMk/>
            <pc:sldMk cId="3197970218" sldId="649"/>
            <ac:picMk id="39" creationId="{3BDABE7D-912C-3548-B1AD-B34AF464E820}"/>
          </ac:picMkLst>
        </pc:picChg>
        <pc:picChg chg="add del mod">
          <ac:chgData name="Daly Donnacha HSLU I" userId="0f22e960-400a-43ff-baeb-4828c8f5cd3a" providerId="ADAL" clId="{554BA7E0-55EE-9746-83EC-F09BDB4BCF3A}" dt="2021-04-23T05:22:20" v="2670" actId="478"/>
          <ac:picMkLst>
            <pc:docMk/>
            <pc:sldMk cId="3197970218" sldId="649"/>
            <ac:picMk id="40" creationId="{02FF9A8B-3A66-6D43-B80F-5B3E75B590D1}"/>
          </ac:picMkLst>
        </pc:picChg>
        <pc:picChg chg="add mod">
          <ac:chgData name="Daly Donnacha HSLU I" userId="0f22e960-400a-43ff-baeb-4828c8f5cd3a" providerId="ADAL" clId="{554BA7E0-55EE-9746-83EC-F09BDB4BCF3A}" dt="2021-04-23T05:00:20.519" v="2257" actId="1076"/>
          <ac:picMkLst>
            <pc:docMk/>
            <pc:sldMk cId="3197970218" sldId="649"/>
            <ac:picMk id="41" creationId="{2F7DD5EC-C0D8-0146-B4F9-536804F8DFCA}"/>
          </ac:picMkLst>
        </pc:picChg>
        <pc:picChg chg="add mod">
          <ac:chgData name="Daly Donnacha HSLU I" userId="0f22e960-400a-43ff-baeb-4828c8f5cd3a" providerId="ADAL" clId="{554BA7E0-55EE-9746-83EC-F09BDB4BCF3A}" dt="2021-04-23T05:04:02.747" v="2276" actId="14100"/>
          <ac:picMkLst>
            <pc:docMk/>
            <pc:sldMk cId="3197970218" sldId="649"/>
            <ac:picMk id="46" creationId="{C06146EA-61F5-1C47-B36C-AE516B92094D}"/>
          </ac:picMkLst>
        </pc:picChg>
        <pc:picChg chg="add del mod">
          <ac:chgData name="Daly Donnacha HSLU I" userId="0f22e960-400a-43ff-baeb-4828c8f5cd3a" providerId="ADAL" clId="{554BA7E0-55EE-9746-83EC-F09BDB4BCF3A}" dt="2021-04-23T05:22:02.757" v="2663"/>
          <ac:picMkLst>
            <pc:docMk/>
            <pc:sldMk cId="3197970218" sldId="649"/>
            <ac:picMk id="47" creationId="{F791AF2E-06E9-4F40-99B9-DB1F0BFE7E0A}"/>
          </ac:picMkLst>
        </pc:picChg>
        <pc:picChg chg="add mod modCrop">
          <ac:chgData name="Daly Donnacha HSLU I" userId="0f22e960-400a-43ff-baeb-4828c8f5cd3a" providerId="ADAL" clId="{554BA7E0-55EE-9746-83EC-F09BDB4BCF3A}" dt="2021-04-23T05:22:25.651" v="2672" actId="1076"/>
          <ac:picMkLst>
            <pc:docMk/>
            <pc:sldMk cId="3197970218" sldId="649"/>
            <ac:picMk id="48" creationId="{DAB59BCF-C11B-1C43-AD62-F182B36CA550}"/>
          </ac:picMkLst>
        </pc:picChg>
        <pc:cxnChg chg="add mod">
          <ac:chgData name="Daly Donnacha HSLU I" userId="0f22e960-400a-43ff-baeb-4828c8f5cd3a" providerId="ADAL" clId="{554BA7E0-55EE-9746-83EC-F09BDB4BCF3A}" dt="2021-04-23T04:56:25.083" v="2110" actId="1036"/>
          <ac:cxnSpMkLst>
            <pc:docMk/>
            <pc:sldMk cId="3197970218" sldId="649"/>
            <ac:cxnSpMk id="4" creationId="{ECD6BD44-1E9D-9941-B7F9-CEF2434BCFF8}"/>
          </ac:cxnSpMkLst>
        </pc:cxnChg>
        <pc:cxnChg chg="add mod">
          <ac:chgData name="Daly Donnacha HSLU I" userId="0f22e960-400a-43ff-baeb-4828c8f5cd3a" providerId="ADAL" clId="{554BA7E0-55EE-9746-83EC-F09BDB4BCF3A}" dt="2021-04-23T04:56:25.083" v="2110" actId="1036"/>
          <ac:cxnSpMkLst>
            <pc:docMk/>
            <pc:sldMk cId="3197970218" sldId="649"/>
            <ac:cxnSpMk id="5" creationId="{A3A8CC9A-E3EE-9049-BC6D-0AB49100372A}"/>
          </ac:cxnSpMkLst>
        </pc:cxnChg>
        <pc:cxnChg chg="add del mod">
          <ac:chgData name="Daly Donnacha HSLU I" userId="0f22e960-400a-43ff-baeb-4828c8f5cd3a" providerId="ADAL" clId="{554BA7E0-55EE-9746-83EC-F09BDB4BCF3A}" dt="2021-04-23T04:53:44.257" v="1952"/>
          <ac:cxnSpMkLst>
            <pc:docMk/>
            <pc:sldMk cId="3197970218" sldId="649"/>
            <ac:cxnSpMk id="10" creationId="{6F090B24-84B9-954C-87F1-12B2B0EF58AB}"/>
          </ac:cxnSpMkLst>
        </pc:cxnChg>
        <pc:cxnChg chg="add del mod">
          <ac:chgData name="Daly Donnacha HSLU I" userId="0f22e960-400a-43ff-baeb-4828c8f5cd3a" providerId="ADAL" clId="{554BA7E0-55EE-9746-83EC-F09BDB4BCF3A}" dt="2021-04-23T04:53:44.257" v="1952"/>
          <ac:cxnSpMkLst>
            <pc:docMk/>
            <pc:sldMk cId="3197970218" sldId="649"/>
            <ac:cxnSpMk id="11" creationId="{24D47FE0-F65F-0641-B523-0A9924494CB1}"/>
          </ac:cxnSpMkLst>
        </pc:cxnChg>
        <pc:cxnChg chg="add del mod">
          <ac:chgData name="Daly Donnacha HSLU I" userId="0f22e960-400a-43ff-baeb-4828c8f5cd3a" providerId="ADAL" clId="{554BA7E0-55EE-9746-83EC-F09BDB4BCF3A}" dt="2021-04-23T04:53:44.257" v="1952"/>
          <ac:cxnSpMkLst>
            <pc:docMk/>
            <pc:sldMk cId="3197970218" sldId="649"/>
            <ac:cxnSpMk id="12" creationId="{DD8EC857-659A-E04F-A9DB-32F96837D9DC}"/>
          </ac:cxnSpMkLst>
        </pc:cxnChg>
        <pc:cxnChg chg="add mod">
          <ac:chgData name="Daly Donnacha HSLU I" userId="0f22e960-400a-43ff-baeb-4828c8f5cd3a" providerId="ADAL" clId="{554BA7E0-55EE-9746-83EC-F09BDB4BCF3A}" dt="2021-04-23T04:56:25.083" v="2110" actId="1036"/>
          <ac:cxnSpMkLst>
            <pc:docMk/>
            <pc:sldMk cId="3197970218" sldId="649"/>
            <ac:cxnSpMk id="17" creationId="{367442E1-ADE8-EB49-BEBD-19F548981FDC}"/>
          </ac:cxnSpMkLst>
        </pc:cxnChg>
        <pc:cxnChg chg="add mod">
          <ac:chgData name="Daly Donnacha HSLU I" userId="0f22e960-400a-43ff-baeb-4828c8f5cd3a" providerId="ADAL" clId="{554BA7E0-55EE-9746-83EC-F09BDB4BCF3A}" dt="2021-04-23T04:56:25.083" v="2110" actId="1036"/>
          <ac:cxnSpMkLst>
            <pc:docMk/>
            <pc:sldMk cId="3197970218" sldId="649"/>
            <ac:cxnSpMk id="18" creationId="{E3BC5190-D0D1-A344-A4F4-C33AA0EF968D}"/>
          </ac:cxnSpMkLst>
        </pc:cxnChg>
        <pc:cxnChg chg="add mod">
          <ac:chgData name="Daly Donnacha HSLU I" userId="0f22e960-400a-43ff-baeb-4828c8f5cd3a" providerId="ADAL" clId="{554BA7E0-55EE-9746-83EC-F09BDB4BCF3A}" dt="2021-04-23T04:56:25.083" v="2110" actId="1036"/>
          <ac:cxnSpMkLst>
            <pc:docMk/>
            <pc:sldMk cId="3197970218" sldId="649"/>
            <ac:cxnSpMk id="19" creationId="{70F4757A-47D2-6041-8418-810BCFE2F528}"/>
          </ac:cxnSpMkLst>
        </pc:cxnChg>
        <pc:cxnChg chg="add mod">
          <ac:chgData name="Daly Donnacha HSLU I" userId="0f22e960-400a-43ff-baeb-4828c8f5cd3a" providerId="ADAL" clId="{554BA7E0-55EE-9746-83EC-F09BDB4BCF3A}" dt="2021-04-23T04:58:07.274" v="2220" actId="1076"/>
          <ac:cxnSpMkLst>
            <pc:docMk/>
            <pc:sldMk cId="3197970218" sldId="649"/>
            <ac:cxnSpMk id="30" creationId="{04A29249-A777-6F43-83B0-3F367DCBC346}"/>
          </ac:cxnSpMkLst>
        </pc:cxnChg>
        <pc:cxnChg chg="add mod">
          <ac:chgData name="Daly Donnacha HSLU I" userId="0f22e960-400a-43ff-baeb-4828c8f5cd3a" providerId="ADAL" clId="{554BA7E0-55EE-9746-83EC-F09BDB4BCF3A}" dt="2021-04-23T04:58:07.274" v="2220" actId="1076"/>
          <ac:cxnSpMkLst>
            <pc:docMk/>
            <pc:sldMk cId="3197970218" sldId="649"/>
            <ac:cxnSpMk id="31" creationId="{E42A6FEE-48C2-684D-8001-D2CE9C496B3E}"/>
          </ac:cxnSpMkLst>
        </pc:cxnChg>
        <pc:cxnChg chg="add del mod">
          <ac:chgData name="Daly Donnacha HSLU I" userId="0f22e960-400a-43ff-baeb-4828c8f5cd3a" providerId="ADAL" clId="{554BA7E0-55EE-9746-83EC-F09BDB4BCF3A}" dt="2021-04-23T05:22:21.452" v="2671" actId="478"/>
          <ac:cxnSpMkLst>
            <pc:docMk/>
            <pc:sldMk cId="3197970218" sldId="649"/>
            <ac:cxnSpMk id="32" creationId="{35BCE4D2-C6C6-934F-B299-7360A5F4542C}"/>
          </ac:cxnSpMkLst>
        </pc:cxnChg>
      </pc:sldChg>
      <pc:sldChg chg="addSp delSp modSp new mod">
        <pc:chgData name="Daly Donnacha HSLU I" userId="0f22e960-400a-43ff-baeb-4828c8f5cd3a" providerId="ADAL" clId="{554BA7E0-55EE-9746-83EC-F09BDB4BCF3A}" dt="2021-04-23T05:14:53.057" v="2541" actId="14100"/>
        <pc:sldMkLst>
          <pc:docMk/>
          <pc:sldMk cId="761967843" sldId="650"/>
        </pc:sldMkLst>
        <pc:spChg chg="mod">
          <ac:chgData name="Daly Donnacha HSLU I" userId="0f22e960-400a-43ff-baeb-4828c8f5cd3a" providerId="ADAL" clId="{554BA7E0-55EE-9746-83EC-F09BDB4BCF3A}" dt="2021-04-23T05:05:40.499" v="2318" actId="20577"/>
          <ac:spMkLst>
            <pc:docMk/>
            <pc:sldMk cId="761967843" sldId="650"/>
            <ac:spMk id="2" creationId="{FD5F2D24-1452-E44E-AAEA-4607B154344F}"/>
          </ac:spMkLst>
        </pc:spChg>
        <pc:spChg chg="add mod">
          <ac:chgData name="Daly Donnacha HSLU I" userId="0f22e960-400a-43ff-baeb-4828c8f5cd3a" providerId="ADAL" clId="{554BA7E0-55EE-9746-83EC-F09BDB4BCF3A}" dt="2021-04-23T05:05:56.394" v="2320" actId="1076"/>
          <ac:spMkLst>
            <pc:docMk/>
            <pc:sldMk cId="761967843" sldId="650"/>
            <ac:spMk id="3" creationId="{34B7E597-CAB9-AB41-8099-D5910F75D43F}"/>
          </ac:spMkLst>
        </pc:spChg>
        <pc:spChg chg="add mod">
          <ac:chgData name="Daly Donnacha HSLU I" userId="0f22e960-400a-43ff-baeb-4828c8f5cd3a" providerId="ADAL" clId="{554BA7E0-55EE-9746-83EC-F09BDB4BCF3A}" dt="2021-04-23T05:14:53.057" v="2541" actId="14100"/>
          <ac:spMkLst>
            <pc:docMk/>
            <pc:sldMk cId="761967843" sldId="650"/>
            <ac:spMk id="18" creationId="{28A15F66-B785-B84C-B83D-5D654661575B}"/>
          </ac:spMkLst>
        </pc:spChg>
        <pc:picChg chg="add mod">
          <ac:chgData name="Daly Donnacha HSLU I" userId="0f22e960-400a-43ff-baeb-4828c8f5cd3a" providerId="ADAL" clId="{554BA7E0-55EE-9746-83EC-F09BDB4BCF3A}" dt="2021-04-23T05:09:24.109" v="2347" actId="1036"/>
          <ac:picMkLst>
            <pc:docMk/>
            <pc:sldMk cId="761967843" sldId="650"/>
            <ac:picMk id="6" creationId="{B992C3FC-02BF-CE4F-88AD-E2865D89F09D}"/>
          </ac:picMkLst>
        </pc:picChg>
        <pc:picChg chg="add mod">
          <ac:chgData name="Daly Donnacha HSLU I" userId="0f22e960-400a-43ff-baeb-4828c8f5cd3a" providerId="ADAL" clId="{554BA7E0-55EE-9746-83EC-F09BDB4BCF3A}" dt="2021-04-23T05:05:56.394" v="2320" actId="1076"/>
          <ac:picMkLst>
            <pc:docMk/>
            <pc:sldMk cId="761967843" sldId="650"/>
            <ac:picMk id="7" creationId="{0A7FBE9D-4B3B-174A-9B1A-007B1E3BAEDD}"/>
          </ac:picMkLst>
        </pc:picChg>
        <pc:picChg chg="add mod">
          <ac:chgData name="Daly Donnacha HSLU I" userId="0f22e960-400a-43ff-baeb-4828c8f5cd3a" providerId="ADAL" clId="{554BA7E0-55EE-9746-83EC-F09BDB4BCF3A}" dt="2021-04-23T05:05:56.394" v="2320" actId="1076"/>
          <ac:picMkLst>
            <pc:docMk/>
            <pc:sldMk cId="761967843" sldId="650"/>
            <ac:picMk id="8" creationId="{46489B91-A083-4D4B-83DA-C0079033C03D}"/>
          </ac:picMkLst>
        </pc:picChg>
        <pc:picChg chg="add mod">
          <ac:chgData name="Daly Donnacha HSLU I" userId="0f22e960-400a-43ff-baeb-4828c8f5cd3a" providerId="ADAL" clId="{554BA7E0-55EE-9746-83EC-F09BDB4BCF3A}" dt="2021-04-23T05:05:56.394" v="2320" actId="1076"/>
          <ac:picMkLst>
            <pc:docMk/>
            <pc:sldMk cId="761967843" sldId="650"/>
            <ac:picMk id="9" creationId="{8BE51B3F-0E49-2E4F-ABFB-EF1A953FFF5B}"/>
          </ac:picMkLst>
        </pc:picChg>
        <pc:picChg chg="add mod">
          <ac:chgData name="Daly Donnacha HSLU I" userId="0f22e960-400a-43ff-baeb-4828c8f5cd3a" providerId="ADAL" clId="{554BA7E0-55EE-9746-83EC-F09BDB4BCF3A}" dt="2021-04-23T05:09:14.325" v="2343" actId="1035"/>
          <ac:picMkLst>
            <pc:docMk/>
            <pc:sldMk cId="761967843" sldId="650"/>
            <ac:picMk id="10" creationId="{2450A244-22B9-F84B-8CCF-07C460A099EF}"/>
          </ac:picMkLst>
        </pc:picChg>
        <pc:picChg chg="add del mod">
          <ac:chgData name="Daly Donnacha HSLU I" userId="0f22e960-400a-43ff-baeb-4828c8f5cd3a" providerId="ADAL" clId="{554BA7E0-55EE-9746-83EC-F09BDB4BCF3A}" dt="2021-04-23T05:13:13.964" v="2354" actId="478"/>
          <ac:picMkLst>
            <pc:docMk/>
            <pc:sldMk cId="761967843" sldId="650"/>
            <ac:picMk id="11" creationId="{6C03BEDF-2F06-D946-B2C3-269284FDD031}"/>
          </ac:picMkLst>
        </pc:picChg>
        <pc:picChg chg="add mod">
          <ac:chgData name="Daly Donnacha HSLU I" userId="0f22e960-400a-43ff-baeb-4828c8f5cd3a" providerId="ADAL" clId="{554BA7E0-55EE-9746-83EC-F09BDB4BCF3A}" dt="2021-04-23T05:09:09.708" v="2339" actId="1076"/>
          <ac:picMkLst>
            <pc:docMk/>
            <pc:sldMk cId="761967843" sldId="650"/>
            <ac:picMk id="12" creationId="{578D4039-BF89-B645-9033-5D9A46A285B6}"/>
          </ac:picMkLst>
        </pc:picChg>
        <pc:picChg chg="add mod">
          <ac:chgData name="Daly Donnacha HSLU I" userId="0f22e960-400a-43ff-baeb-4828c8f5cd3a" providerId="ADAL" clId="{554BA7E0-55EE-9746-83EC-F09BDB4BCF3A}" dt="2021-04-23T05:13:47.654" v="2394" actId="1037"/>
          <ac:picMkLst>
            <pc:docMk/>
            <pc:sldMk cId="761967843" sldId="650"/>
            <ac:picMk id="15" creationId="{D979442C-CA06-A940-BD3C-60BDB1F92800}"/>
          </ac:picMkLst>
        </pc:picChg>
        <pc:cxnChg chg="add mod">
          <ac:chgData name="Daly Donnacha HSLU I" userId="0f22e960-400a-43ff-baeb-4828c8f5cd3a" providerId="ADAL" clId="{554BA7E0-55EE-9746-83EC-F09BDB4BCF3A}" dt="2021-04-23T05:05:56.394" v="2320" actId="1076"/>
          <ac:cxnSpMkLst>
            <pc:docMk/>
            <pc:sldMk cId="761967843" sldId="650"/>
            <ac:cxnSpMk id="4" creationId="{CC509175-9FB8-1C42-8F67-04C67EDF45A7}"/>
          </ac:cxnSpMkLst>
        </pc:cxnChg>
        <pc:cxnChg chg="add mod">
          <ac:chgData name="Daly Donnacha HSLU I" userId="0f22e960-400a-43ff-baeb-4828c8f5cd3a" providerId="ADAL" clId="{554BA7E0-55EE-9746-83EC-F09BDB4BCF3A}" dt="2021-04-23T05:05:56.394" v="2320" actId="1076"/>
          <ac:cxnSpMkLst>
            <pc:docMk/>
            <pc:sldMk cId="761967843" sldId="650"/>
            <ac:cxnSpMk id="5" creationId="{63A36197-E16F-924A-ADEE-B0A020555ACE}"/>
          </ac:cxnSpMkLst>
        </pc:cxnChg>
        <pc:cxnChg chg="add mod">
          <ac:chgData name="Daly Donnacha HSLU I" userId="0f22e960-400a-43ff-baeb-4828c8f5cd3a" providerId="ADAL" clId="{554BA7E0-55EE-9746-83EC-F09BDB4BCF3A}" dt="2021-04-23T05:13:34.997" v="2378" actId="14100"/>
          <ac:cxnSpMkLst>
            <pc:docMk/>
            <pc:sldMk cId="761967843" sldId="650"/>
            <ac:cxnSpMk id="14" creationId="{FE92F184-6FE8-1646-855B-60C425D277BB}"/>
          </ac:cxnSpMkLst>
        </pc:cxnChg>
      </pc:sldChg>
      <pc:sldChg chg="addSp delSp modSp add mod">
        <pc:chgData name="Daly Donnacha HSLU I" userId="0f22e960-400a-43ff-baeb-4828c8f5cd3a" providerId="ADAL" clId="{554BA7E0-55EE-9746-83EC-F09BDB4BCF3A}" dt="2021-04-23T05:21:15.153" v="2653" actId="14100"/>
        <pc:sldMkLst>
          <pc:docMk/>
          <pc:sldMk cId="1009249833" sldId="651"/>
        </pc:sldMkLst>
        <pc:spChg chg="add mod">
          <ac:chgData name="Daly Donnacha HSLU I" userId="0f22e960-400a-43ff-baeb-4828c8f5cd3a" providerId="ADAL" clId="{554BA7E0-55EE-9746-83EC-F09BDB4BCF3A}" dt="2021-04-23T05:21:15.153" v="2653" actId="14100"/>
          <ac:spMkLst>
            <pc:docMk/>
            <pc:sldMk cId="1009249833" sldId="651"/>
            <ac:spMk id="16" creationId="{8639624C-32DB-E042-B63A-FD84D3CD0793}"/>
          </ac:spMkLst>
        </pc:spChg>
        <pc:spChg chg="del">
          <ac:chgData name="Daly Donnacha HSLU I" userId="0f22e960-400a-43ff-baeb-4828c8f5cd3a" providerId="ADAL" clId="{554BA7E0-55EE-9746-83EC-F09BDB4BCF3A}" dt="2021-04-23T05:15:01.510" v="2543" actId="478"/>
          <ac:spMkLst>
            <pc:docMk/>
            <pc:sldMk cId="1009249833" sldId="651"/>
            <ac:spMk id="18" creationId="{28A15F66-B785-B84C-B83D-5D654661575B}"/>
          </ac:spMkLst>
        </pc:spChg>
        <pc:picChg chg="add mod">
          <ac:chgData name="Daly Donnacha HSLU I" userId="0f22e960-400a-43ff-baeb-4828c8f5cd3a" providerId="ADAL" clId="{554BA7E0-55EE-9746-83EC-F09BDB4BCF3A}" dt="2021-04-23T05:15:35.442" v="2591" actId="208"/>
          <ac:picMkLst>
            <pc:docMk/>
            <pc:sldMk cId="1009249833" sldId="651"/>
            <ac:picMk id="11" creationId="{7753ABFE-5456-5C43-AF68-D237A7B8B2B7}"/>
          </ac:picMkLst>
        </pc:picChg>
        <pc:picChg chg="add mod">
          <ac:chgData name="Daly Donnacha HSLU I" userId="0f22e960-400a-43ff-baeb-4828c8f5cd3a" providerId="ADAL" clId="{554BA7E0-55EE-9746-83EC-F09BDB4BCF3A}" dt="2021-04-23T05:17:58.735" v="2627" actId="1076"/>
          <ac:picMkLst>
            <pc:docMk/>
            <pc:sldMk cId="1009249833" sldId="651"/>
            <ac:picMk id="19" creationId="{C08EB383-8E63-F341-8465-26DE88E612BB}"/>
          </ac:picMkLst>
        </pc:picChg>
        <pc:cxnChg chg="add mod">
          <ac:chgData name="Daly Donnacha HSLU I" userId="0f22e960-400a-43ff-baeb-4828c8f5cd3a" providerId="ADAL" clId="{554BA7E0-55EE-9746-83EC-F09BDB4BCF3A}" dt="2021-04-23T05:16:50.404" v="2602" actId="14100"/>
          <ac:cxnSpMkLst>
            <pc:docMk/>
            <pc:sldMk cId="1009249833" sldId="651"/>
            <ac:cxnSpMk id="17" creationId="{15AA0D8E-680D-3746-A1BD-E66305435251}"/>
          </ac:cxnSpMkLst>
        </pc:cxnChg>
        <pc:cxnChg chg="add del mod">
          <ac:chgData name="Daly Donnacha HSLU I" userId="0f22e960-400a-43ff-baeb-4828c8f5cd3a" providerId="ADAL" clId="{554BA7E0-55EE-9746-83EC-F09BDB4BCF3A}" dt="2021-04-23T05:18:16.832" v="2631" actId="478"/>
          <ac:cxnSpMkLst>
            <pc:docMk/>
            <pc:sldMk cId="1009249833" sldId="651"/>
            <ac:cxnSpMk id="20" creationId="{64A48E8A-A966-E641-8B50-ED85CB63C115}"/>
          </ac:cxnSpMkLst>
        </pc:cxnChg>
        <pc:cxnChg chg="add mod">
          <ac:chgData name="Daly Donnacha HSLU I" userId="0f22e960-400a-43ff-baeb-4828c8f5cd3a" providerId="ADAL" clId="{554BA7E0-55EE-9746-83EC-F09BDB4BCF3A}" dt="2021-04-23T05:21:15.153" v="2653" actId="14100"/>
          <ac:cxnSpMkLst>
            <pc:docMk/>
            <pc:sldMk cId="1009249833" sldId="651"/>
            <ac:cxnSpMk id="23" creationId="{672548B8-448B-BD46-B69C-95F829C6DD0A}"/>
          </ac:cxnSpMkLst>
        </pc:cxnChg>
      </pc:sldChg>
      <pc:sldChg chg="addSp delSp modSp new mod">
        <pc:chgData name="Daly Donnacha HSLU I" userId="0f22e960-400a-43ff-baeb-4828c8f5cd3a" providerId="ADAL" clId="{554BA7E0-55EE-9746-83EC-F09BDB4BCF3A}" dt="2021-04-23T05:28:21.881" v="2762" actId="1076"/>
        <pc:sldMkLst>
          <pc:docMk/>
          <pc:sldMk cId="230935675" sldId="652"/>
        </pc:sldMkLst>
        <pc:spChg chg="mod">
          <ac:chgData name="Daly Donnacha HSLU I" userId="0f22e960-400a-43ff-baeb-4828c8f5cd3a" providerId="ADAL" clId="{554BA7E0-55EE-9746-83EC-F09BDB4BCF3A}" dt="2021-04-23T05:23:53.616" v="2730" actId="20577"/>
          <ac:spMkLst>
            <pc:docMk/>
            <pc:sldMk cId="230935675" sldId="652"/>
            <ac:spMk id="2" creationId="{78DE4099-BFB0-084F-A4E6-2F3DC2BBACB6}"/>
          </ac:spMkLst>
        </pc:spChg>
        <pc:spChg chg="add del mod">
          <ac:chgData name="Daly Donnacha HSLU I" userId="0f22e960-400a-43ff-baeb-4828c8f5cd3a" providerId="ADAL" clId="{554BA7E0-55EE-9746-83EC-F09BDB4BCF3A}" dt="2021-04-23T05:20:35.748" v="2646"/>
          <ac:spMkLst>
            <pc:docMk/>
            <pc:sldMk cId="230935675" sldId="652"/>
            <ac:spMk id="7" creationId="{4D7A8509-31B0-C04C-B238-9AA016F7DBDB}"/>
          </ac:spMkLst>
        </pc:spChg>
        <pc:spChg chg="add del mod">
          <ac:chgData name="Daly Donnacha HSLU I" userId="0f22e960-400a-43ff-baeb-4828c8f5cd3a" providerId="ADAL" clId="{554BA7E0-55EE-9746-83EC-F09BDB4BCF3A}" dt="2021-04-23T05:20:35.748" v="2646"/>
          <ac:spMkLst>
            <pc:docMk/>
            <pc:sldMk cId="230935675" sldId="652"/>
            <ac:spMk id="8" creationId="{251F2760-50F8-974F-9BCE-A4448493445C}"/>
          </ac:spMkLst>
        </pc:spChg>
        <pc:spChg chg="add mod">
          <ac:chgData name="Daly Donnacha HSLU I" userId="0f22e960-400a-43ff-baeb-4828c8f5cd3a" providerId="ADAL" clId="{554BA7E0-55EE-9746-83EC-F09BDB4BCF3A}" dt="2021-04-23T05:20:46.998" v="2648" actId="1076"/>
          <ac:spMkLst>
            <pc:docMk/>
            <pc:sldMk cId="230935675" sldId="652"/>
            <ac:spMk id="14" creationId="{2F69BAC0-EDC0-9B43-8F3C-C9A2008C00E7}"/>
          </ac:spMkLst>
        </pc:spChg>
        <pc:spChg chg="mod">
          <ac:chgData name="Daly Donnacha HSLU I" userId="0f22e960-400a-43ff-baeb-4828c8f5cd3a" providerId="ADAL" clId="{554BA7E0-55EE-9746-83EC-F09BDB4BCF3A}" dt="2021-04-23T05:20:43.530" v="2647"/>
          <ac:spMkLst>
            <pc:docMk/>
            <pc:sldMk cId="230935675" sldId="652"/>
            <ac:spMk id="16" creationId="{99E343E8-230C-154B-9FB6-70119A3731E8}"/>
          </ac:spMkLst>
        </pc:spChg>
        <pc:spChg chg="mod">
          <ac:chgData name="Daly Donnacha HSLU I" userId="0f22e960-400a-43ff-baeb-4828c8f5cd3a" providerId="ADAL" clId="{554BA7E0-55EE-9746-83EC-F09BDB4BCF3A}" dt="2021-04-23T05:20:43.530" v="2647"/>
          <ac:spMkLst>
            <pc:docMk/>
            <pc:sldMk cId="230935675" sldId="652"/>
            <ac:spMk id="17" creationId="{F9A9C968-6A48-1F42-8435-0D0FF3567873}"/>
          </ac:spMkLst>
        </pc:spChg>
        <pc:spChg chg="add mod">
          <ac:chgData name="Daly Donnacha HSLU I" userId="0f22e960-400a-43ff-baeb-4828c8f5cd3a" providerId="ADAL" clId="{554BA7E0-55EE-9746-83EC-F09BDB4BCF3A}" dt="2021-04-23T05:20:46.998" v="2648" actId="1076"/>
          <ac:spMkLst>
            <pc:docMk/>
            <pc:sldMk cId="230935675" sldId="652"/>
            <ac:spMk id="18" creationId="{A5824297-F891-D44D-B59D-5D7D2774B548}"/>
          </ac:spMkLst>
        </pc:spChg>
        <pc:spChg chg="add mod">
          <ac:chgData name="Daly Donnacha HSLU I" userId="0f22e960-400a-43ff-baeb-4828c8f5cd3a" providerId="ADAL" clId="{554BA7E0-55EE-9746-83EC-F09BDB4BCF3A}" dt="2021-04-23T05:20:59.036" v="2650" actId="1076"/>
          <ac:spMkLst>
            <pc:docMk/>
            <pc:sldMk cId="230935675" sldId="652"/>
            <ac:spMk id="24" creationId="{59C68C36-E1EA-A54A-B8E4-75CFCC91B15D}"/>
          </ac:spMkLst>
        </pc:spChg>
        <pc:spChg chg="add mod">
          <ac:chgData name="Daly Donnacha HSLU I" userId="0f22e960-400a-43ff-baeb-4828c8f5cd3a" providerId="ADAL" clId="{554BA7E0-55EE-9746-83EC-F09BDB4BCF3A}" dt="2021-04-23T05:20:59.036" v="2650" actId="1076"/>
          <ac:spMkLst>
            <pc:docMk/>
            <pc:sldMk cId="230935675" sldId="652"/>
            <ac:spMk id="27" creationId="{E675D9A9-ED13-F04D-ABF5-2B297702278E}"/>
          </ac:spMkLst>
        </pc:spChg>
        <pc:spChg chg="add mod">
          <ac:chgData name="Daly Donnacha HSLU I" userId="0f22e960-400a-43ff-baeb-4828c8f5cd3a" providerId="ADAL" clId="{554BA7E0-55EE-9746-83EC-F09BDB4BCF3A}" dt="2021-04-23T05:20:59.036" v="2650" actId="1076"/>
          <ac:spMkLst>
            <pc:docMk/>
            <pc:sldMk cId="230935675" sldId="652"/>
            <ac:spMk id="28" creationId="{444DE665-88C9-4847-A74D-A6CEDCFD368C}"/>
          </ac:spMkLst>
        </pc:spChg>
        <pc:spChg chg="add mod">
          <ac:chgData name="Daly Donnacha HSLU I" userId="0f22e960-400a-43ff-baeb-4828c8f5cd3a" providerId="ADAL" clId="{554BA7E0-55EE-9746-83EC-F09BDB4BCF3A}" dt="2021-04-23T05:27:35.786" v="2747" actId="14100"/>
          <ac:spMkLst>
            <pc:docMk/>
            <pc:sldMk cId="230935675" sldId="652"/>
            <ac:spMk id="39" creationId="{61031AD1-A325-A64F-B9F3-8D2F364B7994}"/>
          </ac:spMkLst>
        </pc:spChg>
        <pc:spChg chg="add mod">
          <ac:chgData name="Daly Donnacha HSLU I" userId="0f22e960-400a-43ff-baeb-4828c8f5cd3a" providerId="ADAL" clId="{554BA7E0-55EE-9746-83EC-F09BDB4BCF3A}" dt="2021-04-23T05:28:21.881" v="2762" actId="1076"/>
          <ac:spMkLst>
            <pc:docMk/>
            <pc:sldMk cId="230935675" sldId="652"/>
            <ac:spMk id="40" creationId="{2B856449-9B96-1B41-8177-9D3329DADC02}"/>
          </ac:spMkLst>
        </pc:spChg>
        <pc:grpChg chg="add mod">
          <ac:chgData name="Daly Donnacha HSLU I" userId="0f22e960-400a-43ff-baeb-4828c8f5cd3a" providerId="ADAL" clId="{554BA7E0-55EE-9746-83EC-F09BDB4BCF3A}" dt="2021-04-23T05:20:46.998" v="2648" actId="1076"/>
          <ac:grpSpMkLst>
            <pc:docMk/>
            <pc:sldMk cId="230935675" sldId="652"/>
            <ac:grpSpMk id="15" creationId="{6ABDC4D7-74FD-1544-808F-D1E45348CB2F}"/>
          </ac:grpSpMkLst>
        </pc:grpChg>
        <pc:picChg chg="add mod">
          <ac:chgData name="Daly Donnacha HSLU I" userId="0f22e960-400a-43ff-baeb-4828c8f5cd3a" providerId="ADAL" clId="{554BA7E0-55EE-9746-83EC-F09BDB4BCF3A}" dt="2021-04-23T05:19:59.883" v="2644" actId="1076"/>
          <ac:picMkLst>
            <pc:docMk/>
            <pc:sldMk cId="230935675" sldId="652"/>
            <ac:picMk id="3" creationId="{5B99D719-40F3-5347-9B3E-C6147500E450}"/>
          </ac:picMkLst>
        </pc:picChg>
        <pc:picChg chg="add del mod">
          <ac:chgData name="Daly Donnacha HSLU I" userId="0f22e960-400a-43ff-baeb-4828c8f5cd3a" providerId="ADAL" clId="{554BA7E0-55EE-9746-83EC-F09BDB4BCF3A}" dt="2021-04-23T05:20:35.748" v="2646"/>
          <ac:picMkLst>
            <pc:docMk/>
            <pc:sldMk cId="230935675" sldId="652"/>
            <ac:picMk id="9" creationId="{0BABBFCC-05EC-EE4C-B2DC-1E5C75598F2F}"/>
          </ac:picMkLst>
        </pc:picChg>
        <pc:picChg chg="add del mod">
          <ac:chgData name="Daly Donnacha HSLU I" userId="0f22e960-400a-43ff-baeb-4828c8f5cd3a" providerId="ADAL" clId="{554BA7E0-55EE-9746-83EC-F09BDB4BCF3A}" dt="2021-04-23T05:20:35.748" v="2646"/>
          <ac:picMkLst>
            <pc:docMk/>
            <pc:sldMk cId="230935675" sldId="652"/>
            <ac:picMk id="10" creationId="{A724143D-0C68-5849-9EF0-01CA8E3881A3}"/>
          </ac:picMkLst>
        </pc:picChg>
        <pc:picChg chg="add mod">
          <ac:chgData name="Daly Donnacha HSLU I" userId="0f22e960-400a-43ff-baeb-4828c8f5cd3a" providerId="ADAL" clId="{554BA7E0-55EE-9746-83EC-F09BDB4BCF3A}" dt="2021-04-23T05:20:46.998" v="2648" actId="1076"/>
          <ac:picMkLst>
            <pc:docMk/>
            <pc:sldMk cId="230935675" sldId="652"/>
            <ac:picMk id="19" creationId="{8ED3DD37-8B53-C54A-9B7A-C636D4299F6E}"/>
          </ac:picMkLst>
        </pc:picChg>
        <pc:picChg chg="add mod">
          <ac:chgData name="Daly Donnacha HSLU I" userId="0f22e960-400a-43ff-baeb-4828c8f5cd3a" providerId="ADAL" clId="{554BA7E0-55EE-9746-83EC-F09BDB4BCF3A}" dt="2021-04-23T05:20:46.998" v="2648" actId="1076"/>
          <ac:picMkLst>
            <pc:docMk/>
            <pc:sldMk cId="230935675" sldId="652"/>
            <ac:picMk id="20" creationId="{0AF051C7-D329-5948-95C8-E5E1A83120E2}"/>
          </ac:picMkLst>
        </pc:picChg>
        <pc:picChg chg="add del mod">
          <ac:chgData name="Daly Donnacha HSLU I" userId="0f22e960-400a-43ff-baeb-4828c8f5cd3a" providerId="ADAL" clId="{554BA7E0-55EE-9746-83EC-F09BDB4BCF3A}" dt="2021-04-23T05:22:47.969" v="2675" actId="478"/>
          <ac:picMkLst>
            <pc:docMk/>
            <pc:sldMk cId="230935675" sldId="652"/>
            <ac:picMk id="25" creationId="{4C792E97-CFE8-D248-A17F-2B3A60228622}"/>
          </ac:picMkLst>
        </pc:picChg>
        <pc:picChg chg="add mod">
          <ac:chgData name="Daly Donnacha HSLU I" userId="0f22e960-400a-43ff-baeb-4828c8f5cd3a" providerId="ADAL" clId="{554BA7E0-55EE-9746-83EC-F09BDB4BCF3A}" dt="2021-04-23T05:20:59.036" v="2650" actId="1076"/>
          <ac:picMkLst>
            <pc:docMk/>
            <pc:sldMk cId="230935675" sldId="652"/>
            <ac:picMk id="26" creationId="{274A1A69-7E56-6441-BC54-777C0BB735FA}"/>
          </ac:picMkLst>
        </pc:picChg>
        <pc:picChg chg="add mod modCrop">
          <ac:chgData name="Daly Donnacha HSLU I" userId="0f22e960-400a-43ff-baeb-4828c8f5cd3a" providerId="ADAL" clId="{554BA7E0-55EE-9746-83EC-F09BDB4BCF3A}" dt="2021-04-23T05:27:25.318" v="2744" actId="1037"/>
          <ac:picMkLst>
            <pc:docMk/>
            <pc:sldMk cId="230935675" sldId="652"/>
            <ac:picMk id="29" creationId="{C1177E91-E21F-FD4E-9D38-C49ACEF4F6A9}"/>
          </ac:picMkLst>
        </pc:picChg>
        <pc:picChg chg="add mod">
          <ac:chgData name="Daly Donnacha HSLU I" userId="0f22e960-400a-43ff-baeb-4828c8f5cd3a" providerId="ADAL" clId="{554BA7E0-55EE-9746-83EC-F09BDB4BCF3A}" dt="2021-04-23T05:23:03.583" v="2678" actId="1076"/>
          <ac:picMkLst>
            <pc:docMk/>
            <pc:sldMk cId="230935675" sldId="652"/>
            <ac:picMk id="30" creationId="{8BA402CD-0B14-D84F-9597-851C5A43FA86}"/>
          </ac:picMkLst>
        </pc:picChg>
        <pc:picChg chg="add mod">
          <ac:chgData name="Daly Donnacha HSLU I" userId="0f22e960-400a-43ff-baeb-4828c8f5cd3a" providerId="ADAL" clId="{554BA7E0-55EE-9746-83EC-F09BDB4BCF3A}" dt="2021-04-23T05:23:35.341" v="2691" actId="1076"/>
          <ac:picMkLst>
            <pc:docMk/>
            <pc:sldMk cId="230935675" sldId="652"/>
            <ac:picMk id="31" creationId="{DD887CE6-5B7B-AC46-A306-8BF83D703B1E}"/>
          </ac:picMkLst>
        </pc:picChg>
        <pc:cxnChg chg="add del mod">
          <ac:chgData name="Daly Donnacha HSLU I" userId="0f22e960-400a-43ff-baeb-4828c8f5cd3a" providerId="ADAL" clId="{554BA7E0-55EE-9746-83EC-F09BDB4BCF3A}" dt="2021-04-23T05:20:35.748" v="2646"/>
          <ac:cxnSpMkLst>
            <pc:docMk/>
            <pc:sldMk cId="230935675" sldId="652"/>
            <ac:cxnSpMk id="4" creationId="{7D27891F-2181-754C-8060-6BE54D28ED44}"/>
          </ac:cxnSpMkLst>
        </pc:cxnChg>
        <pc:cxnChg chg="add del mod">
          <ac:chgData name="Daly Donnacha HSLU I" userId="0f22e960-400a-43ff-baeb-4828c8f5cd3a" providerId="ADAL" clId="{554BA7E0-55EE-9746-83EC-F09BDB4BCF3A}" dt="2021-04-23T05:20:35.748" v="2646"/>
          <ac:cxnSpMkLst>
            <pc:docMk/>
            <pc:sldMk cId="230935675" sldId="652"/>
            <ac:cxnSpMk id="5" creationId="{C7543F9A-D016-3B41-89CD-2E2FA01BBE83}"/>
          </ac:cxnSpMkLst>
        </pc:cxnChg>
        <pc:cxnChg chg="add del mod">
          <ac:chgData name="Daly Donnacha HSLU I" userId="0f22e960-400a-43ff-baeb-4828c8f5cd3a" providerId="ADAL" clId="{554BA7E0-55EE-9746-83EC-F09BDB4BCF3A}" dt="2021-04-23T05:20:35.748" v="2646"/>
          <ac:cxnSpMkLst>
            <pc:docMk/>
            <pc:sldMk cId="230935675" sldId="652"/>
            <ac:cxnSpMk id="6" creationId="{5816D9DB-119D-B349-A4BE-6D49C7BD533D}"/>
          </ac:cxnSpMkLst>
        </pc:cxnChg>
        <pc:cxnChg chg="add mod">
          <ac:chgData name="Daly Donnacha HSLU I" userId="0f22e960-400a-43ff-baeb-4828c8f5cd3a" providerId="ADAL" clId="{554BA7E0-55EE-9746-83EC-F09BDB4BCF3A}" dt="2021-04-23T05:20:46.998" v="2648" actId="1076"/>
          <ac:cxnSpMkLst>
            <pc:docMk/>
            <pc:sldMk cId="230935675" sldId="652"/>
            <ac:cxnSpMk id="11" creationId="{DE3A2E72-A4F1-ED42-8039-DE738E540645}"/>
          </ac:cxnSpMkLst>
        </pc:cxnChg>
        <pc:cxnChg chg="add mod">
          <ac:chgData name="Daly Donnacha HSLU I" userId="0f22e960-400a-43ff-baeb-4828c8f5cd3a" providerId="ADAL" clId="{554BA7E0-55EE-9746-83EC-F09BDB4BCF3A}" dt="2021-04-23T05:20:46.998" v="2648" actId="1076"/>
          <ac:cxnSpMkLst>
            <pc:docMk/>
            <pc:sldMk cId="230935675" sldId="652"/>
            <ac:cxnSpMk id="12" creationId="{4938DBA9-63D7-784C-AAEA-0A633D207A9A}"/>
          </ac:cxnSpMkLst>
        </pc:cxnChg>
        <pc:cxnChg chg="add mod">
          <ac:chgData name="Daly Donnacha HSLU I" userId="0f22e960-400a-43ff-baeb-4828c8f5cd3a" providerId="ADAL" clId="{554BA7E0-55EE-9746-83EC-F09BDB4BCF3A}" dt="2021-04-23T05:20:46.998" v="2648" actId="1076"/>
          <ac:cxnSpMkLst>
            <pc:docMk/>
            <pc:sldMk cId="230935675" sldId="652"/>
            <ac:cxnSpMk id="13" creationId="{46D6E82E-3512-EF43-97D7-96117CE1F926}"/>
          </ac:cxnSpMkLst>
        </pc:cxnChg>
        <pc:cxnChg chg="add mod">
          <ac:chgData name="Daly Donnacha HSLU I" userId="0f22e960-400a-43ff-baeb-4828c8f5cd3a" providerId="ADAL" clId="{554BA7E0-55EE-9746-83EC-F09BDB4BCF3A}" dt="2021-04-23T05:20:59.036" v="2650" actId="1076"/>
          <ac:cxnSpMkLst>
            <pc:docMk/>
            <pc:sldMk cId="230935675" sldId="652"/>
            <ac:cxnSpMk id="21" creationId="{B62ABCF8-B397-F540-A679-63C71A480AD3}"/>
          </ac:cxnSpMkLst>
        </pc:cxnChg>
        <pc:cxnChg chg="add mod">
          <ac:chgData name="Daly Donnacha HSLU I" userId="0f22e960-400a-43ff-baeb-4828c8f5cd3a" providerId="ADAL" clId="{554BA7E0-55EE-9746-83EC-F09BDB4BCF3A}" dt="2021-04-23T05:20:59.036" v="2650" actId="1076"/>
          <ac:cxnSpMkLst>
            <pc:docMk/>
            <pc:sldMk cId="230935675" sldId="652"/>
            <ac:cxnSpMk id="22" creationId="{47E5219B-6A86-964C-879A-FC41614565A6}"/>
          </ac:cxnSpMkLst>
        </pc:cxnChg>
        <pc:cxnChg chg="add del mod">
          <ac:chgData name="Daly Donnacha HSLU I" userId="0f22e960-400a-43ff-baeb-4828c8f5cd3a" providerId="ADAL" clId="{554BA7E0-55EE-9746-83EC-F09BDB4BCF3A}" dt="2021-04-23T05:22:51.792" v="2677" actId="478"/>
          <ac:cxnSpMkLst>
            <pc:docMk/>
            <pc:sldMk cId="230935675" sldId="652"/>
            <ac:cxnSpMk id="23" creationId="{253C53ED-0DCF-4A46-A07E-DCC701A6E436}"/>
          </ac:cxnSpMkLst>
        </pc:cxnChg>
        <pc:cxnChg chg="add mod">
          <ac:chgData name="Daly Donnacha HSLU I" userId="0f22e960-400a-43ff-baeb-4828c8f5cd3a" providerId="ADAL" clId="{554BA7E0-55EE-9746-83EC-F09BDB4BCF3A}" dt="2021-04-23T05:25:26.746" v="2734" actId="208"/>
          <ac:cxnSpMkLst>
            <pc:docMk/>
            <pc:sldMk cId="230935675" sldId="652"/>
            <ac:cxnSpMk id="33" creationId="{5B16F369-8CB5-C14D-8D14-BA9EE554C7C1}"/>
          </ac:cxnSpMkLst>
        </pc:cxnChg>
        <pc:cxnChg chg="add mod">
          <ac:chgData name="Daly Donnacha HSLU I" userId="0f22e960-400a-43ff-baeb-4828c8f5cd3a" providerId="ADAL" clId="{554BA7E0-55EE-9746-83EC-F09BDB4BCF3A}" dt="2021-04-23T05:25:34.026" v="2737" actId="14100"/>
          <ac:cxnSpMkLst>
            <pc:docMk/>
            <pc:sldMk cId="230935675" sldId="652"/>
            <ac:cxnSpMk id="36" creationId="{06A1A2AA-060F-6E46-90A4-C95E10DC881F}"/>
          </ac:cxnSpMkLst>
        </pc:cxnChg>
      </pc:sldChg>
      <pc:sldChg chg="addSp delSp modSp new mod">
        <pc:chgData name="Daly Donnacha HSLU I" userId="0f22e960-400a-43ff-baeb-4828c8f5cd3a" providerId="ADAL" clId="{554BA7E0-55EE-9746-83EC-F09BDB4BCF3A}" dt="2021-04-23T09:43:30.684" v="4769" actId="948"/>
        <pc:sldMkLst>
          <pc:docMk/>
          <pc:sldMk cId="4125028947" sldId="653"/>
        </pc:sldMkLst>
        <pc:spChg chg="mod">
          <ac:chgData name="Daly Donnacha HSLU I" userId="0f22e960-400a-43ff-baeb-4828c8f5cd3a" providerId="ADAL" clId="{554BA7E0-55EE-9746-83EC-F09BDB4BCF3A}" dt="2021-04-23T05:38:59.306" v="2792" actId="6549"/>
          <ac:spMkLst>
            <pc:docMk/>
            <pc:sldMk cId="4125028947" sldId="653"/>
            <ac:spMk id="2" creationId="{7685A278-D3C8-5C4D-841E-18DDD5E26156}"/>
          </ac:spMkLst>
        </pc:spChg>
        <pc:spChg chg="add mod">
          <ac:chgData name="Daly Donnacha HSLU I" userId="0f22e960-400a-43ff-baeb-4828c8f5cd3a" providerId="ADAL" clId="{554BA7E0-55EE-9746-83EC-F09BDB4BCF3A}" dt="2021-04-23T05:41:38.835" v="2808" actId="20577"/>
          <ac:spMkLst>
            <pc:docMk/>
            <pc:sldMk cId="4125028947" sldId="653"/>
            <ac:spMk id="4" creationId="{B46E3C9E-742F-F648-B9CA-3062C023F74F}"/>
          </ac:spMkLst>
        </pc:spChg>
        <pc:spChg chg="add mod">
          <ac:chgData name="Daly Donnacha HSLU I" userId="0f22e960-400a-43ff-baeb-4828c8f5cd3a" providerId="ADAL" clId="{554BA7E0-55EE-9746-83EC-F09BDB4BCF3A}" dt="2021-04-23T09:43:30.684" v="4769" actId="948"/>
          <ac:spMkLst>
            <pc:docMk/>
            <pc:sldMk cId="4125028947" sldId="653"/>
            <ac:spMk id="5" creationId="{AA0FCEF2-4CDF-6746-BFCE-6E0671BA8A8E}"/>
          </ac:spMkLst>
        </pc:spChg>
        <pc:spChg chg="add mod">
          <ac:chgData name="Daly Donnacha HSLU I" userId="0f22e960-400a-43ff-baeb-4828c8f5cd3a" providerId="ADAL" clId="{554BA7E0-55EE-9746-83EC-F09BDB4BCF3A}" dt="2021-04-23T05:46:47.905" v="3040" actId="20577"/>
          <ac:spMkLst>
            <pc:docMk/>
            <pc:sldMk cId="4125028947" sldId="653"/>
            <ac:spMk id="7" creationId="{90C299C6-B78D-B44B-8677-BA2E6FFC2ECB}"/>
          </ac:spMkLst>
        </pc:spChg>
        <pc:picChg chg="add del mod">
          <ac:chgData name="Daly Donnacha HSLU I" userId="0f22e960-400a-43ff-baeb-4828c8f5cd3a" providerId="ADAL" clId="{554BA7E0-55EE-9746-83EC-F09BDB4BCF3A}" dt="2021-04-23T05:39:26.237" v="2800" actId="478"/>
          <ac:picMkLst>
            <pc:docMk/>
            <pc:sldMk cId="4125028947" sldId="653"/>
            <ac:picMk id="3" creationId="{0A86E33C-9F54-6944-8456-20729E16FEF7}"/>
          </ac:picMkLst>
        </pc:picChg>
        <pc:picChg chg="add mod">
          <ac:chgData name="Daly Donnacha HSLU I" userId="0f22e960-400a-43ff-baeb-4828c8f5cd3a" providerId="ADAL" clId="{554BA7E0-55EE-9746-83EC-F09BDB4BCF3A}" dt="2021-04-23T05:44:41.807" v="2954" actId="1076"/>
          <ac:picMkLst>
            <pc:docMk/>
            <pc:sldMk cId="4125028947" sldId="653"/>
            <ac:picMk id="6" creationId="{6532E118-DF6C-9245-B5A2-FF4E7DF0099A}"/>
          </ac:picMkLst>
        </pc:picChg>
        <pc:picChg chg="add mod">
          <ac:chgData name="Daly Donnacha HSLU I" userId="0f22e960-400a-43ff-baeb-4828c8f5cd3a" providerId="ADAL" clId="{554BA7E0-55EE-9746-83EC-F09BDB4BCF3A}" dt="2021-04-23T05:46:50.527" v="3042" actId="1036"/>
          <ac:picMkLst>
            <pc:docMk/>
            <pc:sldMk cId="4125028947" sldId="653"/>
            <ac:picMk id="8" creationId="{B6A01A39-1227-C048-89AA-42D05BB8B404}"/>
          </ac:picMkLst>
        </pc:picChg>
        <pc:picChg chg="add mod">
          <ac:chgData name="Daly Donnacha HSLU I" userId="0f22e960-400a-43ff-baeb-4828c8f5cd3a" providerId="ADAL" clId="{554BA7E0-55EE-9746-83EC-F09BDB4BCF3A}" dt="2021-04-23T05:46:45.075" v="3039" actId="1036"/>
          <ac:picMkLst>
            <pc:docMk/>
            <pc:sldMk cId="4125028947" sldId="653"/>
            <ac:picMk id="9" creationId="{3DBB68F0-FB4B-C641-A572-6672DE237207}"/>
          </ac:picMkLst>
        </pc:picChg>
        <pc:cxnChg chg="add mod">
          <ac:chgData name="Daly Donnacha HSLU I" userId="0f22e960-400a-43ff-baeb-4828c8f5cd3a" providerId="ADAL" clId="{554BA7E0-55EE-9746-83EC-F09BDB4BCF3A}" dt="2021-04-23T05:46:20.796" v="3023" actId="14100"/>
          <ac:cxnSpMkLst>
            <pc:docMk/>
            <pc:sldMk cId="4125028947" sldId="653"/>
            <ac:cxnSpMk id="10" creationId="{7938F3F6-4F75-3F4C-8A04-7A26DD58E9BA}"/>
          </ac:cxnSpMkLst>
        </pc:cxnChg>
      </pc:sldChg>
      <pc:sldChg chg="addSp delSp modSp new mod">
        <pc:chgData name="Daly Donnacha HSLU I" userId="0f22e960-400a-43ff-baeb-4828c8f5cd3a" providerId="ADAL" clId="{554BA7E0-55EE-9746-83EC-F09BDB4BCF3A}" dt="2021-04-23T17:13:18.833" v="8459" actId="208"/>
        <pc:sldMkLst>
          <pc:docMk/>
          <pc:sldMk cId="2574297036" sldId="654"/>
        </pc:sldMkLst>
        <pc:spChg chg="mod">
          <ac:chgData name="Daly Donnacha HSLU I" userId="0f22e960-400a-43ff-baeb-4828c8f5cd3a" providerId="ADAL" clId="{554BA7E0-55EE-9746-83EC-F09BDB4BCF3A}" dt="2021-04-23T08:07:50.862" v="3807" actId="1076"/>
          <ac:spMkLst>
            <pc:docMk/>
            <pc:sldMk cId="2574297036" sldId="654"/>
            <ac:spMk id="2" creationId="{21FEDBC2-31D3-6241-9768-A88FDB569742}"/>
          </ac:spMkLst>
        </pc:spChg>
        <pc:spChg chg="add del mod">
          <ac:chgData name="Daly Donnacha HSLU I" userId="0f22e960-400a-43ff-baeb-4828c8f5cd3a" providerId="ADAL" clId="{554BA7E0-55EE-9746-83EC-F09BDB4BCF3A}" dt="2021-04-23T07:09:00.670" v="3100" actId="478"/>
          <ac:spMkLst>
            <pc:docMk/>
            <pc:sldMk cId="2574297036" sldId="654"/>
            <ac:spMk id="8" creationId="{FCFD8A16-1AEF-8A45-9F86-80231B4A13F3}"/>
          </ac:spMkLst>
        </pc:spChg>
        <pc:spChg chg="add del mod">
          <ac:chgData name="Daly Donnacha HSLU I" userId="0f22e960-400a-43ff-baeb-4828c8f5cd3a" providerId="ADAL" clId="{554BA7E0-55EE-9746-83EC-F09BDB4BCF3A}" dt="2021-04-23T07:09:00.670" v="3100" actId="478"/>
          <ac:spMkLst>
            <pc:docMk/>
            <pc:sldMk cId="2574297036" sldId="654"/>
            <ac:spMk id="10" creationId="{6F0A12BE-1318-F44A-A1E9-D1B2A005EB01}"/>
          </ac:spMkLst>
        </pc:spChg>
        <pc:spChg chg="add del mod">
          <ac:chgData name="Daly Donnacha HSLU I" userId="0f22e960-400a-43ff-baeb-4828c8f5cd3a" providerId="ADAL" clId="{554BA7E0-55EE-9746-83EC-F09BDB4BCF3A}" dt="2021-04-23T07:09:00.670" v="3100" actId="478"/>
          <ac:spMkLst>
            <pc:docMk/>
            <pc:sldMk cId="2574297036" sldId="654"/>
            <ac:spMk id="11" creationId="{21965269-ECEE-CF4C-B22E-7EA681A7B9F5}"/>
          </ac:spMkLst>
        </pc:spChg>
        <pc:spChg chg="add del mod">
          <ac:chgData name="Daly Donnacha HSLU I" userId="0f22e960-400a-43ff-baeb-4828c8f5cd3a" providerId="ADAL" clId="{554BA7E0-55EE-9746-83EC-F09BDB4BCF3A}" dt="2021-04-23T07:09:00.670" v="3100" actId="478"/>
          <ac:spMkLst>
            <pc:docMk/>
            <pc:sldMk cId="2574297036" sldId="654"/>
            <ac:spMk id="12" creationId="{A03F8A5D-37AE-8546-A7C6-13D10293EB33}"/>
          </ac:spMkLst>
        </pc:spChg>
        <pc:spChg chg="add del mod">
          <ac:chgData name="Daly Donnacha HSLU I" userId="0f22e960-400a-43ff-baeb-4828c8f5cd3a" providerId="ADAL" clId="{554BA7E0-55EE-9746-83EC-F09BDB4BCF3A}" dt="2021-04-23T07:09:00.670" v="3100" actId="478"/>
          <ac:spMkLst>
            <pc:docMk/>
            <pc:sldMk cId="2574297036" sldId="654"/>
            <ac:spMk id="13" creationId="{DD2B013C-0271-7844-B175-B852A54FAFDE}"/>
          </ac:spMkLst>
        </pc:spChg>
        <pc:spChg chg="add del mod">
          <ac:chgData name="Daly Donnacha HSLU I" userId="0f22e960-400a-43ff-baeb-4828c8f5cd3a" providerId="ADAL" clId="{554BA7E0-55EE-9746-83EC-F09BDB4BCF3A}" dt="2021-04-23T07:09:00.670" v="3100" actId="478"/>
          <ac:spMkLst>
            <pc:docMk/>
            <pc:sldMk cId="2574297036" sldId="654"/>
            <ac:spMk id="14" creationId="{E580D2DA-B3DC-4F47-ACE8-510D4B2738A3}"/>
          </ac:spMkLst>
        </pc:spChg>
        <pc:spChg chg="add del mod">
          <ac:chgData name="Daly Donnacha HSLU I" userId="0f22e960-400a-43ff-baeb-4828c8f5cd3a" providerId="ADAL" clId="{554BA7E0-55EE-9746-83EC-F09BDB4BCF3A}" dt="2021-04-23T07:09:00.670" v="3100" actId="478"/>
          <ac:spMkLst>
            <pc:docMk/>
            <pc:sldMk cId="2574297036" sldId="654"/>
            <ac:spMk id="15" creationId="{DC997069-CED9-4743-8E70-D085DDC891B5}"/>
          </ac:spMkLst>
        </pc:spChg>
        <pc:spChg chg="add del mod">
          <ac:chgData name="Daly Donnacha HSLU I" userId="0f22e960-400a-43ff-baeb-4828c8f5cd3a" providerId="ADAL" clId="{554BA7E0-55EE-9746-83EC-F09BDB4BCF3A}" dt="2021-04-23T07:09:00.670" v="3100" actId="478"/>
          <ac:spMkLst>
            <pc:docMk/>
            <pc:sldMk cId="2574297036" sldId="654"/>
            <ac:spMk id="16" creationId="{5441893C-E646-9B41-A15B-553FC149E37F}"/>
          </ac:spMkLst>
        </pc:spChg>
        <pc:spChg chg="add mod">
          <ac:chgData name="Daly Donnacha HSLU I" userId="0f22e960-400a-43ff-baeb-4828c8f5cd3a" providerId="ADAL" clId="{554BA7E0-55EE-9746-83EC-F09BDB4BCF3A}" dt="2021-04-23T10:05:36.008" v="5240"/>
          <ac:spMkLst>
            <pc:docMk/>
            <pc:sldMk cId="2574297036" sldId="654"/>
            <ac:spMk id="72" creationId="{467742F7-6343-204F-B875-FF1AB40328E5}"/>
          </ac:spMkLst>
        </pc:spChg>
        <pc:spChg chg="add mod">
          <ac:chgData name="Daly Donnacha HSLU I" userId="0f22e960-400a-43ff-baeb-4828c8f5cd3a" providerId="ADAL" clId="{554BA7E0-55EE-9746-83EC-F09BDB4BCF3A}" dt="2021-04-23T10:05:36.008" v="5240"/>
          <ac:spMkLst>
            <pc:docMk/>
            <pc:sldMk cId="2574297036" sldId="654"/>
            <ac:spMk id="73" creationId="{B7CC2306-81A6-3C44-AE20-B2E8ED53B2D9}"/>
          </ac:spMkLst>
        </pc:spChg>
        <pc:spChg chg="add del mod">
          <ac:chgData name="Daly Donnacha HSLU I" userId="0f22e960-400a-43ff-baeb-4828c8f5cd3a" providerId="ADAL" clId="{554BA7E0-55EE-9746-83EC-F09BDB4BCF3A}" dt="2021-04-23T07:18:36.700" v="3190" actId="478"/>
          <ac:spMkLst>
            <pc:docMk/>
            <pc:sldMk cId="2574297036" sldId="654"/>
            <ac:spMk id="80" creationId="{A12DA88F-2CD6-3443-A60C-BF1D5A507281}"/>
          </ac:spMkLst>
        </pc:spChg>
        <pc:spChg chg="add del mod">
          <ac:chgData name="Daly Donnacha HSLU I" userId="0f22e960-400a-43ff-baeb-4828c8f5cd3a" providerId="ADAL" clId="{554BA7E0-55EE-9746-83EC-F09BDB4BCF3A}" dt="2021-04-23T07:29:51.151" v="3440" actId="478"/>
          <ac:spMkLst>
            <pc:docMk/>
            <pc:sldMk cId="2574297036" sldId="654"/>
            <ac:spMk id="109" creationId="{EF04FD43-10BF-3D4E-BB62-6FBD126F6E0C}"/>
          </ac:spMkLst>
        </pc:spChg>
        <pc:spChg chg="add del mod">
          <ac:chgData name="Daly Donnacha HSLU I" userId="0f22e960-400a-43ff-baeb-4828c8f5cd3a" providerId="ADAL" clId="{554BA7E0-55EE-9746-83EC-F09BDB4BCF3A}" dt="2021-04-23T07:29:53.073" v="3441" actId="478"/>
          <ac:spMkLst>
            <pc:docMk/>
            <pc:sldMk cId="2574297036" sldId="654"/>
            <ac:spMk id="110" creationId="{06FB8CF6-223F-A440-91EA-AB9646760628}"/>
          </ac:spMkLst>
        </pc:spChg>
        <pc:spChg chg="add mod">
          <ac:chgData name="Daly Donnacha HSLU I" userId="0f22e960-400a-43ff-baeb-4828c8f5cd3a" providerId="ADAL" clId="{554BA7E0-55EE-9746-83EC-F09BDB4BCF3A}" dt="2021-04-23T07:54:27.346" v="3682" actId="1038"/>
          <ac:spMkLst>
            <pc:docMk/>
            <pc:sldMk cId="2574297036" sldId="654"/>
            <ac:spMk id="124" creationId="{DB7B63E5-E722-DE4C-B9F1-E5DE6F3F8F71}"/>
          </ac:spMkLst>
        </pc:spChg>
        <pc:spChg chg="add mod">
          <ac:chgData name="Daly Donnacha HSLU I" userId="0f22e960-400a-43ff-baeb-4828c8f5cd3a" providerId="ADAL" clId="{554BA7E0-55EE-9746-83EC-F09BDB4BCF3A}" dt="2021-04-23T07:54:27.346" v="3682" actId="1038"/>
          <ac:spMkLst>
            <pc:docMk/>
            <pc:sldMk cId="2574297036" sldId="654"/>
            <ac:spMk id="125" creationId="{03E938DC-6ABC-EF42-AA0F-0058FE0299E0}"/>
          </ac:spMkLst>
        </pc:spChg>
        <pc:spChg chg="add mod">
          <ac:chgData name="Daly Donnacha HSLU I" userId="0f22e960-400a-43ff-baeb-4828c8f5cd3a" providerId="ADAL" clId="{554BA7E0-55EE-9746-83EC-F09BDB4BCF3A}" dt="2021-04-23T07:54:27.346" v="3682" actId="1038"/>
          <ac:spMkLst>
            <pc:docMk/>
            <pc:sldMk cId="2574297036" sldId="654"/>
            <ac:spMk id="126" creationId="{8E61FCA3-FF1A-6D4D-BBB1-4D8BB96B9002}"/>
          </ac:spMkLst>
        </pc:spChg>
        <pc:spChg chg="add mod">
          <ac:chgData name="Daly Donnacha HSLU I" userId="0f22e960-400a-43ff-baeb-4828c8f5cd3a" providerId="ADAL" clId="{554BA7E0-55EE-9746-83EC-F09BDB4BCF3A}" dt="2021-04-23T07:54:27.346" v="3682" actId="1038"/>
          <ac:spMkLst>
            <pc:docMk/>
            <pc:sldMk cId="2574297036" sldId="654"/>
            <ac:spMk id="127" creationId="{28995F54-9D13-FC4D-B4C6-E31FDB8B0B08}"/>
          </ac:spMkLst>
        </pc:spChg>
        <pc:spChg chg="add del mod">
          <ac:chgData name="Daly Donnacha HSLU I" userId="0f22e960-400a-43ff-baeb-4828c8f5cd3a" providerId="ADAL" clId="{554BA7E0-55EE-9746-83EC-F09BDB4BCF3A}" dt="2021-04-23T10:05:35.697" v="5239" actId="478"/>
          <ac:spMkLst>
            <pc:docMk/>
            <pc:sldMk cId="2574297036" sldId="654"/>
            <ac:spMk id="135" creationId="{029ED920-27CB-7F4C-BF01-A26A1107181E}"/>
          </ac:spMkLst>
        </pc:spChg>
        <pc:spChg chg="add del mod">
          <ac:chgData name="Daly Donnacha HSLU I" userId="0f22e960-400a-43ff-baeb-4828c8f5cd3a" providerId="ADAL" clId="{554BA7E0-55EE-9746-83EC-F09BDB4BCF3A}" dt="2021-04-23T10:05:33.093" v="5238" actId="478"/>
          <ac:spMkLst>
            <pc:docMk/>
            <pc:sldMk cId="2574297036" sldId="654"/>
            <ac:spMk id="136" creationId="{68D907B2-3D18-9647-9044-9961FB30FC0C}"/>
          </ac:spMkLst>
        </pc:spChg>
        <pc:spChg chg="add mod">
          <ac:chgData name="Daly Donnacha HSLU I" userId="0f22e960-400a-43ff-baeb-4828c8f5cd3a" providerId="ADAL" clId="{554BA7E0-55EE-9746-83EC-F09BDB4BCF3A}" dt="2021-04-23T07:38:06.087" v="3522" actId="164"/>
          <ac:spMkLst>
            <pc:docMk/>
            <pc:sldMk cId="2574297036" sldId="654"/>
            <ac:spMk id="144" creationId="{6F6B8A2E-D157-434E-90A0-9F0B79BC0698}"/>
          </ac:spMkLst>
        </pc:spChg>
        <pc:spChg chg="add del mod">
          <ac:chgData name="Daly Donnacha HSLU I" userId="0f22e960-400a-43ff-baeb-4828c8f5cd3a" providerId="ADAL" clId="{554BA7E0-55EE-9746-83EC-F09BDB4BCF3A}" dt="2021-04-23T07:38:08.289" v="3523" actId="478"/>
          <ac:spMkLst>
            <pc:docMk/>
            <pc:sldMk cId="2574297036" sldId="654"/>
            <ac:spMk id="145" creationId="{C1048333-3627-8F4F-BBC5-577B6173BB9F}"/>
          </ac:spMkLst>
        </pc:spChg>
        <pc:spChg chg="add del mod">
          <ac:chgData name="Daly Donnacha HSLU I" userId="0f22e960-400a-43ff-baeb-4828c8f5cd3a" providerId="ADAL" clId="{554BA7E0-55EE-9746-83EC-F09BDB4BCF3A}" dt="2021-04-23T07:38:09.596" v="3524" actId="478"/>
          <ac:spMkLst>
            <pc:docMk/>
            <pc:sldMk cId="2574297036" sldId="654"/>
            <ac:spMk id="146" creationId="{B8D5D143-3005-C541-8F14-27D32E1364E5}"/>
          </ac:spMkLst>
        </pc:spChg>
        <pc:spChg chg="add del mod">
          <ac:chgData name="Daly Donnacha HSLU I" userId="0f22e960-400a-43ff-baeb-4828c8f5cd3a" providerId="ADAL" clId="{554BA7E0-55EE-9746-83EC-F09BDB4BCF3A}" dt="2021-04-23T07:38:10.204" v="3525" actId="478"/>
          <ac:spMkLst>
            <pc:docMk/>
            <pc:sldMk cId="2574297036" sldId="654"/>
            <ac:spMk id="147" creationId="{6B234790-08D0-2540-B882-4ECAA7E060FD}"/>
          </ac:spMkLst>
        </pc:spChg>
        <pc:spChg chg="mod">
          <ac:chgData name="Daly Donnacha HSLU I" userId="0f22e960-400a-43ff-baeb-4828c8f5cd3a" providerId="ADAL" clId="{554BA7E0-55EE-9746-83EC-F09BDB4BCF3A}" dt="2021-04-23T07:38:12.668" v="3526"/>
          <ac:spMkLst>
            <pc:docMk/>
            <pc:sldMk cId="2574297036" sldId="654"/>
            <ac:spMk id="152" creationId="{35C94775-688A-E041-800A-EEB86DC95D8C}"/>
          </ac:spMkLst>
        </pc:spChg>
        <pc:spChg chg="mod">
          <ac:chgData name="Daly Donnacha HSLU I" userId="0f22e960-400a-43ff-baeb-4828c8f5cd3a" providerId="ADAL" clId="{554BA7E0-55EE-9746-83EC-F09BDB4BCF3A}" dt="2021-04-23T07:38:17.226" v="3528"/>
          <ac:spMkLst>
            <pc:docMk/>
            <pc:sldMk cId="2574297036" sldId="654"/>
            <ac:spMk id="155" creationId="{3CD6B76B-AA8B-B146-8D83-0E88A27EEF48}"/>
          </ac:spMkLst>
        </pc:spChg>
        <pc:spChg chg="mod">
          <ac:chgData name="Daly Donnacha HSLU I" userId="0f22e960-400a-43ff-baeb-4828c8f5cd3a" providerId="ADAL" clId="{554BA7E0-55EE-9746-83EC-F09BDB4BCF3A}" dt="2021-04-23T07:38:23.154" v="3530"/>
          <ac:spMkLst>
            <pc:docMk/>
            <pc:sldMk cId="2574297036" sldId="654"/>
            <ac:spMk id="158" creationId="{9CA4E15E-7746-D642-8E46-46C21E75D8D5}"/>
          </ac:spMkLst>
        </pc:spChg>
        <pc:spChg chg="add mod">
          <ac:chgData name="Daly Donnacha HSLU I" userId="0f22e960-400a-43ff-baeb-4828c8f5cd3a" providerId="ADAL" clId="{554BA7E0-55EE-9746-83EC-F09BDB4BCF3A}" dt="2021-04-23T08:23:35.747" v="4095" actId="14100"/>
          <ac:spMkLst>
            <pc:docMk/>
            <pc:sldMk cId="2574297036" sldId="654"/>
            <ac:spMk id="190" creationId="{AE928CF2-1835-F248-A84E-9A1E871ADDCB}"/>
          </ac:spMkLst>
        </pc:spChg>
        <pc:grpChg chg="add mod">
          <ac:chgData name="Daly Donnacha HSLU I" userId="0f22e960-400a-43ff-baeb-4828c8f5cd3a" providerId="ADAL" clId="{554BA7E0-55EE-9746-83EC-F09BDB4BCF3A}" dt="2021-04-23T07:54:27.346" v="3682" actId="1038"/>
          <ac:grpSpMkLst>
            <pc:docMk/>
            <pc:sldMk cId="2574297036" sldId="654"/>
            <ac:grpSpMk id="150" creationId="{49233E4A-E2B0-524A-AE71-C5F899314A9B}"/>
          </ac:grpSpMkLst>
        </pc:grpChg>
        <pc:grpChg chg="add mod">
          <ac:chgData name="Daly Donnacha HSLU I" userId="0f22e960-400a-43ff-baeb-4828c8f5cd3a" providerId="ADAL" clId="{554BA7E0-55EE-9746-83EC-F09BDB4BCF3A}" dt="2021-04-23T07:54:27.346" v="3682" actId="1038"/>
          <ac:grpSpMkLst>
            <pc:docMk/>
            <pc:sldMk cId="2574297036" sldId="654"/>
            <ac:grpSpMk id="151" creationId="{A98C55A0-6273-EF45-BB3C-A082DE696586}"/>
          </ac:grpSpMkLst>
        </pc:grpChg>
        <pc:grpChg chg="add mod">
          <ac:chgData name="Daly Donnacha HSLU I" userId="0f22e960-400a-43ff-baeb-4828c8f5cd3a" providerId="ADAL" clId="{554BA7E0-55EE-9746-83EC-F09BDB4BCF3A}" dt="2021-04-23T07:54:27.346" v="3682" actId="1038"/>
          <ac:grpSpMkLst>
            <pc:docMk/>
            <pc:sldMk cId="2574297036" sldId="654"/>
            <ac:grpSpMk id="154" creationId="{6DB8681C-74B3-1843-8B3F-AC694A1F38FA}"/>
          </ac:grpSpMkLst>
        </pc:grpChg>
        <pc:grpChg chg="add mod">
          <ac:chgData name="Daly Donnacha HSLU I" userId="0f22e960-400a-43ff-baeb-4828c8f5cd3a" providerId="ADAL" clId="{554BA7E0-55EE-9746-83EC-F09BDB4BCF3A}" dt="2021-04-23T07:54:27.346" v="3682" actId="1038"/>
          <ac:grpSpMkLst>
            <pc:docMk/>
            <pc:sldMk cId="2574297036" sldId="654"/>
            <ac:grpSpMk id="157" creationId="{FC6B0AAE-E0E1-D446-8DAD-D8BDDC6A960B}"/>
          </ac:grpSpMkLst>
        </pc:grpChg>
        <pc:picChg chg="add mod">
          <ac:chgData name="Daly Donnacha HSLU I" userId="0f22e960-400a-43ff-baeb-4828c8f5cd3a" providerId="ADAL" clId="{554BA7E0-55EE-9746-83EC-F09BDB4BCF3A}" dt="2021-04-23T17:13:18.833" v="8459" actId="208"/>
          <ac:picMkLst>
            <pc:docMk/>
            <pc:sldMk cId="2574297036" sldId="654"/>
            <ac:picMk id="4" creationId="{6C8AE84C-72B8-244B-BB12-1D1A557C5FD3}"/>
          </ac:picMkLst>
        </pc:picChg>
        <pc:picChg chg="add del">
          <ac:chgData name="Daly Donnacha HSLU I" userId="0f22e960-400a-43ff-baeb-4828c8f5cd3a" providerId="ADAL" clId="{554BA7E0-55EE-9746-83EC-F09BDB4BCF3A}" dt="2021-04-23T07:18:41.187" v="3192" actId="478"/>
          <ac:picMkLst>
            <pc:docMk/>
            <pc:sldMk cId="2574297036" sldId="654"/>
            <ac:picMk id="81" creationId="{7643D09A-5BB2-F744-B571-D62A79A79FB7}"/>
          </ac:picMkLst>
        </pc:picChg>
        <pc:picChg chg="add del mod">
          <ac:chgData name="Daly Donnacha HSLU I" userId="0f22e960-400a-43ff-baeb-4828c8f5cd3a" providerId="ADAL" clId="{554BA7E0-55EE-9746-83EC-F09BDB4BCF3A}" dt="2021-04-23T07:23:40.338" v="3306" actId="478"/>
          <ac:picMkLst>
            <pc:docMk/>
            <pc:sldMk cId="2574297036" sldId="654"/>
            <ac:picMk id="82" creationId="{2A821605-5223-3140-8D68-14C03F85DB4B}"/>
          </ac:picMkLst>
        </pc:picChg>
        <pc:picChg chg="add del mod">
          <ac:chgData name="Daly Donnacha HSLU I" userId="0f22e960-400a-43ff-baeb-4828c8f5cd3a" providerId="ADAL" clId="{554BA7E0-55EE-9746-83EC-F09BDB4BCF3A}" dt="2021-04-23T07:23:40.338" v="3306" actId="478"/>
          <ac:picMkLst>
            <pc:docMk/>
            <pc:sldMk cId="2574297036" sldId="654"/>
            <ac:picMk id="83" creationId="{E62950F2-076F-D04B-8FB3-946F2F0D72FB}"/>
          </ac:picMkLst>
        </pc:picChg>
        <pc:picChg chg="add del mod">
          <ac:chgData name="Daly Donnacha HSLU I" userId="0f22e960-400a-43ff-baeb-4828c8f5cd3a" providerId="ADAL" clId="{554BA7E0-55EE-9746-83EC-F09BDB4BCF3A}" dt="2021-04-23T07:23:40.338" v="3306" actId="478"/>
          <ac:picMkLst>
            <pc:docMk/>
            <pc:sldMk cId="2574297036" sldId="654"/>
            <ac:picMk id="84" creationId="{5EF69508-E1A3-D14F-B5B2-181A96BDB6B9}"/>
          </ac:picMkLst>
        </pc:picChg>
        <pc:picChg chg="add del mod">
          <ac:chgData name="Daly Donnacha HSLU I" userId="0f22e960-400a-43ff-baeb-4828c8f5cd3a" providerId="ADAL" clId="{554BA7E0-55EE-9746-83EC-F09BDB4BCF3A}" dt="2021-04-23T07:23:40.338" v="3306" actId="478"/>
          <ac:picMkLst>
            <pc:docMk/>
            <pc:sldMk cId="2574297036" sldId="654"/>
            <ac:picMk id="85" creationId="{69CAD5A4-489C-DB4F-BA0E-31F62D44E2D2}"/>
          </ac:picMkLst>
        </pc:picChg>
        <pc:picChg chg="add del mod">
          <ac:chgData name="Daly Donnacha HSLU I" userId="0f22e960-400a-43ff-baeb-4828c8f5cd3a" providerId="ADAL" clId="{554BA7E0-55EE-9746-83EC-F09BDB4BCF3A}" dt="2021-04-23T07:23:36.162" v="3305" actId="478"/>
          <ac:picMkLst>
            <pc:docMk/>
            <pc:sldMk cId="2574297036" sldId="654"/>
            <ac:picMk id="86" creationId="{FD6A81CC-FABB-E745-A5E1-65CE85C917AF}"/>
          </ac:picMkLst>
        </pc:picChg>
        <pc:picChg chg="add del mod">
          <ac:chgData name="Daly Donnacha HSLU I" userId="0f22e960-400a-43ff-baeb-4828c8f5cd3a" providerId="ADAL" clId="{554BA7E0-55EE-9746-83EC-F09BDB4BCF3A}" dt="2021-04-23T07:23:36.162" v="3305" actId="478"/>
          <ac:picMkLst>
            <pc:docMk/>
            <pc:sldMk cId="2574297036" sldId="654"/>
            <ac:picMk id="87" creationId="{8848BB25-0935-7B4F-9ACD-DC9B4B4D767D}"/>
          </ac:picMkLst>
        </pc:picChg>
        <pc:picChg chg="add del mod">
          <ac:chgData name="Daly Donnacha HSLU I" userId="0f22e960-400a-43ff-baeb-4828c8f5cd3a" providerId="ADAL" clId="{554BA7E0-55EE-9746-83EC-F09BDB4BCF3A}" dt="2021-04-23T07:23:36.162" v="3305" actId="478"/>
          <ac:picMkLst>
            <pc:docMk/>
            <pc:sldMk cId="2574297036" sldId="654"/>
            <ac:picMk id="88" creationId="{62EE9D5F-8CF4-D44E-84EF-376A28A5FFD0}"/>
          </ac:picMkLst>
        </pc:picChg>
        <pc:picChg chg="add del mod">
          <ac:chgData name="Daly Donnacha HSLU I" userId="0f22e960-400a-43ff-baeb-4828c8f5cd3a" providerId="ADAL" clId="{554BA7E0-55EE-9746-83EC-F09BDB4BCF3A}" dt="2021-04-23T07:23:36.162" v="3305" actId="478"/>
          <ac:picMkLst>
            <pc:docMk/>
            <pc:sldMk cId="2574297036" sldId="654"/>
            <ac:picMk id="89" creationId="{3469B292-AE6B-6542-9762-3761F8A98D9E}"/>
          </ac:picMkLst>
        </pc:picChg>
        <pc:picChg chg="add mod">
          <ac:chgData name="Daly Donnacha HSLU I" userId="0f22e960-400a-43ff-baeb-4828c8f5cd3a" providerId="ADAL" clId="{554BA7E0-55EE-9746-83EC-F09BDB4BCF3A}" dt="2021-04-23T07:54:27.346" v="3682" actId="1038"/>
          <ac:picMkLst>
            <pc:docMk/>
            <pc:sldMk cId="2574297036" sldId="654"/>
            <ac:picMk id="90" creationId="{D30F8E39-82F2-E342-8E97-914C8F1E75E7}"/>
          </ac:picMkLst>
        </pc:picChg>
        <pc:picChg chg="add mod">
          <ac:chgData name="Daly Donnacha HSLU I" userId="0f22e960-400a-43ff-baeb-4828c8f5cd3a" providerId="ADAL" clId="{554BA7E0-55EE-9746-83EC-F09BDB4BCF3A}" dt="2021-04-23T07:54:27.346" v="3682" actId="1038"/>
          <ac:picMkLst>
            <pc:docMk/>
            <pc:sldMk cId="2574297036" sldId="654"/>
            <ac:picMk id="91" creationId="{EBD15D28-B45E-AA4D-B7B0-EACBB077BF1A}"/>
          </ac:picMkLst>
        </pc:picChg>
        <pc:picChg chg="add mod">
          <ac:chgData name="Daly Donnacha HSLU I" userId="0f22e960-400a-43ff-baeb-4828c8f5cd3a" providerId="ADAL" clId="{554BA7E0-55EE-9746-83EC-F09BDB4BCF3A}" dt="2021-04-23T07:54:27.346" v="3682" actId="1038"/>
          <ac:picMkLst>
            <pc:docMk/>
            <pc:sldMk cId="2574297036" sldId="654"/>
            <ac:picMk id="92" creationId="{78E833F2-1E60-F343-BDF7-9F1BE031E34E}"/>
          </ac:picMkLst>
        </pc:picChg>
        <pc:picChg chg="add mod">
          <ac:chgData name="Daly Donnacha HSLU I" userId="0f22e960-400a-43ff-baeb-4828c8f5cd3a" providerId="ADAL" clId="{554BA7E0-55EE-9746-83EC-F09BDB4BCF3A}" dt="2021-04-23T07:54:27.346" v="3682" actId="1038"/>
          <ac:picMkLst>
            <pc:docMk/>
            <pc:sldMk cId="2574297036" sldId="654"/>
            <ac:picMk id="93" creationId="{A2AB4B7B-6D6D-3947-8896-8B40B5708F43}"/>
          </ac:picMkLst>
        </pc:picChg>
        <pc:picChg chg="add mod">
          <ac:chgData name="Daly Donnacha HSLU I" userId="0f22e960-400a-43ff-baeb-4828c8f5cd3a" providerId="ADAL" clId="{554BA7E0-55EE-9746-83EC-F09BDB4BCF3A}" dt="2021-04-23T07:54:27.346" v="3682" actId="1038"/>
          <ac:picMkLst>
            <pc:docMk/>
            <pc:sldMk cId="2574297036" sldId="654"/>
            <ac:picMk id="94" creationId="{6C7BF7DD-95D6-DE4B-A59C-80B302617825}"/>
          </ac:picMkLst>
        </pc:picChg>
        <pc:picChg chg="add mod">
          <ac:chgData name="Daly Donnacha HSLU I" userId="0f22e960-400a-43ff-baeb-4828c8f5cd3a" providerId="ADAL" clId="{554BA7E0-55EE-9746-83EC-F09BDB4BCF3A}" dt="2021-04-23T07:54:27.346" v="3682" actId="1038"/>
          <ac:picMkLst>
            <pc:docMk/>
            <pc:sldMk cId="2574297036" sldId="654"/>
            <ac:picMk id="95" creationId="{0244A20C-DD93-C14A-887E-4CF4E6E6CD1B}"/>
          </ac:picMkLst>
        </pc:picChg>
        <pc:picChg chg="add mod">
          <ac:chgData name="Daly Donnacha HSLU I" userId="0f22e960-400a-43ff-baeb-4828c8f5cd3a" providerId="ADAL" clId="{554BA7E0-55EE-9746-83EC-F09BDB4BCF3A}" dt="2021-04-23T07:54:27.346" v="3682" actId="1038"/>
          <ac:picMkLst>
            <pc:docMk/>
            <pc:sldMk cId="2574297036" sldId="654"/>
            <ac:picMk id="96" creationId="{211FE5A7-AC2C-E84A-87D2-10962EF8DBE7}"/>
          </ac:picMkLst>
        </pc:picChg>
        <pc:picChg chg="add mod">
          <ac:chgData name="Daly Donnacha HSLU I" userId="0f22e960-400a-43ff-baeb-4828c8f5cd3a" providerId="ADAL" clId="{554BA7E0-55EE-9746-83EC-F09BDB4BCF3A}" dt="2021-04-23T07:54:27.346" v="3682" actId="1038"/>
          <ac:picMkLst>
            <pc:docMk/>
            <pc:sldMk cId="2574297036" sldId="654"/>
            <ac:picMk id="97" creationId="{18E0562D-63A3-2446-A342-D7BB62E5EFAE}"/>
          </ac:picMkLst>
        </pc:picChg>
        <pc:picChg chg="add del mod">
          <ac:chgData name="Daly Donnacha HSLU I" userId="0f22e960-400a-43ff-baeb-4828c8f5cd3a" providerId="ADAL" clId="{554BA7E0-55EE-9746-83EC-F09BDB4BCF3A}" dt="2021-04-23T07:38:55.129" v="3540" actId="478"/>
          <ac:picMkLst>
            <pc:docMk/>
            <pc:sldMk cId="2574297036" sldId="654"/>
            <ac:picMk id="148" creationId="{4341BF28-9E81-6C4D-B409-56EB7C7E6DD2}"/>
          </ac:picMkLst>
        </pc:picChg>
        <pc:picChg chg="add mod modCrop">
          <ac:chgData name="Daly Donnacha HSLU I" userId="0f22e960-400a-43ff-baeb-4828c8f5cd3a" providerId="ADAL" clId="{554BA7E0-55EE-9746-83EC-F09BDB4BCF3A}" dt="2021-04-23T07:38:06.087" v="3522" actId="164"/>
          <ac:picMkLst>
            <pc:docMk/>
            <pc:sldMk cId="2574297036" sldId="654"/>
            <ac:picMk id="149" creationId="{85844824-5400-9742-9AD8-256BC3BD7A10}"/>
          </ac:picMkLst>
        </pc:picChg>
        <pc:picChg chg="mod">
          <ac:chgData name="Daly Donnacha HSLU I" userId="0f22e960-400a-43ff-baeb-4828c8f5cd3a" providerId="ADAL" clId="{554BA7E0-55EE-9746-83EC-F09BDB4BCF3A}" dt="2021-04-23T07:38:12.668" v="3526"/>
          <ac:picMkLst>
            <pc:docMk/>
            <pc:sldMk cId="2574297036" sldId="654"/>
            <ac:picMk id="153" creationId="{D7FC2858-61FF-4849-992C-2FDF147ADCDE}"/>
          </ac:picMkLst>
        </pc:picChg>
        <pc:picChg chg="mod">
          <ac:chgData name="Daly Donnacha HSLU I" userId="0f22e960-400a-43ff-baeb-4828c8f5cd3a" providerId="ADAL" clId="{554BA7E0-55EE-9746-83EC-F09BDB4BCF3A}" dt="2021-04-23T07:38:17.226" v="3528"/>
          <ac:picMkLst>
            <pc:docMk/>
            <pc:sldMk cId="2574297036" sldId="654"/>
            <ac:picMk id="156" creationId="{4DE7ACDA-3CC1-2548-A1BF-3BBB337CD867}"/>
          </ac:picMkLst>
        </pc:picChg>
        <pc:picChg chg="mod">
          <ac:chgData name="Daly Donnacha HSLU I" userId="0f22e960-400a-43ff-baeb-4828c8f5cd3a" providerId="ADAL" clId="{554BA7E0-55EE-9746-83EC-F09BDB4BCF3A}" dt="2021-04-23T07:38:23.154" v="3530"/>
          <ac:picMkLst>
            <pc:docMk/>
            <pc:sldMk cId="2574297036" sldId="654"/>
            <ac:picMk id="159" creationId="{88A4ED24-1EBE-8143-9FFD-6D2308B74433}"/>
          </ac:picMkLst>
        </pc:picChg>
        <pc:picChg chg="add mod">
          <ac:chgData name="Daly Donnacha HSLU I" userId="0f22e960-400a-43ff-baeb-4828c8f5cd3a" providerId="ADAL" clId="{554BA7E0-55EE-9746-83EC-F09BDB4BCF3A}" dt="2021-04-23T07:54:27.346" v="3682" actId="1038"/>
          <ac:picMkLst>
            <pc:docMk/>
            <pc:sldMk cId="2574297036" sldId="654"/>
            <ac:picMk id="164" creationId="{5BA79562-7728-2D4C-854E-0F2E7664716B}"/>
          </ac:picMkLst>
        </pc:picChg>
        <pc:picChg chg="add mod">
          <ac:chgData name="Daly Donnacha HSLU I" userId="0f22e960-400a-43ff-baeb-4828c8f5cd3a" providerId="ADAL" clId="{554BA7E0-55EE-9746-83EC-F09BDB4BCF3A}" dt="2021-04-23T07:54:27.346" v="3682" actId="1038"/>
          <ac:picMkLst>
            <pc:docMk/>
            <pc:sldMk cId="2574297036" sldId="654"/>
            <ac:picMk id="165" creationId="{ED03038E-2CA8-F742-9844-AD13DF679130}"/>
          </ac:picMkLst>
        </pc:picChg>
        <pc:picChg chg="add mod">
          <ac:chgData name="Daly Donnacha HSLU I" userId="0f22e960-400a-43ff-baeb-4828c8f5cd3a" providerId="ADAL" clId="{554BA7E0-55EE-9746-83EC-F09BDB4BCF3A}" dt="2021-04-23T07:54:27.346" v="3682" actId="1038"/>
          <ac:picMkLst>
            <pc:docMk/>
            <pc:sldMk cId="2574297036" sldId="654"/>
            <ac:picMk id="166" creationId="{925BB038-E3E2-BA47-A474-E6E59D04B50D}"/>
          </ac:picMkLst>
        </pc:picChg>
        <pc:picChg chg="add mod">
          <ac:chgData name="Daly Donnacha HSLU I" userId="0f22e960-400a-43ff-baeb-4828c8f5cd3a" providerId="ADAL" clId="{554BA7E0-55EE-9746-83EC-F09BDB4BCF3A}" dt="2021-04-23T07:54:27.346" v="3682" actId="1038"/>
          <ac:picMkLst>
            <pc:docMk/>
            <pc:sldMk cId="2574297036" sldId="654"/>
            <ac:picMk id="167" creationId="{4FE7238E-7E78-084A-BCF6-573F3897FCB4}"/>
          </ac:picMkLst>
        </pc:picChg>
        <pc:picChg chg="add mod">
          <ac:chgData name="Daly Donnacha HSLU I" userId="0f22e960-400a-43ff-baeb-4828c8f5cd3a" providerId="ADAL" clId="{554BA7E0-55EE-9746-83EC-F09BDB4BCF3A}" dt="2021-04-23T07:54:27.346" v="3682" actId="1038"/>
          <ac:picMkLst>
            <pc:docMk/>
            <pc:sldMk cId="2574297036" sldId="654"/>
            <ac:picMk id="181" creationId="{3924CF0C-8BB8-E64B-8339-E96D58AF0DE1}"/>
          </ac:picMkLst>
        </pc:picChg>
        <pc:picChg chg="add mod">
          <ac:chgData name="Daly Donnacha HSLU I" userId="0f22e960-400a-43ff-baeb-4828c8f5cd3a" providerId="ADAL" clId="{554BA7E0-55EE-9746-83EC-F09BDB4BCF3A}" dt="2021-04-23T07:54:27.346" v="3682" actId="1038"/>
          <ac:picMkLst>
            <pc:docMk/>
            <pc:sldMk cId="2574297036" sldId="654"/>
            <ac:picMk id="182" creationId="{787946C4-69BF-4844-95EA-9CDC68752FBC}"/>
          </ac:picMkLst>
        </pc:picChg>
        <pc:picChg chg="add mod">
          <ac:chgData name="Daly Donnacha HSLU I" userId="0f22e960-400a-43ff-baeb-4828c8f5cd3a" providerId="ADAL" clId="{554BA7E0-55EE-9746-83EC-F09BDB4BCF3A}" dt="2021-04-23T07:54:27.346" v="3682" actId="1038"/>
          <ac:picMkLst>
            <pc:docMk/>
            <pc:sldMk cId="2574297036" sldId="654"/>
            <ac:picMk id="183" creationId="{A049293A-2B6D-EB4C-9D57-8D84A35A7783}"/>
          </ac:picMkLst>
        </pc:picChg>
        <pc:picChg chg="add mod">
          <ac:chgData name="Daly Donnacha HSLU I" userId="0f22e960-400a-43ff-baeb-4828c8f5cd3a" providerId="ADAL" clId="{554BA7E0-55EE-9746-83EC-F09BDB4BCF3A}" dt="2021-04-23T07:54:27.346" v="3682" actId="1038"/>
          <ac:picMkLst>
            <pc:docMk/>
            <pc:sldMk cId="2574297036" sldId="654"/>
            <ac:picMk id="184" creationId="{B50533A2-4CCD-F443-86DC-738E47B84A57}"/>
          </ac:picMkLst>
        </pc:picChg>
        <pc:picChg chg="add mod">
          <ac:chgData name="Daly Donnacha HSLU I" userId="0f22e960-400a-43ff-baeb-4828c8f5cd3a" providerId="ADAL" clId="{554BA7E0-55EE-9746-83EC-F09BDB4BCF3A}" dt="2021-04-23T07:54:27.346" v="3682" actId="1038"/>
          <ac:picMkLst>
            <pc:docMk/>
            <pc:sldMk cId="2574297036" sldId="654"/>
            <ac:picMk id="185" creationId="{102BA586-2CBE-0D45-B62D-D4D241DDEEF9}"/>
          </ac:picMkLst>
        </pc:picChg>
        <pc:picChg chg="add del mod">
          <ac:chgData name="Daly Donnacha HSLU I" userId="0f22e960-400a-43ff-baeb-4828c8f5cd3a" providerId="ADAL" clId="{554BA7E0-55EE-9746-83EC-F09BDB4BCF3A}" dt="2021-04-23T07:55:28.851" v="3686" actId="478"/>
          <ac:picMkLst>
            <pc:docMk/>
            <pc:sldMk cId="2574297036" sldId="654"/>
            <ac:picMk id="186" creationId="{F1156DAC-A8B5-374C-BDD0-036CDAAC5DAA}"/>
          </ac:picMkLst>
        </pc:picChg>
        <pc:picChg chg="add del mod">
          <ac:chgData name="Daly Donnacha HSLU I" userId="0f22e960-400a-43ff-baeb-4828c8f5cd3a" providerId="ADAL" clId="{554BA7E0-55EE-9746-83EC-F09BDB4BCF3A}" dt="2021-04-23T17:12:55.624" v="8440" actId="478"/>
          <ac:picMkLst>
            <pc:docMk/>
            <pc:sldMk cId="2574297036" sldId="654"/>
            <ac:picMk id="189" creationId="{294EB14B-A918-BC40-B622-913E27723101}"/>
          </ac:picMkLst>
        </pc:picChg>
        <pc:cxnChg chg="add mod">
          <ac:chgData name="Daly Donnacha HSLU I" userId="0f22e960-400a-43ff-baeb-4828c8f5cd3a" providerId="ADAL" clId="{554BA7E0-55EE-9746-83EC-F09BDB4BCF3A}" dt="2021-04-23T07:54:27.346" v="3682" actId="1038"/>
          <ac:cxnSpMkLst>
            <pc:docMk/>
            <pc:sldMk cId="2574297036" sldId="654"/>
            <ac:cxnSpMk id="3" creationId="{3E74D20E-912C-1343-9EF8-B7FEBC78BD58}"/>
          </ac:cxnSpMkLst>
        </pc:cxnChg>
        <pc:cxnChg chg="add del mod">
          <ac:chgData name="Daly Donnacha HSLU I" userId="0f22e960-400a-43ff-baeb-4828c8f5cd3a" providerId="ADAL" clId="{554BA7E0-55EE-9746-83EC-F09BDB4BCF3A}" dt="2021-04-23T07:09:00.670" v="3100" actId="478"/>
          <ac:cxnSpMkLst>
            <pc:docMk/>
            <pc:sldMk cId="2574297036" sldId="654"/>
            <ac:cxnSpMk id="5" creationId="{094D4870-8C04-1E46-BF37-72E5D851F84A}"/>
          </ac:cxnSpMkLst>
        </pc:cxnChg>
        <pc:cxnChg chg="add del mod">
          <ac:chgData name="Daly Donnacha HSLU I" userId="0f22e960-400a-43ff-baeb-4828c8f5cd3a" providerId="ADAL" clId="{554BA7E0-55EE-9746-83EC-F09BDB4BCF3A}" dt="2021-04-23T07:09:00.670" v="3100" actId="478"/>
          <ac:cxnSpMkLst>
            <pc:docMk/>
            <pc:sldMk cId="2574297036" sldId="654"/>
            <ac:cxnSpMk id="6" creationId="{68699961-4FF7-7B40-AFD1-DA778EA9C81B}"/>
          </ac:cxnSpMkLst>
        </pc:cxnChg>
        <pc:cxnChg chg="add del mod">
          <ac:chgData name="Daly Donnacha HSLU I" userId="0f22e960-400a-43ff-baeb-4828c8f5cd3a" providerId="ADAL" clId="{554BA7E0-55EE-9746-83EC-F09BDB4BCF3A}" dt="2021-04-23T07:09:00.670" v="3100" actId="478"/>
          <ac:cxnSpMkLst>
            <pc:docMk/>
            <pc:sldMk cId="2574297036" sldId="654"/>
            <ac:cxnSpMk id="7" creationId="{55DAE741-3511-F041-8851-6EF0956E2185}"/>
          </ac:cxnSpMkLst>
        </pc:cxnChg>
        <pc:cxnChg chg="add del mod">
          <ac:chgData name="Daly Donnacha HSLU I" userId="0f22e960-400a-43ff-baeb-4828c8f5cd3a" providerId="ADAL" clId="{554BA7E0-55EE-9746-83EC-F09BDB4BCF3A}" dt="2021-04-23T07:08:15.569" v="3087" actId="478"/>
          <ac:cxnSpMkLst>
            <pc:docMk/>
            <pc:sldMk cId="2574297036" sldId="654"/>
            <ac:cxnSpMk id="9" creationId="{24367DF2-560B-9F43-A0D5-1BAD313D1D46}"/>
          </ac:cxnSpMkLst>
        </pc:cxnChg>
        <pc:cxnChg chg="add mod">
          <ac:chgData name="Daly Donnacha HSLU I" userId="0f22e960-400a-43ff-baeb-4828c8f5cd3a" providerId="ADAL" clId="{554BA7E0-55EE-9746-83EC-F09BDB4BCF3A}" dt="2021-04-23T07:54:27.346" v="3682" actId="1038"/>
          <ac:cxnSpMkLst>
            <pc:docMk/>
            <pc:sldMk cId="2574297036" sldId="654"/>
            <ac:cxnSpMk id="17" creationId="{2A3DB2F7-37CD-8546-A9A7-00C09D8FDF12}"/>
          </ac:cxnSpMkLst>
        </pc:cxnChg>
        <pc:cxnChg chg="add del mod">
          <ac:chgData name="Daly Donnacha HSLU I" userId="0f22e960-400a-43ff-baeb-4828c8f5cd3a" providerId="ADAL" clId="{554BA7E0-55EE-9746-83EC-F09BDB4BCF3A}" dt="2021-04-23T07:11:33.011" v="3145" actId="478"/>
          <ac:cxnSpMkLst>
            <pc:docMk/>
            <pc:sldMk cId="2574297036" sldId="654"/>
            <ac:cxnSpMk id="18" creationId="{BA40BAD1-53F5-504D-9529-5E46393CCF84}"/>
          </ac:cxnSpMkLst>
        </pc:cxnChg>
        <pc:cxnChg chg="add mod">
          <ac:chgData name="Daly Donnacha HSLU I" userId="0f22e960-400a-43ff-baeb-4828c8f5cd3a" providerId="ADAL" clId="{554BA7E0-55EE-9746-83EC-F09BDB4BCF3A}" dt="2021-04-23T07:54:27.346" v="3682" actId="1038"/>
          <ac:cxnSpMkLst>
            <pc:docMk/>
            <pc:sldMk cId="2574297036" sldId="654"/>
            <ac:cxnSpMk id="19" creationId="{CE07A49E-3A2B-BE4D-96F4-E9F6B540176B}"/>
          </ac:cxnSpMkLst>
        </pc:cxnChg>
        <pc:cxnChg chg="add mod">
          <ac:chgData name="Daly Donnacha HSLU I" userId="0f22e960-400a-43ff-baeb-4828c8f5cd3a" providerId="ADAL" clId="{554BA7E0-55EE-9746-83EC-F09BDB4BCF3A}" dt="2021-04-23T07:54:27.346" v="3682" actId="1038"/>
          <ac:cxnSpMkLst>
            <pc:docMk/>
            <pc:sldMk cId="2574297036" sldId="654"/>
            <ac:cxnSpMk id="20" creationId="{F75F153D-752A-D14C-B005-91DC2F458A8E}"/>
          </ac:cxnSpMkLst>
        </pc:cxnChg>
        <pc:cxnChg chg="add del mod">
          <ac:chgData name="Daly Donnacha HSLU I" userId="0f22e960-400a-43ff-baeb-4828c8f5cd3a" providerId="ADAL" clId="{554BA7E0-55EE-9746-83EC-F09BDB4BCF3A}" dt="2021-04-23T07:11:31.792" v="3144" actId="478"/>
          <ac:cxnSpMkLst>
            <pc:docMk/>
            <pc:sldMk cId="2574297036" sldId="654"/>
            <ac:cxnSpMk id="23" creationId="{323D25FD-8BAA-C245-9396-28570B653362}"/>
          </ac:cxnSpMkLst>
        </pc:cxnChg>
        <pc:cxnChg chg="add del mod">
          <ac:chgData name="Daly Donnacha HSLU I" userId="0f22e960-400a-43ff-baeb-4828c8f5cd3a" providerId="ADAL" clId="{554BA7E0-55EE-9746-83EC-F09BDB4BCF3A}" dt="2021-04-23T07:54:27.346" v="3682" actId="1038"/>
          <ac:cxnSpMkLst>
            <pc:docMk/>
            <pc:sldMk cId="2574297036" sldId="654"/>
            <ac:cxnSpMk id="26" creationId="{191E0AC6-93EA-CE4A-93C2-C470070B9F43}"/>
          </ac:cxnSpMkLst>
        </pc:cxnChg>
        <pc:cxnChg chg="add mod">
          <ac:chgData name="Daly Donnacha HSLU I" userId="0f22e960-400a-43ff-baeb-4828c8f5cd3a" providerId="ADAL" clId="{554BA7E0-55EE-9746-83EC-F09BDB4BCF3A}" dt="2021-04-23T07:54:27.346" v="3682" actId="1038"/>
          <ac:cxnSpMkLst>
            <pc:docMk/>
            <pc:sldMk cId="2574297036" sldId="654"/>
            <ac:cxnSpMk id="29" creationId="{1786B5C4-F2F0-7947-A6AD-E16DB0D1BCE6}"/>
          </ac:cxnSpMkLst>
        </pc:cxnChg>
        <pc:cxnChg chg="add del mod">
          <ac:chgData name="Daly Donnacha HSLU I" userId="0f22e960-400a-43ff-baeb-4828c8f5cd3a" providerId="ADAL" clId="{554BA7E0-55EE-9746-83EC-F09BDB4BCF3A}" dt="2021-04-23T07:11:28.241" v="3142" actId="478"/>
          <ac:cxnSpMkLst>
            <pc:docMk/>
            <pc:sldMk cId="2574297036" sldId="654"/>
            <ac:cxnSpMk id="32" creationId="{34015D3A-9C4C-4E46-A3B7-C702DC077FF3}"/>
          </ac:cxnSpMkLst>
        </pc:cxnChg>
        <pc:cxnChg chg="add del mod">
          <ac:chgData name="Daly Donnacha HSLU I" userId="0f22e960-400a-43ff-baeb-4828c8f5cd3a" providerId="ADAL" clId="{554BA7E0-55EE-9746-83EC-F09BDB4BCF3A}" dt="2021-04-23T07:11:41.377" v="3147" actId="478"/>
          <ac:cxnSpMkLst>
            <pc:docMk/>
            <pc:sldMk cId="2574297036" sldId="654"/>
            <ac:cxnSpMk id="35" creationId="{35EE9455-82C6-EC46-A585-9156CAC458C5}"/>
          </ac:cxnSpMkLst>
        </pc:cxnChg>
        <pc:cxnChg chg="add del mod">
          <ac:chgData name="Daly Donnacha HSLU I" userId="0f22e960-400a-43ff-baeb-4828c8f5cd3a" providerId="ADAL" clId="{554BA7E0-55EE-9746-83EC-F09BDB4BCF3A}" dt="2021-04-23T07:11:31.251" v="3143" actId="478"/>
          <ac:cxnSpMkLst>
            <pc:docMk/>
            <pc:sldMk cId="2574297036" sldId="654"/>
            <ac:cxnSpMk id="37" creationId="{4DD6105B-1EC2-0C4E-AD1E-069450FD9369}"/>
          </ac:cxnSpMkLst>
        </pc:cxnChg>
        <pc:cxnChg chg="add mod">
          <ac:chgData name="Daly Donnacha HSLU I" userId="0f22e960-400a-43ff-baeb-4828c8f5cd3a" providerId="ADAL" clId="{554BA7E0-55EE-9746-83EC-F09BDB4BCF3A}" dt="2021-04-23T07:54:27.346" v="3682" actId="1038"/>
          <ac:cxnSpMkLst>
            <pc:docMk/>
            <pc:sldMk cId="2574297036" sldId="654"/>
            <ac:cxnSpMk id="41" creationId="{6615C041-05B9-8648-9807-3069DFC0ECB2}"/>
          </ac:cxnSpMkLst>
        </pc:cxnChg>
        <pc:cxnChg chg="add mod">
          <ac:chgData name="Daly Donnacha HSLU I" userId="0f22e960-400a-43ff-baeb-4828c8f5cd3a" providerId="ADAL" clId="{554BA7E0-55EE-9746-83EC-F09BDB4BCF3A}" dt="2021-04-23T07:54:27.346" v="3682" actId="1038"/>
          <ac:cxnSpMkLst>
            <pc:docMk/>
            <pc:sldMk cId="2574297036" sldId="654"/>
            <ac:cxnSpMk id="47" creationId="{3ABEF2F0-0F03-FC4C-98A6-2D534228321F}"/>
          </ac:cxnSpMkLst>
        </pc:cxnChg>
        <pc:cxnChg chg="add mod">
          <ac:chgData name="Daly Donnacha HSLU I" userId="0f22e960-400a-43ff-baeb-4828c8f5cd3a" providerId="ADAL" clId="{554BA7E0-55EE-9746-83EC-F09BDB4BCF3A}" dt="2021-04-23T07:54:27.346" v="3682" actId="1038"/>
          <ac:cxnSpMkLst>
            <pc:docMk/>
            <pc:sldMk cId="2574297036" sldId="654"/>
            <ac:cxnSpMk id="54" creationId="{F956D837-85D3-974A-955D-FF9331ED5FCE}"/>
          </ac:cxnSpMkLst>
        </pc:cxnChg>
        <pc:cxnChg chg="add mod">
          <ac:chgData name="Daly Donnacha HSLU I" userId="0f22e960-400a-43ff-baeb-4828c8f5cd3a" providerId="ADAL" clId="{554BA7E0-55EE-9746-83EC-F09BDB4BCF3A}" dt="2021-04-23T07:54:27.346" v="3682" actId="1038"/>
          <ac:cxnSpMkLst>
            <pc:docMk/>
            <pc:sldMk cId="2574297036" sldId="654"/>
            <ac:cxnSpMk id="55" creationId="{1C9290B7-EAB0-FB4D-8923-3CA2A67DD969}"/>
          </ac:cxnSpMkLst>
        </pc:cxnChg>
        <pc:cxnChg chg="add mod">
          <ac:chgData name="Daly Donnacha HSLU I" userId="0f22e960-400a-43ff-baeb-4828c8f5cd3a" providerId="ADAL" clId="{554BA7E0-55EE-9746-83EC-F09BDB4BCF3A}" dt="2021-04-23T07:54:27.346" v="3682" actId="1038"/>
          <ac:cxnSpMkLst>
            <pc:docMk/>
            <pc:sldMk cId="2574297036" sldId="654"/>
            <ac:cxnSpMk id="56" creationId="{810A89A4-BE6A-6C44-99A1-EFBE5FBD0AD4}"/>
          </ac:cxnSpMkLst>
        </pc:cxnChg>
        <pc:cxnChg chg="add mod">
          <ac:chgData name="Daly Donnacha HSLU I" userId="0f22e960-400a-43ff-baeb-4828c8f5cd3a" providerId="ADAL" clId="{554BA7E0-55EE-9746-83EC-F09BDB4BCF3A}" dt="2021-04-23T07:54:27.346" v="3682" actId="1038"/>
          <ac:cxnSpMkLst>
            <pc:docMk/>
            <pc:sldMk cId="2574297036" sldId="654"/>
            <ac:cxnSpMk id="57" creationId="{FC64C1F1-BEEA-AD44-AF16-0D997CDF02A2}"/>
          </ac:cxnSpMkLst>
        </pc:cxnChg>
        <pc:cxnChg chg="add mod">
          <ac:chgData name="Daly Donnacha HSLU I" userId="0f22e960-400a-43ff-baeb-4828c8f5cd3a" providerId="ADAL" clId="{554BA7E0-55EE-9746-83EC-F09BDB4BCF3A}" dt="2021-04-23T07:54:27.346" v="3682" actId="1038"/>
          <ac:cxnSpMkLst>
            <pc:docMk/>
            <pc:sldMk cId="2574297036" sldId="654"/>
            <ac:cxnSpMk id="58" creationId="{DC397A51-7CCD-F947-9601-895174531EC1}"/>
          </ac:cxnSpMkLst>
        </pc:cxnChg>
        <pc:cxnChg chg="add mod">
          <ac:chgData name="Daly Donnacha HSLU I" userId="0f22e960-400a-43ff-baeb-4828c8f5cd3a" providerId="ADAL" clId="{554BA7E0-55EE-9746-83EC-F09BDB4BCF3A}" dt="2021-04-23T07:54:27.346" v="3682" actId="1038"/>
          <ac:cxnSpMkLst>
            <pc:docMk/>
            <pc:sldMk cId="2574297036" sldId="654"/>
            <ac:cxnSpMk id="59" creationId="{BA1868CB-6FE8-E244-8FB0-DC2EDE197445}"/>
          </ac:cxnSpMkLst>
        </pc:cxnChg>
        <pc:cxnChg chg="add mod">
          <ac:chgData name="Daly Donnacha HSLU I" userId="0f22e960-400a-43ff-baeb-4828c8f5cd3a" providerId="ADAL" clId="{554BA7E0-55EE-9746-83EC-F09BDB4BCF3A}" dt="2021-04-23T07:54:27.346" v="3682" actId="1038"/>
          <ac:cxnSpMkLst>
            <pc:docMk/>
            <pc:sldMk cId="2574297036" sldId="654"/>
            <ac:cxnSpMk id="60" creationId="{22DAC660-7C1D-C941-85DD-AC16AB6414BD}"/>
          </ac:cxnSpMkLst>
        </pc:cxnChg>
        <pc:cxnChg chg="add mod">
          <ac:chgData name="Daly Donnacha HSLU I" userId="0f22e960-400a-43ff-baeb-4828c8f5cd3a" providerId="ADAL" clId="{554BA7E0-55EE-9746-83EC-F09BDB4BCF3A}" dt="2021-04-23T07:54:27.346" v="3682" actId="1038"/>
          <ac:cxnSpMkLst>
            <pc:docMk/>
            <pc:sldMk cId="2574297036" sldId="654"/>
            <ac:cxnSpMk id="61" creationId="{B8669CA0-F0AA-E24E-BD64-94D1C269DACB}"/>
          </ac:cxnSpMkLst>
        </pc:cxnChg>
        <pc:cxnChg chg="add mod">
          <ac:chgData name="Daly Donnacha HSLU I" userId="0f22e960-400a-43ff-baeb-4828c8f5cd3a" providerId="ADAL" clId="{554BA7E0-55EE-9746-83EC-F09BDB4BCF3A}" dt="2021-04-23T07:54:27.346" v="3682" actId="1038"/>
          <ac:cxnSpMkLst>
            <pc:docMk/>
            <pc:sldMk cId="2574297036" sldId="654"/>
            <ac:cxnSpMk id="62" creationId="{DDDB87D5-5A6F-E841-8C87-036FD8D6B254}"/>
          </ac:cxnSpMkLst>
        </pc:cxnChg>
        <pc:cxnChg chg="add mod">
          <ac:chgData name="Daly Donnacha HSLU I" userId="0f22e960-400a-43ff-baeb-4828c8f5cd3a" providerId="ADAL" clId="{554BA7E0-55EE-9746-83EC-F09BDB4BCF3A}" dt="2021-04-23T07:54:27.346" v="3682" actId="1038"/>
          <ac:cxnSpMkLst>
            <pc:docMk/>
            <pc:sldMk cId="2574297036" sldId="654"/>
            <ac:cxnSpMk id="65" creationId="{A1A91A7E-69B5-204B-8682-3AD33F877139}"/>
          </ac:cxnSpMkLst>
        </pc:cxnChg>
        <pc:cxnChg chg="add mod">
          <ac:chgData name="Daly Donnacha HSLU I" userId="0f22e960-400a-43ff-baeb-4828c8f5cd3a" providerId="ADAL" clId="{554BA7E0-55EE-9746-83EC-F09BDB4BCF3A}" dt="2021-04-23T07:54:27.346" v="3682" actId="1038"/>
          <ac:cxnSpMkLst>
            <pc:docMk/>
            <pc:sldMk cId="2574297036" sldId="654"/>
            <ac:cxnSpMk id="68" creationId="{E36F7B9A-B362-B44B-99D6-2DE1B909CF50}"/>
          </ac:cxnSpMkLst>
        </pc:cxnChg>
        <pc:cxnChg chg="add mod">
          <ac:chgData name="Daly Donnacha HSLU I" userId="0f22e960-400a-43ff-baeb-4828c8f5cd3a" providerId="ADAL" clId="{554BA7E0-55EE-9746-83EC-F09BDB4BCF3A}" dt="2021-04-23T07:54:27.346" v="3682" actId="1038"/>
          <ac:cxnSpMkLst>
            <pc:docMk/>
            <pc:sldMk cId="2574297036" sldId="654"/>
            <ac:cxnSpMk id="71" creationId="{D03F3B5C-1B0E-F34A-AAC1-811059704BB2}"/>
          </ac:cxnSpMkLst>
        </pc:cxnChg>
        <pc:cxnChg chg="add mod">
          <ac:chgData name="Daly Donnacha HSLU I" userId="0f22e960-400a-43ff-baeb-4828c8f5cd3a" providerId="ADAL" clId="{554BA7E0-55EE-9746-83EC-F09BDB4BCF3A}" dt="2021-04-23T07:54:27.346" v="3682" actId="1038"/>
          <ac:cxnSpMkLst>
            <pc:docMk/>
            <pc:sldMk cId="2574297036" sldId="654"/>
            <ac:cxnSpMk id="74" creationId="{1A70A4AA-2595-1C4E-9381-18962C431874}"/>
          </ac:cxnSpMkLst>
        </pc:cxnChg>
        <pc:cxnChg chg="add mod">
          <ac:chgData name="Daly Donnacha HSLU I" userId="0f22e960-400a-43ff-baeb-4828c8f5cd3a" providerId="ADAL" clId="{554BA7E0-55EE-9746-83EC-F09BDB4BCF3A}" dt="2021-04-23T07:54:27.346" v="3682" actId="1038"/>
          <ac:cxnSpMkLst>
            <pc:docMk/>
            <pc:sldMk cId="2574297036" sldId="654"/>
            <ac:cxnSpMk id="77" creationId="{22FEFBE3-4A2C-9444-AD81-12D08E52D522}"/>
          </ac:cxnSpMkLst>
        </pc:cxnChg>
        <pc:cxnChg chg="add mod">
          <ac:chgData name="Daly Donnacha HSLU I" userId="0f22e960-400a-43ff-baeb-4828c8f5cd3a" providerId="ADAL" clId="{554BA7E0-55EE-9746-83EC-F09BDB4BCF3A}" dt="2021-04-23T07:54:27.346" v="3682" actId="1038"/>
          <ac:cxnSpMkLst>
            <pc:docMk/>
            <pc:sldMk cId="2574297036" sldId="654"/>
            <ac:cxnSpMk id="111" creationId="{A27BF2E1-8A08-4242-9907-B0CBD59BC9A3}"/>
          </ac:cxnSpMkLst>
        </pc:cxnChg>
        <pc:cxnChg chg="add mod">
          <ac:chgData name="Daly Donnacha HSLU I" userId="0f22e960-400a-43ff-baeb-4828c8f5cd3a" providerId="ADAL" clId="{554BA7E0-55EE-9746-83EC-F09BDB4BCF3A}" dt="2021-04-23T07:54:27.346" v="3682" actId="1038"/>
          <ac:cxnSpMkLst>
            <pc:docMk/>
            <pc:sldMk cId="2574297036" sldId="654"/>
            <ac:cxnSpMk id="114" creationId="{AC842F61-51C5-374B-8883-DAA3F3A23B40}"/>
          </ac:cxnSpMkLst>
        </pc:cxnChg>
        <pc:cxnChg chg="add mod">
          <ac:chgData name="Daly Donnacha HSLU I" userId="0f22e960-400a-43ff-baeb-4828c8f5cd3a" providerId="ADAL" clId="{554BA7E0-55EE-9746-83EC-F09BDB4BCF3A}" dt="2021-04-23T07:54:27.346" v="3682" actId="1038"/>
          <ac:cxnSpMkLst>
            <pc:docMk/>
            <pc:sldMk cId="2574297036" sldId="654"/>
            <ac:cxnSpMk id="115" creationId="{242F50F1-B897-D143-9174-2ACF95499446}"/>
          </ac:cxnSpMkLst>
        </pc:cxnChg>
        <pc:cxnChg chg="add mod">
          <ac:chgData name="Daly Donnacha HSLU I" userId="0f22e960-400a-43ff-baeb-4828c8f5cd3a" providerId="ADAL" clId="{554BA7E0-55EE-9746-83EC-F09BDB4BCF3A}" dt="2021-04-23T07:54:27.346" v="3682" actId="1038"/>
          <ac:cxnSpMkLst>
            <pc:docMk/>
            <pc:sldMk cId="2574297036" sldId="654"/>
            <ac:cxnSpMk id="116" creationId="{304EE1DA-ABEB-9345-A7B7-CC71BA96263C}"/>
          </ac:cxnSpMkLst>
        </pc:cxnChg>
        <pc:cxnChg chg="add mod">
          <ac:chgData name="Daly Donnacha HSLU I" userId="0f22e960-400a-43ff-baeb-4828c8f5cd3a" providerId="ADAL" clId="{554BA7E0-55EE-9746-83EC-F09BDB4BCF3A}" dt="2021-04-23T07:54:27.346" v="3682" actId="1038"/>
          <ac:cxnSpMkLst>
            <pc:docMk/>
            <pc:sldMk cId="2574297036" sldId="654"/>
            <ac:cxnSpMk id="160" creationId="{A316CC72-B908-2549-B6EF-5EC0C33AE03B}"/>
          </ac:cxnSpMkLst>
        </pc:cxnChg>
        <pc:cxnChg chg="add mod">
          <ac:chgData name="Daly Donnacha HSLU I" userId="0f22e960-400a-43ff-baeb-4828c8f5cd3a" providerId="ADAL" clId="{554BA7E0-55EE-9746-83EC-F09BDB4BCF3A}" dt="2021-04-23T07:54:27.346" v="3682" actId="1038"/>
          <ac:cxnSpMkLst>
            <pc:docMk/>
            <pc:sldMk cId="2574297036" sldId="654"/>
            <ac:cxnSpMk id="161" creationId="{E74C8C36-4DC7-D54E-AAD0-9C501648AF35}"/>
          </ac:cxnSpMkLst>
        </pc:cxnChg>
        <pc:cxnChg chg="add mod">
          <ac:chgData name="Daly Donnacha HSLU I" userId="0f22e960-400a-43ff-baeb-4828c8f5cd3a" providerId="ADAL" clId="{554BA7E0-55EE-9746-83EC-F09BDB4BCF3A}" dt="2021-04-23T07:54:27.346" v="3682" actId="1038"/>
          <ac:cxnSpMkLst>
            <pc:docMk/>
            <pc:sldMk cId="2574297036" sldId="654"/>
            <ac:cxnSpMk id="162" creationId="{B9BCCF62-E269-4B49-8E41-FA01EA17BDF6}"/>
          </ac:cxnSpMkLst>
        </pc:cxnChg>
        <pc:cxnChg chg="add mod">
          <ac:chgData name="Daly Donnacha HSLU I" userId="0f22e960-400a-43ff-baeb-4828c8f5cd3a" providerId="ADAL" clId="{554BA7E0-55EE-9746-83EC-F09BDB4BCF3A}" dt="2021-04-23T07:54:27.346" v="3682" actId="1038"/>
          <ac:cxnSpMkLst>
            <pc:docMk/>
            <pc:sldMk cId="2574297036" sldId="654"/>
            <ac:cxnSpMk id="163" creationId="{6FC69A4E-4412-9342-B826-CE4D78A14964}"/>
          </ac:cxnSpMkLst>
        </pc:cxnChg>
        <pc:cxnChg chg="add mod">
          <ac:chgData name="Daly Donnacha HSLU I" userId="0f22e960-400a-43ff-baeb-4828c8f5cd3a" providerId="ADAL" clId="{554BA7E0-55EE-9746-83EC-F09BDB4BCF3A}" dt="2021-04-23T07:54:44.164" v="3685" actId="208"/>
          <ac:cxnSpMkLst>
            <pc:docMk/>
            <pc:sldMk cId="2574297036" sldId="654"/>
            <ac:cxnSpMk id="188" creationId="{0C4B41AD-8E01-414F-92FA-351667EA130D}"/>
          </ac:cxnSpMkLst>
        </pc:cxnChg>
      </pc:sldChg>
      <pc:sldChg chg="addSp delSp modSp new del mod">
        <pc:chgData name="Daly Donnacha HSLU I" userId="0f22e960-400a-43ff-baeb-4828c8f5cd3a" providerId="ADAL" clId="{554BA7E0-55EE-9746-83EC-F09BDB4BCF3A}" dt="2021-04-23T08:31:28.576" v="4462" actId="2696"/>
        <pc:sldMkLst>
          <pc:docMk/>
          <pc:sldMk cId="715288076" sldId="655"/>
        </pc:sldMkLst>
        <pc:spChg chg="add mod">
          <ac:chgData name="Daly Donnacha HSLU I" userId="0f22e960-400a-43ff-baeb-4828c8f5cd3a" providerId="ADAL" clId="{554BA7E0-55EE-9746-83EC-F09BDB4BCF3A}" dt="2021-04-23T07:06:33.996" v="3070"/>
          <ac:spMkLst>
            <pc:docMk/>
            <pc:sldMk cId="715288076" sldId="655"/>
            <ac:spMk id="3" creationId="{246F204E-805D-BC46-A044-E02732F22C7F}"/>
          </ac:spMkLst>
        </pc:spChg>
        <pc:spChg chg="add mod">
          <ac:chgData name="Daly Donnacha HSLU I" userId="0f22e960-400a-43ff-baeb-4828c8f5cd3a" providerId="ADAL" clId="{554BA7E0-55EE-9746-83EC-F09BDB4BCF3A}" dt="2021-04-23T07:06:33.996" v="3070"/>
          <ac:spMkLst>
            <pc:docMk/>
            <pc:sldMk cId="715288076" sldId="655"/>
            <ac:spMk id="4" creationId="{244F3617-5733-A34F-A591-28F060CC6844}"/>
          </ac:spMkLst>
        </pc:spChg>
        <pc:spChg chg="add mod">
          <ac:chgData name="Daly Donnacha HSLU I" userId="0f22e960-400a-43ff-baeb-4828c8f5cd3a" providerId="ADAL" clId="{554BA7E0-55EE-9746-83EC-F09BDB4BCF3A}" dt="2021-04-23T07:06:33.996" v="3070"/>
          <ac:spMkLst>
            <pc:docMk/>
            <pc:sldMk cId="715288076" sldId="655"/>
            <ac:spMk id="5" creationId="{F4C70162-44BE-FD4D-B0D4-43A29EBBB19F}"/>
          </ac:spMkLst>
        </pc:spChg>
        <pc:spChg chg="add mod">
          <ac:chgData name="Daly Donnacha HSLU I" userId="0f22e960-400a-43ff-baeb-4828c8f5cd3a" providerId="ADAL" clId="{554BA7E0-55EE-9746-83EC-F09BDB4BCF3A}" dt="2021-04-23T07:06:33.996" v="3070"/>
          <ac:spMkLst>
            <pc:docMk/>
            <pc:sldMk cId="715288076" sldId="655"/>
            <ac:spMk id="6" creationId="{35C916F3-7E32-1441-8409-A22F38B56A35}"/>
          </ac:spMkLst>
        </pc:spChg>
        <pc:spChg chg="add mod">
          <ac:chgData name="Daly Donnacha HSLU I" userId="0f22e960-400a-43ff-baeb-4828c8f5cd3a" providerId="ADAL" clId="{554BA7E0-55EE-9746-83EC-F09BDB4BCF3A}" dt="2021-04-23T07:06:33.996" v="3070"/>
          <ac:spMkLst>
            <pc:docMk/>
            <pc:sldMk cId="715288076" sldId="655"/>
            <ac:spMk id="11" creationId="{5EAA89FB-01D2-D849-ACB7-737449249140}"/>
          </ac:spMkLst>
        </pc:spChg>
        <pc:spChg chg="add mod">
          <ac:chgData name="Daly Donnacha HSLU I" userId="0f22e960-400a-43ff-baeb-4828c8f5cd3a" providerId="ADAL" clId="{554BA7E0-55EE-9746-83EC-F09BDB4BCF3A}" dt="2021-04-23T07:06:33.996" v="3070"/>
          <ac:spMkLst>
            <pc:docMk/>
            <pc:sldMk cId="715288076" sldId="655"/>
            <ac:spMk id="12" creationId="{74D669DE-3632-9B43-82A1-6A92FB100CEB}"/>
          </ac:spMkLst>
        </pc:spChg>
        <pc:spChg chg="add mod">
          <ac:chgData name="Daly Donnacha HSLU I" userId="0f22e960-400a-43ff-baeb-4828c8f5cd3a" providerId="ADAL" clId="{554BA7E0-55EE-9746-83EC-F09BDB4BCF3A}" dt="2021-04-23T07:06:33.996" v="3070"/>
          <ac:spMkLst>
            <pc:docMk/>
            <pc:sldMk cId="715288076" sldId="655"/>
            <ac:spMk id="17" creationId="{4E93E380-DD1B-6342-9E3A-590F0A33D489}"/>
          </ac:spMkLst>
        </pc:spChg>
        <pc:spChg chg="add mod">
          <ac:chgData name="Daly Donnacha HSLU I" userId="0f22e960-400a-43ff-baeb-4828c8f5cd3a" providerId="ADAL" clId="{554BA7E0-55EE-9746-83EC-F09BDB4BCF3A}" dt="2021-04-23T07:06:33.996" v="3070"/>
          <ac:spMkLst>
            <pc:docMk/>
            <pc:sldMk cId="715288076" sldId="655"/>
            <ac:spMk id="22" creationId="{B7269E23-2DEC-5A4E-A85E-7E0E0FAC1003}"/>
          </ac:spMkLst>
        </pc:spChg>
        <pc:spChg chg="add mod">
          <ac:chgData name="Daly Donnacha HSLU I" userId="0f22e960-400a-43ff-baeb-4828c8f5cd3a" providerId="ADAL" clId="{554BA7E0-55EE-9746-83EC-F09BDB4BCF3A}" dt="2021-04-23T07:06:33.996" v="3070"/>
          <ac:spMkLst>
            <pc:docMk/>
            <pc:sldMk cId="715288076" sldId="655"/>
            <ac:spMk id="23" creationId="{97761849-383E-8547-824B-75156320F0F3}"/>
          </ac:spMkLst>
        </pc:spChg>
        <pc:spChg chg="add mod">
          <ac:chgData name="Daly Donnacha HSLU I" userId="0f22e960-400a-43ff-baeb-4828c8f5cd3a" providerId="ADAL" clId="{554BA7E0-55EE-9746-83EC-F09BDB4BCF3A}" dt="2021-04-23T07:06:33.996" v="3070"/>
          <ac:spMkLst>
            <pc:docMk/>
            <pc:sldMk cId="715288076" sldId="655"/>
            <ac:spMk id="24" creationId="{35687F66-58CE-DE4F-BA18-872F2E0D9F86}"/>
          </ac:spMkLst>
        </pc:spChg>
        <pc:spChg chg="add mod">
          <ac:chgData name="Daly Donnacha HSLU I" userId="0f22e960-400a-43ff-baeb-4828c8f5cd3a" providerId="ADAL" clId="{554BA7E0-55EE-9746-83EC-F09BDB4BCF3A}" dt="2021-04-23T07:06:33.996" v="3070"/>
          <ac:spMkLst>
            <pc:docMk/>
            <pc:sldMk cId="715288076" sldId="655"/>
            <ac:spMk id="25" creationId="{A1B7873B-B206-6441-BEA5-44B721E46541}"/>
          </ac:spMkLst>
        </pc:spChg>
        <pc:spChg chg="add mod">
          <ac:chgData name="Daly Donnacha HSLU I" userId="0f22e960-400a-43ff-baeb-4828c8f5cd3a" providerId="ADAL" clId="{554BA7E0-55EE-9746-83EC-F09BDB4BCF3A}" dt="2021-04-23T07:06:33.996" v="3070"/>
          <ac:spMkLst>
            <pc:docMk/>
            <pc:sldMk cId="715288076" sldId="655"/>
            <ac:spMk id="26" creationId="{9720CA39-95DF-9945-8DF1-63B59AA62041}"/>
          </ac:spMkLst>
        </pc:spChg>
        <pc:spChg chg="add mod">
          <ac:chgData name="Daly Donnacha HSLU I" userId="0f22e960-400a-43ff-baeb-4828c8f5cd3a" providerId="ADAL" clId="{554BA7E0-55EE-9746-83EC-F09BDB4BCF3A}" dt="2021-04-23T07:06:33.996" v="3070"/>
          <ac:spMkLst>
            <pc:docMk/>
            <pc:sldMk cId="715288076" sldId="655"/>
            <ac:spMk id="28" creationId="{707F9EBE-63F2-5945-AA83-13D649B7BE05}"/>
          </ac:spMkLst>
        </pc:spChg>
        <pc:spChg chg="add del mod">
          <ac:chgData name="Daly Donnacha HSLU I" userId="0f22e960-400a-43ff-baeb-4828c8f5cd3a" providerId="ADAL" clId="{554BA7E0-55EE-9746-83EC-F09BDB4BCF3A}" dt="2021-04-23T07:06:49.116" v="3072" actId="478"/>
          <ac:spMkLst>
            <pc:docMk/>
            <pc:sldMk cId="715288076" sldId="655"/>
            <ac:spMk id="29" creationId="{2CF31CA9-9839-704A-B30E-CF208E3B8AA9}"/>
          </ac:spMkLst>
        </pc:spChg>
        <pc:spChg chg="add mod">
          <ac:chgData name="Daly Donnacha HSLU I" userId="0f22e960-400a-43ff-baeb-4828c8f5cd3a" providerId="ADAL" clId="{554BA7E0-55EE-9746-83EC-F09BDB4BCF3A}" dt="2021-04-23T07:06:33.996" v="3070"/>
          <ac:spMkLst>
            <pc:docMk/>
            <pc:sldMk cId="715288076" sldId="655"/>
            <ac:spMk id="31" creationId="{9A6D6FF5-45F7-2B46-8968-7F850128B150}"/>
          </ac:spMkLst>
        </pc:spChg>
        <pc:spChg chg="add mod">
          <ac:chgData name="Daly Donnacha HSLU I" userId="0f22e960-400a-43ff-baeb-4828c8f5cd3a" providerId="ADAL" clId="{554BA7E0-55EE-9746-83EC-F09BDB4BCF3A}" dt="2021-04-23T07:06:33.996" v="3070"/>
          <ac:spMkLst>
            <pc:docMk/>
            <pc:sldMk cId="715288076" sldId="655"/>
            <ac:spMk id="32" creationId="{2AAF318C-94CD-2243-B769-B06BDAF00B41}"/>
          </ac:spMkLst>
        </pc:spChg>
        <pc:cxnChg chg="add mod">
          <ac:chgData name="Daly Donnacha HSLU I" userId="0f22e960-400a-43ff-baeb-4828c8f5cd3a" providerId="ADAL" clId="{554BA7E0-55EE-9746-83EC-F09BDB4BCF3A}" dt="2021-04-23T07:06:33.996" v="3070"/>
          <ac:cxnSpMkLst>
            <pc:docMk/>
            <pc:sldMk cId="715288076" sldId="655"/>
            <ac:cxnSpMk id="7" creationId="{E4F88FFC-1D75-F840-A420-3F8DFE5B0B2A}"/>
          </ac:cxnSpMkLst>
        </pc:cxnChg>
        <pc:cxnChg chg="add mod">
          <ac:chgData name="Daly Donnacha HSLU I" userId="0f22e960-400a-43ff-baeb-4828c8f5cd3a" providerId="ADAL" clId="{554BA7E0-55EE-9746-83EC-F09BDB4BCF3A}" dt="2021-04-23T07:06:33.996" v="3070"/>
          <ac:cxnSpMkLst>
            <pc:docMk/>
            <pc:sldMk cId="715288076" sldId="655"/>
            <ac:cxnSpMk id="8" creationId="{E2246D2D-28C8-E84F-A47C-B29E3737D082}"/>
          </ac:cxnSpMkLst>
        </pc:cxnChg>
        <pc:cxnChg chg="add mod">
          <ac:chgData name="Daly Donnacha HSLU I" userId="0f22e960-400a-43ff-baeb-4828c8f5cd3a" providerId="ADAL" clId="{554BA7E0-55EE-9746-83EC-F09BDB4BCF3A}" dt="2021-04-23T07:06:33.996" v="3070"/>
          <ac:cxnSpMkLst>
            <pc:docMk/>
            <pc:sldMk cId="715288076" sldId="655"/>
            <ac:cxnSpMk id="9" creationId="{E94E42E1-D071-FF4A-AB3C-2D6E48F0D581}"/>
          </ac:cxnSpMkLst>
        </pc:cxnChg>
        <pc:cxnChg chg="add mod">
          <ac:chgData name="Daly Donnacha HSLU I" userId="0f22e960-400a-43ff-baeb-4828c8f5cd3a" providerId="ADAL" clId="{554BA7E0-55EE-9746-83EC-F09BDB4BCF3A}" dt="2021-04-23T07:06:33.996" v="3070"/>
          <ac:cxnSpMkLst>
            <pc:docMk/>
            <pc:sldMk cId="715288076" sldId="655"/>
            <ac:cxnSpMk id="10" creationId="{455C43A0-F5AF-FB4E-97C2-94DFFFA7D835}"/>
          </ac:cxnSpMkLst>
        </pc:cxnChg>
        <pc:cxnChg chg="add mod">
          <ac:chgData name="Daly Donnacha HSLU I" userId="0f22e960-400a-43ff-baeb-4828c8f5cd3a" providerId="ADAL" clId="{554BA7E0-55EE-9746-83EC-F09BDB4BCF3A}" dt="2021-04-23T07:06:33.996" v="3070"/>
          <ac:cxnSpMkLst>
            <pc:docMk/>
            <pc:sldMk cId="715288076" sldId="655"/>
            <ac:cxnSpMk id="13" creationId="{29BF6E98-0EE3-1F4D-B575-A28DAFFD7570}"/>
          </ac:cxnSpMkLst>
        </pc:cxnChg>
        <pc:cxnChg chg="add mod">
          <ac:chgData name="Daly Donnacha HSLU I" userId="0f22e960-400a-43ff-baeb-4828c8f5cd3a" providerId="ADAL" clId="{554BA7E0-55EE-9746-83EC-F09BDB4BCF3A}" dt="2021-04-23T07:06:33.996" v="3070"/>
          <ac:cxnSpMkLst>
            <pc:docMk/>
            <pc:sldMk cId="715288076" sldId="655"/>
            <ac:cxnSpMk id="14" creationId="{4C58B589-13B0-D445-889A-78E6FE857DBC}"/>
          </ac:cxnSpMkLst>
        </pc:cxnChg>
        <pc:cxnChg chg="add mod">
          <ac:chgData name="Daly Donnacha HSLU I" userId="0f22e960-400a-43ff-baeb-4828c8f5cd3a" providerId="ADAL" clId="{554BA7E0-55EE-9746-83EC-F09BDB4BCF3A}" dt="2021-04-23T07:06:33.996" v="3070"/>
          <ac:cxnSpMkLst>
            <pc:docMk/>
            <pc:sldMk cId="715288076" sldId="655"/>
            <ac:cxnSpMk id="15" creationId="{44E47A50-D2F2-0F42-BC2A-59A5AF80226F}"/>
          </ac:cxnSpMkLst>
        </pc:cxnChg>
        <pc:cxnChg chg="add mod">
          <ac:chgData name="Daly Donnacha HSLU I" userId="0f22e960-400a-43ff-baeb-4828c8f5cd3a" providerId="ADAL" clId="{554BA7E0-55EE-9746-83EC-F09BDB4BCF3A}" dt="2021-04-23T07:06:33.996" v="3070"/>
          <ac:cxnSpMkLst>
            <pc:docMk/>
            <pc:sldMk cId="715288076" sldId="655"/>
            <ac:cxnSpMk id="16" creationId="{43C73970-0DFB-AE4E-AEDE-7D191FB2C7FF}"/>
          </ac:cxnSpMkLst>
        </pc:cxnChg>
        <pc:cxnChg chg="add mod">
          <ac:chgData name="Daly Donnacha HSLU I" userId="0f22e960-400a-43ff-baeb-4828c8f5cd3a" providerId="ADAL" clId="{554BA7E0-55EE-9746-83EC-F09BDB4BCF3A}" dt="2021-04-23T07:06:33.996" v="3070"/>
          <ac:cxnSpMkLst>
            <pc:docMk/>
            <pc:sldMk cId="715288076" sldId="655"/>
            <ac:cxnSpMk id="18" creationId="{C2638328-C9A2-EB45-BBD1-1815FD6DB50A}"/>
          </ac:cxnSpMkLst>
        </pc:cxnChg>
        <pc:cxnChg chg="add mod">
          <ac:chgData name="Daly Donnacha HSLU I" userId="0f22e960-400a-43ff-baeb-4828c8f5cd3a" providerId="ADAL" clId="{554BA7E0-55EE-9746-83EC-F09BDB4BCF3A}" dt="2021-04-23T07:06:33.996" v="3070"/>
          <ac:cxnSpMkLst>
            <pc:docMk/>
            <pc:sldMk cId="715288076" sldId="655"/>
            <ac:cxnSpMk id="19" creationId="{5522FE51-A85A-D84A-A480-CBD4AFD8B6A5}"/>
          </ac:cxnSpMkLst>
        </pc:cxnChg>
        <pc:cxnChg chg="add mod">
          <ac:chgData name="Daly Donnacha HSLU I" userId="0f22e960-400a-43ff-baeb-4828c8f5cd3a" providerId="ADAL" clId="{554BA7E0-55EE-9746-83EC-F09BDB4BCF3A}" dt="2021-04-23T07:06:33.996" v="3070"/>
          <ac:cxnSpMkLst>
            <pc:docMk/>
            <pc:sldMk cId="715288076" sldId="655"/>
            <ac:cxnSpMk id="20" creationId="{823D066E-5BCD-8544-99A3-3A14C02A609F}"/>
          </ac:cxnSpMkLst>
        </pc:cxnChg>
        <pc:cxnChg chg="add mod">
          <ac:chgData name="Daly Donnacha HSLU I" userId="0f22e960-400a-43ff-baeb-4828c8f5cd3a" providerId="ADAL" clId="{554BA7E0-55EE-9746-83EC-F09BDB4BCF3A}" dt="2021-04-23T07:06:33.996" v="3070"/>
          <ac:cxnSpMkLst>
            <pc:docMk/>
            <pc:sldMk cId="715288076" sldId="655"/>
            <ac:cxnSpMk id="21" creationId="{D24DB3CD-9CAA-704A-B6ED-32FBE7BE230C}"/>
          </ac:cxnSpMkLst>
        </pc:cxnChg>
        <pc:cxnChg chg="add mod">
          <ac:chgData name="Daly Donnacha HSLU I" userId="0f22e960-400a-43ff-baeb-4828c8f5cd3a" providerId="ADAL" clId="{554BA7E0-55EE-9746-83EC-F09BDB4BCF3A}" dt="2021-04-23T07:06:33.996" v="3070"/>
          <ac:cxnSpMkLst>
            <pc:docMk/>
            <pc:sldMk cId="715288076" sldId="655"/>
            <ac:cxnSpMk id="27" creationId="{D100AA8F-11F5-2140-B3D9-1F7D0531E634}"/>
          </ac:cxnSpMkLst>
        </pc:cxnChg>
        <pc:cxnChg chg="add mod">
          <ac:chgData name="Daly Donnacha HSLU I" userId="0f22e960-400a-43ff-baeb-4828c8f5cd3a" providerId="ADAL" clId="{554BA7E0-55EE-9746-83EC-F09BDB4BCF3A}" dt="2021-04-23T07:06:49.116" v="3072" actId="478"/>
          <ac:cxnSpMkLst>
            <pc:docMk/>
            <pc:sldMk cId="715288076" sldId="655"/>
            <ac:cxnSpMk id="30" creationId="{752AEF30-EB1F-9F4C-8ED0-3D0FC5367F54}"/>
          </ac:cxnSpMkLst>
        </pc:cxnChg>
      </pc:sldChg>
      <pc:sldChg chg="addSp delSp modSp add mod">
        <pc:chgData name="Daly Donnacha HSLU I" userId="0f22e960-400a-43ff-baeb-4828c8f5cd3a" providerId="ADAL" clId="{554BA7E0-55EE-9746-83EC-F09BDB4BCF3A}" dt="2021-04-23T14:07:17.086" v="7386" actId="14100"/>
        <pc:sldMkLst>
          <pc:docMk/>
          <pc:sldMk cId="3460061220" sldId="656"/>
        </pc:sldMkLst>
        <pc:spChg chg="mod">
          <ac:chgData name="Daly Donnacha HSLU I" userId="0f22e960-400a-43ff-baeb-4828c8f5cd3a" providerId="ADAL" clId="{554BA7E0-55EE-9746-83EC-F09BDB4BCF3A}" dt="2021-04-23T07:56:26.619" v="3718" actId="20577"/>
          <ac:spMkLst>
            <pc:docMk/>
            <pc:sldMk cId="3460061220" sldId="656"/>
            <ac:spMk id="2" creationId="{21FEDBC2-31D3-6241-9768-A88FDB569742}"/>
          </ac:spMkLst>
        </pc:spChg>
        <pc:spChg chg="add mod">
          <ac:chgData name="Daly Donnacha HSLU I" userId="0f22e960-400a-43ff-baeb-4828c8f5cd3a" providerId="ADAL" clId="{554BA7E0-55EE-9746-83EC-F09BDB4BCF3A}" dt="2021-04-23T14:07:17.086" v="7386" actId="14100"/>
          <ac:spMkLst>
            <pc:docMk/>
            <pc:sldMk cId="3460061220" sldId="656"/>
            <ac:spMk id="3" creationId="{2B1DE434-ADEF-6E41-A1F7-EBAC4A30B0AA}"/>
          </ac:spMkLst>
        </pc:spChg>
        <pc:spChg chg="add mod">
          <ac:chgData name="Daly Donnacha HSLU I" userId="0f22e960-400a-43ff-baeb-4828c8f5cd3a" providerId="ADAL" clId="{554BA7E0-55EE-9746-83EC-F09BDB4BCF3A}" dt="2021-04-23T07:57:33.481" v="3725" actId="207"/>
          <ac:spMkLst>
            <pc:docMk/>
            <pc:sldMk cId="3460061220" sldId="656"/>
            <ac:spMk id="4" creationId="{88D728DB-A5DC-E247-9818-1E04562E77D7}"/>
          </ac:spMkLst>
        </pc:spChg>
        <pc:spChg chg="add del mod">
          <ac:chgData name="Daly Donnacha HSLU I" userId="0f22e960-400a-43ff-baeb-4828c8f5cd3a" providerId="ADAL" clId="{554BA7E0-55EE-9746-83EC-F09BDB4BCF3A}" dt="2021-04-23T08:09:43.692" v="3824" actId="21"/>
          <ac:spMkLst>
            <pc:docMk/>
            <pc:sldMk cId="3460061220" sldId="656"/>
            <ac:spMk id="43" creationId="{86C6533A-C343-6249-9452-75237B9F36B8}"/>
          </ac:spMkLst>
        </pc:spChg>
        <pc:spChg chg="add mod">
          <ac:chgData name="Daly Donnacha HSLU I" userId="0f22e960-400a-43ff-baeb-4828c8f5cd3a" providerId="ADAL" clId="{554BA7E0-55EE-9746-83EC-F09BDB4BCF3A}" dt="2021-04-23T14:07:12.103" v="7385" actId="1036"/>
          <ac:spMkLst>
            <pc:docMk/>
            <pc:sldMk cId="3460061220" sldId="656"/>
            <ac:spMk id="63" creationId="{CED0CA76-EF81-2B4B-BE67-D80EBC82196A}"/>
          </ac:spMkLst>
        </pc:spChg>
        <pc:spChg chg="add mod">
          <ac:chgData name="Daly Donnacha HSLU I" userId="0f22e960-400a-43ff-baeb-4828c8f5cd3a" providerId="ADAL" clId="{554BA7E0-55EE-9746-83EC-F09BDB4BCF3A}" dt="2021-04-23T07:59:41.884" v="3739" actId="207"/>
          <ac:spMkLst>
            <pc:docMk/>
            <pc:sldMk cId="3460061220" sldId="656"/>
            <ac:spMk id="72" creationId="{B71DC73E-8055-E44B-A279-D663774E390B}"/>
          </ac:spMkLst>
        </pc:spChg>
        <pc:spChg chg="add mod">
          <ac:chgData name="Daly Donnacha HSLU I" userId="0f22e960-400a-43ff-baeb-4828c8f5cd3a" providerId="ADAL" clId="{554BA7E0-55EE-9746-83EC-F09BDB4BCF3A}" dt="2021-04-23T08:01:56.797" v="3774" actId="14100"/>
          <ac:spMkLst>
            <pc:docMk/>
            <pc:sldMk cId="3460061220" sldId="656"/>
            <ac:spMk id="78" creationId="{B5638C22-FCCA-CD48-A17E-D49F8AEBCEF3}"/>
          </ac:spMkLst>
        </pc:spChg>
        <pc:spChg chg="add del mod">
          <ac:chgData name="Daly Donnacha HSLU I" userId="0f22e960-400a-43ff-baeb-4828c8f5cd3a" providerId="ADAL" clId="{554BA7E0-55EE-9746-83EC-F09BDB4BCF3A}" dt="2021-04-23T08:09:43.692" v="3824" actId="21"/>
          <ac:spMkLst>
            <pc:docMk/>
            <pc:sldMk cId="3460061220" sldId="656"/>
            <ac:spMk id="83" creationId="{DEF7C250-043E-DD4D-8921-C5BC3595ED8C}"/>
          </ac:spMkLst>
        </pc:spChg>
        <pc:spChg chg="add del mod">
          <ac:chgData name="Daly Donnacha HSLU I" userId="0f22e960-400a-43ff-baeb-4828c8f5cd3a" providerId="ADAL" clId="{554BA7E0-55EE-9746-83EC-F09BDB4BCF3A}" dt="2021-04-23T08:09:43.692" v="3824" actId="21"/>
          <ac:spMkLst>
            <pc:docMk/>
            <pc:sldMk cId="3460061220" sldId="656"/>
            <ac:spMk id="84" creationId="{71DE1BCF-51A9-554A-AF3C-444F8833CE96}"/>
          </ac:spMkLst>
        </pc:spChg>
        <pc:spChg chg="add del mod">
          <ac:chgData name="Daly Donnacha HSLU I" userId="0f22e960-400a-43ff-baeb-4828c8f5cd3a" providerId="ADAL" clId="{554BA7E0-55EE-9746-83EC-F09BDB4BCF3A}" dt="2021-04-23T08:09:43.692" v="3824" actId="21"/>
          <ac:spMkLst>
            <pc:docMk/>
            <pc:sldMk cId="3460061220" sldId="656"/>
            <ac:spMk id="85" creationId="{9E05F6C6-66E5-4240-84CC-E7B1DB516A13}"/>
          </ac:spMkLst>
        </pc:spChg>
        <pc:spChg chg="add mod">
          <ac:chgData name="Daly Donnacha HSLU I" userId="0f22e960-400a-43ff-baeb-4828c8f5cd3a" providerId="ADAL" clId="{554BA7E0-55EE-9746-83EC-F09BDB4BCF3A}" dt="2021-04-23T08:22:03.633" v="3970" actId="208"/>
          <ac:spMkLst>
            <pc:docMk/>
            <pc:sldMk cId="3460061220" sldId="656"/>
            <ac:spMk id="129" creationId="{583A3EF5-122A-A041-92A9-0201DFE99B11}"/>
          </ac:spMkLst>
        </pc:spChg>
        <pc:spChg chg="add mod">
          <ac:chgData name="Daly Donnacha HSLU I" userId="0f22e960-400a-43ff-baeb-4828c8f5cd3a" providerId="ADAL" clId="{554BA7E0-55EE-9746-83EC-F09BDB4BCF3A}" dt="2021-04-23T14:07:12.103" v="7385" actId="1036"/>
          <ac:spMkLst>
            <pc:docMk/>
            <pc:sldMk cId="3460061220" sldId="656"/>
            <ac:spMk id="130" creationId="{7B90800C-0D27-7D49-9D75-B8910EE3185D}"/>
          </ac:spMkLst>
        </pc:spChg>
        <pc:spChg chg="mod">
          <ac:chgData name="Daly Donnacha HSLU I" userId="0f22e960-400a-43ff-baeb-4828c8f5cd3a" providerId="ADAL" clId="{554BA7E0-55EE-9746-83EC-F09BDB4BCF3A}" dt="2021-04-23T10:05:25.620" v="5237" actId="1035"/>
          <ac:spMkLst>
            <pc:docMk/>
            <pc:sldMk cId="3460061220" sldId="656"/>
            <ac:spMk id="135" creationId="{029ED920-27CB-7F4C-BF01-A26A1107181E}"/>
          </ac:spMkLst>
        </pc:spChg>
        <pc:spChg chg="mod">
          <ac:chgData name="Daly Donnacha HSLU I" userId="0f22e960-400a-43ff-baeb-4828c8f5cd3a" providerId="ADAL" clId="{554BA7E0-55EE-9746-83EC-F09BDB4BCF3A}" dt="2021-04-23T10:05:22.337" v="5236" actId="1035"/>
          <ac:spMkLst>
            <pc:docMk/>
            <pc:sldMk cId="3460061220" sldId="656"/>
            <ac:spMk id="136" creationId="{68D907B2-3D18-9647-9044-9961FB30FC0C}"/>
          </ac:spMkLst>
        </pc:spChg>
        <pc:grpChg chg="del">
          <ac:chgData name="Daly Donnacha HSLU I" userId="0f22e960-400a-43ff-baeb-4828c8f5cd3a" providerId="ADAL" clId="{554BA7E0-55EE-9746-83EC-F09BDB4BCF3A}" dt="2021-04-23T08:00:30.207" v="3746" actId="478"/>
          <ac:grpSpMkLst>
            <pc:docMk/>
            <pc:sldMk cId="3460061220" sldId="656"/>
            <ac:grpSpMk id="150" creationId="{49233E4A-E2B0-524A-AE71-C5F899314A9B}"/>
          </ac:grpSpMkLst>
        </pc:grpChg>
        <pc:grpChg chg="del">
          <ac:chgData name="Daly Donnacha HSLU I" userId="0f22e960-400a-43ff-baeb-4828c8f5cd3a" providerId="ADAL" clId="{554BA7E0-55EE-9746-83EC-F09BDB4BCF3A}" dt="2021-04-23T08:00:30.207" v="3746" actId="478"/>
          <ac:grpSpMkLst>
            <pc:docMk/>
            <pc:sldMk cId="3460061220" sldId="656"/>
            <ac:grpSpMk id="151" creationId="{A98C55A0-6273-EF45-BB3C-A082DE696586}"/>
          </ac:grpSpMkLst>
        </pc:grpChg>
        <pc:grpChg chg="del">
          <ac:chgData name="Daly Donnacha HSLU I" userId="0f22e960-400a-43ff-baeb-4828c8f5cd3a" providerId="ADAL" clId="{554BA7E0-55EE-9746-83EC-F09BDB4BCF3A}" dt="2021-04-23T08:00:30.207" v="3746" actId="478"/>
          <ac:grpSpMkLst>
            <pc:docMk/>
            <pc:sldMk cId="3460061220" sldId="656"/>
            <ac:grpSpMk id="154" creationId="{6DB8681C-74B3-1843-8B3F-AC694A1F38FA}"/>
          </ac:grpSpMkLst>
        </pc:grpChg>
        <pc:grpChg chg="del">
          <ac:chgData name="Daly Donnacha HSLU I" userId="0f22e960-400a-43ff-baeb-4828c8f5cd3a" providerId="ADAL" clId="{554BA7E0-55EE-9746-83EC-F09BDB4BCF3A}" dt="2021-04-23T08:00:30.207" v="3746" actId="478"/>
          <ac:grpSpMkLst>
            <pc:docMk/>
            <pc:sldMk cId="3460061220" sldId="656"/>
            <ac:grpSpMk id="157" creationId="{FC6B0AAE-E0E1-D446-8DAD-D8BDDC6A960B}"/>
          </ac:grpSpMkLst>
        </pc:grpChg>
        <pc:picChg chg="add mod modCrop">
          <ac:chgData name="Daly Donnacha HSLU I" userId="0f22e960-400a-43ff-baeb-4828c8f5cd3a" providerId="ADAL" clId="{554BA7E0-55EE-9746-83EC-F09BDB4BCF3A}" dt="2021-04-23T08:02:20.534" v="3776" actId="1076"/>
          <ac:picMkLst>
            <pc:docMk/>
            <pc:sldMk cId="3460061220" sldId="656"/>
            <ac:picMk id="6" creationId="{615CCFDB-8652-B247-87A3-19E63E6920BB}"/>
          </ac:picMkLst>
        </pc:picChg>
        <pc:picChg chg="add del">
          <ac:chgData name="Daly Donnacha HSLU I" userId="0f22e960-400a-43ff-baeb-4828c8f5cd3a" providerId="ADAL" clId="{554BA7E0-55EE-9746-83EC-F09BDB4BCF3A}" dt="2021-04-23T08:17:08.072" v="3915" actId="21"/>
          <ac:picMkLst>
            <pc:docMk/>
            <pc:sldMk cId="3460061220" sldId="656"/>
            <ac:picMk id="44" creationId="{EFF63DEA-AA73-BC46-9CEB-2812CDE6933C}"/>
          </ac:picMkLst>
        </pc:picChg>
        <pc:picChg chg="add mod modCrop">
          <ac:chgData name="Daly Donnacha HSLU I" userId="0f22e960-400a-43ff-baeb-4828c8f5cd3a" providerId="ADAL" clId="{554BA7E0-55EE-9746-83EC-F09BDB4BCF3A}" dt="2021-04-23T14:07:12.103" v="7385" actId="1036"/>
          <ac:picMkLst>
            <pc:docMk/>
            <pc:sldMk cId="3460061220" sldId="656"/>
            <ac:picMk id="62" creationId="{9A35454C-40BC-9A47-90F3-D9C39C4B7F2E}"/>
          </ac:picMkLst>
        </pc:picChg>
        <pc:picChg chg="add mod">
          <ac:chgData name="Daly Donnacha HSLU I" userId="0f22e960-400a-43ff-baeb-4828c8f5cd3a" providerId="ADAL" clId="{554BA7E0-55EE-9746-83EC-F09BDB4BCF3A}" dt="2021-04-23T08:19:05.499" v="3941" actId="1076"/>
          <ac:picMkLst>
            <pc:docMk/>
            <pc:sldMk cId="3460061220" sldId="656"/>
            <ac:picMk id="119" creationId="{176F78D0-437C-6B4B-945D-7591EC5AA093}"/>
          </ac:picMkLst>
        </pc:picChg>
        <pc:picChg chg="add mod">
          <ac:chgData name="Daly Donnacha HSLU I" userId="0f22e960-400a-43ff-baeb-4828c8f5cd3a" providerId="ADAL" clId="{554BA7E0-55EE-9746-83EC-F09BDB4BCF3A}" dt="2021-04-23T08:19:26.646" v="3943" actId="1076"/>
          <ac:picMkLst>
            <pc:docMk/>
            <pc:sldMk cId="3460061220" sldId="656"/>
            <ac:picMk id="120" creationId="{1AD848A7-9171-614B-86BA-68C1595A9571}"/>
          </ac:picMkLst>
        </pc:picChg>
        <pc:picChg chg="add mod">
          <ac:chgData name="Daly Donnacha HSLU I" userId="0f22e960-400a-43ff-baeb-4828c8f5cd3a" providerId="ADAL" clId="{554BA7E0-55EE-9746-83EC-F09BDB4BCF3A}" dt="2021-04-23T08:19:32.253" v="3944" actId="1076"/>
          <ac:picMkLst>
            <pc:docMk/>
            <pc:sldMk cId="3460061220" sldId="656"/>
            <ac:picMk id="121" creationId="{DDFC295D-85DE-8A4C-B711-C4464CFF584A}"/>
          </ac:picMkLst>
        </pc:picChg>
        <pc:picChg chg="add mod">
          <ac:chgData name="Daly Donnacha HSLU I" userId="0f22e960-400a-43ff-baeb-4828c8f5cd3a" providerId="ADAL" clId="{554BA7E0-55EE-9746-83EC-F09BDB4BCF3A}" dt="2021-04-23T08:19:41.151" v="3946" actId="1076"/>
          <ac:picMkLst>
            <pc:docMk/>
            <pc:sldMk cId="3460061220" sldId="656"/>
            <ac:picMk id="122" creationId="{E8C5BE1D-E09D-4E48-80D1-AE813FFAD378}"/>
          </ac:picMkLst>
        </pc:picChg>
        <pc:picChg chg="add mod">
          <ac:chgData name="Daly Donnacha HSLU I" userId="0f22e960-400a-43ff-baeb-4828c8f5cd3a" providerId="ADAL" clId="{554BA7E0-55EE-9746-83EC-F09BDB4BCF3A}" dt="2021-04-23T08:19:36.267" v="3945" actId="1076"/>
          <ac:picMkLst>
            <pc:docMk/>
            <pc:sldMk cId="3460061220" sldId="656"/>
            <ac:picMk id="123" creationId="{6E9A3529-1AE5-1C4B-9882-4E1A899012B4}"/>
          </ac:picMkLst>
        </pc:picChg>
        <pc:picChg chg="add mod">
          <ac:chgData name="Daly Donnacha HSLU I" userId="0f22e960-400a-43ff-baeb-4828c8f5cd3a" providerId="ADAL" clId="{554BA7E0-55EE-9746-83EC-F09BDB4BCF3A}" dt="2021-04-23T08:21:42.616" v="3965" actId="1036"/>
          <ac:picMkLst>
            <pc:docMk/>
            <pc:sldMk cId="3460061220" sldId="656"/>
            <ac:picMk id="128" creationId="{5E5A1252-659B-8649-B125-0F66D3138BF2}"/>
          </ac:picMkLst>
        </pc:picChg>
        <pc:picChg chg="mod">
          <ac:chgData name="Daly Donnacha HSLU I" userId="0f22e960-400a-43ff-baeb-4828c8f5cd3a" providerId="ADAL" clId="{554BA7E0-55EE-9746-83EC-F09BDB4BCF3A}" dt="2021-04-23T07:57:37.567" v="3726" actId="1076"/>
          <ac:picMkLst>
            <pc:docMk/>
            <pc:sldMk cId="3460061220" sldId="656"/>
            <ac:picMk id="185" creationId="{102BA586-2CBE-0D45-B62D-D4D241DDEEF9}"/>
          </ac:picMkLst>
        </pc:picChg>
        <pc:picChg chg="del">
          <ac:chgData name="Daly Donnacha HSLU I" userId="0f22e960-400a-43ff-baeb-4828c8f5cd3a" providerId="ADAL" clId="{554BA7E0-55EE-9746-83EC-F09BDB4BCF3A}" dt="2021-04-23T08:02:37.412" v="3778" actId="478"/>
          <ac:picMkLst>
            <pc:docMk/>
            <pc:sldMk cId="3460061220" sldId="656"/>
            <ac:picMk id="189" creationId="{294EB14B-A918-BC40-B622-913E27723101}"/>
          </ac:picMkLst>
        </pc:picChg>
        <pc:cxnChg chg="del">
          <ac:chgData name="Daly Donnacha HSLU I" userId="0f22e960-400a-43ff-baeb-4828c8f5cd3a" providerId="ADAL" clId="{554BA7E0-55EE-9746-83EC-F09BDB4BCF3A}" dt="2021-04-23T07:56:50.488" v="3719" actId="478"/>
          <ac:cxnSpMkLst>
            <pc:docMk/>
            <pc:sldMk cId="3460061220" sldId="656"/>
            <ac:cxnSpMk id="3" creationId="{3E74D20E-912C-1343-9EF8-B7FEBC78BD58}"/>
          </ac:cxnSpMkLst>
        </pc:cxnChg>
        <pc:cxnChg chg="del">
          <ac:chgData name="Daly Donnacha HSLU I" userId="0f22e960-400a-43ff-baeb-4828c8f5cd3a" providerId="ADAL" clId="{554BA7E0-55EE-9746-83EC-F09BDB4BCF3A}" dt="2021-04-23T07:56:50.488" v="3719" actId="478"/>
          <ac:cxnSpMkLst>
            <pc:docMk/>
            <pc:sldMk cId="3460061220" sldId="656"/>
            <ac:cxnSpMk id="17" creationId="{2A3DB2F7-37CD-8546-A9A7-00C09D8FDF12}"/>
          </ac:cxnSpMkLst>
        </pc:cxnChg>
        <pc:cxnChg chg="del">
          <ac:chgData name="Daly Donnacha HSLU I" userId="0f22e960-400a-43ff-baeb-4828c8f5cd3a" providerId="ADAL" clId="{554BA7E0-55EE-9746-83EC-F09BDB4BCF3A}" dt="2021-04-23T07:56:50.488" v="3719" actId="478"/>
          <ac:cxnSpMkLst>
            <pc:docMk/>
            <pc:sldMk cId="3460061220" sldId="656"/>
            <ac:cxnSpMk id="19" creationId="{CE07A49E-3A2B-BE4D-96F4-E9F6B540176B}"/>
          </ac:cxnSpMkLst>
        </pc:cxnChg>
        <pc:cxnChg chg="del">
          <ac:chgData name="Daly Donnacha HSLU I" userId="0f22e960-400a-43ff-baeb-4828c8f5cd3a" providerId="ADAL" clId="{554BA7E0-55EE-9746-83EC-F09BDB4BCF3A}" dt="2021-04-23T07:56:50.488" v="3719" actId="478"/>
          <ac:cxnSpMkLst>
            <pc:docMk/>
            <pc:sldMk cId="3460061220" sldId="656"/>
            <ac:cxnSpMk id="20" creationId="{F75F153D-752A-D14C-B005-91DC2F458A8E}"/>
          </ac:cxnSpMkLst>
        </pc:cxnChg>
        <pc:cxnChg chg="del">
          <ac:chgData name="Daly Donnacha HSLU I" userId="0f22e960-400a-43ff-baeb-4828c8f5cd3a" providerId="ADAL" clId="{554BA7E0-55EE-9746-83EC-F09BDB4BCF3A}" dt="2021-04-23T07:56:50.488" v="3719" actId="478"/>
          <ac:cxnSpMkLst>
            <pc:docMk/>
            <pc:sldMk cId="3460061220" sldId="656"/>
            <ac:cxnSpMk id="26" creationId="{191E0AC6-93EA-CE4A-93C2-C470070B9F43}"/>
          </ac:cxnSpMkLst>
        </pc:cxnChg>
        <pc:cxnChg chg="del">
          <ac:chgData name="Daly Donnacha HSLU I" userId="0f22e960-400a-43ff-baeb-4828c8f5cd3a" providerId="ADAL" clId="{554BA7E0-55EE-9746-83EC-F09BDB4BCF3A}" dt="2021-04-23T07:56:50.488" v="3719" actId="478"/>
          <ac:cxnSpMkLst>
            <pc:docMk/>
            <pc:sldMk cId="3460061220" sldId="656"/>
            <ac:cxnSpMk id="29" creationId="{1786B5C4-F2F0-7947-A6AD-E16DB0D1BCE6}"/>
          </ac:cxnSpMkLst>
        </pc:cxnChg>
        <pc:cxnChg chg="del">
          <ac:chgData name="Daly Donnacha HSLU I" userId="0f22e960-400a-43ff-baeb-4828c8f5cd3a" providerId="ADAL" clId="{554BA7E0-55EE-9746-83EC-F09BDB4BCF3A}" dt="2021-04-23T07:56:50.488" v="3719" actId="478"/>
          <ac:cxnSpMkLst>
            <pc:docMk/>
            <pc:sldMk cId="3460061220" sldId="656"/>
            <ac:cxnSpMk id="41" creationId="{6615C041-05B9-8648-9807-3069DFC0ECB2}"/>
          </ac:cxnSpMkLst>
        </pc:cxnChg>
        <pc:cxnChg chg="del">
          <ac:chgData name="Daly Donnacha HSLU I" userId="0f22e960-400a-43ff-baeb-4828c8f5cd3a" providerId="ADAL" clId="{554BA7E0-55EE-9746-83EC-F09BDB4BCF3A}" dt="2021-04-23T07:56:50.488" v="3719" actId="478"/>
          <ac:cxnSpMkLst>
            <pc:docMk/>
            <pc:sldMk cId="3460061220" sldId="656"/>
            <ac:cxnSpMk id="47" creationId="{3ABEF2F0-0F03-FC4C-98A6-2D534228321F}"/>
          </ac:cxnSpMkLst>
        </pc:cxnChg>
        <pc:cxnChg chg="del">
          <ac:chgData name="Daly Donnacha HSLU I" userId="0f22e960-400a-43ff-baeb-4828c8f5cd3a" providerId="ADAL" clId="{554BA7E0-55EE-9746-83EC-F09BDB4BCF3A}" dt="2021-04-23T07:56:50.488" v="3719" actId="478"/>
          <ac:cxnSpMkLst>
            <pc:docMk/>
            <pc:sldMk cId="3460061220" sldId="656"/>
            <ac:cxnSpMk id="62" creationId="{DDDB87D5-5A6F-E841-8C87-036FD8D6B254}"/>
          </ac:cxnSpMkLst>
        </pc:cxnChg>
        <pc:cxnChg chg="del">
          <ac:chgData name="Daly Donnacha HSLU I" userId="0f22e960-400a-43ff-baeb-4828c8f5cd3a" providerId="ADAL" clId="{554BA7E0-55EE-9746-83EC-F09BDB4BCF3A}" dt="2021-04-23T07:56:50.488" v="3719" actId="478"/>
          <ac:cxnSpMkLst>
            <pc:docMk/>
            <pc:sldMk cId="3460061220" sldId="656"/>
            <ac:cxnSpMk id="65" creationId="{A1A91A7E-69B5-204B-8682-3AD33F877139}"/>
          </ac:cxnSpMkLst>
        </pc:cxnChg>
        <pc:cxnChg chg="del">
          <ac:chgData name="Daly Donnacha HSLU I" userId="0f22e960-400a-43ff-baeb-4828c8f5cd3a" providerId="ADAL" clId="{554BA7E0-55EE-9746-83EC-F09BDB4BCF3A}" dt="2021-04-23T07:56:50.488" v="3719" actId="478"/>
          <ac:cxnSpMkLst>
            <pc:docMk/>
            <pc:sldMk cId="3460061220" sldId="656"/>
            <ac:cxnSpMk id="68" creationId="{E36F7B9A-B362-B44B-99D6-2DE1B909CF50}"/>
          </ac:cxnSpMkLst>
        </pc:cxnChg>
        <pc:cxnChg chg="del">
          <ac:chgData name="Daly Donnacha HSLU I" userId="0f22e960-400a-43ff-baeb-4828c8f5cd3a" providerId="ADAL" clId="{554BA7E0-55EE-9746-83EC-F09BDB4BCF3A}" dt="2021-04-23T07:56:50.488" v="3719" actId="478"/>
          <ac:cxnSpMkLst>
            <pc:docMk/>
            <pc:sldMk cId="3460061220" sldId="656"/>
            <ac:cxnSpMk id="71" creationId="{D03F3B5C-1B0E-F34A-AAC1-811059704BB2}"/>
          </ac:cxnSpMkLst>
        </pc:cxnChg>
        <pc:cxnChg chg="add mod">
          <ac:chgData name="Daly Donnacha HSLU I" userId="0f22e960-400a-43ff-baeb-4828c8f5cd3a" providerId="ADAL" clId="{554BA7E0-55EE-9746-83EC-F09BDB4BCF3A}" dt="2021-04-23T08:00:08.572" v="3741" actId="1076"/>
          <ac:cxnSpMkLst>
            <pc:docMk/>
            <pc:sldMk cId="3460061220" sldId="656"/>
            <ac:cxnSpMk id="73" creationId="{430B37A6-2DD0-AA4A-B72A-80685F4C01C4}"/>
          </ac:cxnSpMkLst>
        </pc:cxnChg>
        <pc:cxnChg chg="del">
          <ac:chgData name="Daly Donnacha HSLU I" userId="0f22e960-400a-43ff-baeb-4828c8f5cd3a" providerId="ADAL" clId="{554BA7E0-55EE-9746-83EC-F09BDB4BCF3A}" dt="2021-04-23T07:56:50.488" v="3719" actId="478"/>
          <ac:cxnSpMkLst>
            <pc:docMk/>
            <pc:sldMk cId="3460061220" sldId="656"/>
            <ac:cxnSpMk id="74" creationId="{1A70A4AA-2595-1C4E-9381-18962C431874}"/>
          </ac:cxnSpMkLst>
        </pc:cxnChg>
        <pc:cxnChg chg="add mod">
          <ac:chgData name="Daly Donnacha HSLU I" userId="0f22e960-400a-43ff-baeb-4828c8f5cd3a" providerId="ADAL" clId="{554BA7E0-55EE-9746-83EC-F09BDB4BCF3A}" dt="2021-04-23T08:00:13.130" v="3743" actId="1076"/>
          <ac:cxnSpMkLst>
            <pc:docMk/>
            <pc:sldMk cId="3460061220" sldId="656"/>
            <ac:cxnSpMk id="75" creationId="{027569DE-8530-2146-9FB8-E9AFB595192B}"/>
          </ac:cxnSpMkLst>
        </pc:cxnChg>
        <pc:cxnChg chg="add mod">
          <ac:chgData name="Daly Donnacha HSLU I" userId="0f22e960-400a-43ff-baeb-4828c8f5cd3a" providerId="ADAL" clId="{554BA7E0-55EE-9746-83EC-F09BDB4BCF3A}" dt="2021-04-23T08:00:22.222" v="3745" actId="1076"/>
          <ac:cxnSpMkLst>
            <pc:docMk/>
            <pc:sldMk cId="3460061220" sldId="656"/>
            <ac:cxnSpMk id="76" creationId="{F7395DF3-22F0-8B4B-8EEB-109EFDDB1939}"/>
          </ac:cxnSpMkLst>
        </pc:cxnChg>
        <pc:cxnChg chg="del">
          <ac:chgData name="Daly Donnacha HSLU I" userId="0f22e960-400a-43ff-baeb-4828c8f5cd3a" providerId="ADAL" clId="{554BA7E0-55EE-9746-83EC-F09BDB4BCF3A}" dt="2021-04-23T07:56:50.488" v="3719" actId="478"/>
          <ac:cxnSpMkLst>
            <pc:docMk/>
            <pc:sldMk cId="3460061220" sldId="656"/>
            <ac:cxnSpMk id="77" creationId="{22FEFBE3-4A2C-9444-AD81-12D08E52D522}"/>
          </ac:cxnSpMkLst>
        </pc:cxnChg>
        <pc:cxnChg chg="add del mod">
          <ac:chgData name="Daly Donnacha HSLU I" userId="0f22e960-400a-43ff-baeb-4828c8f5cd3a" providerId="ADAL" clId="{554BA7E0-55EE-9746-83EC-F09BDB4BCF3A}" dt="2021-04-23T08:09:43.692" v="3824" actId="21"/>
          <ac:cxnSpMkLst>
            <pc:docMk/>
            <pc:sldMk cId="3460061220" sldId="656"/>
            <ac:cxnSpMk id="79" creationId="{8FA8E712-E016-8C40-9F45-BF8012C80ADB}"/>
          </ac:cxnSpMkLst>
        </pc:cxnChg>
        <pc:cxnChg chg="add del mod">
          <ac:chgData name="Daly Donnacha HSLU I" userId="0f22e960-400a-43ff-baeb-4828c8f5cd3a" providerId="ADAL" clId="{554BA7E0-55EE-9746-83EC-F09BDB4BCF3A}" dt="2021-04-23T08:09:43.692" v="3824" actId="21"/>
          <ac:cxnSpMkLst>
            <pc:docMk/>
            <pc:sldMk cId="3460061220" sldId="656"/>
            <ac:cxnSpMk id="80" creationId="{E341E9DB-B98C-5343-8E97-133C8B335A47}"/>
          </ac:cxnSpMkLst>
        </pc:cxnChg>
        <pc:cxnChg chg="add del mod">
          <ac:chgData name="Daly Donnacha HSLU I" userId="0f22e960-400a-43ff-baeb-4828c8f5cd3a" providerId="ADAL" clId="{554BA7E0-55EE-9746-83EC-F09BDB4BCF3A}" dt="2021-04-23T08:07:42.353" v="3805" actId="478"/>
          <ac:cxnSpMkLst>
            <pc:docMk/>
            <pc:sldMk cId="3460061220" sldId="656"/>
            <ac:cxnSpMk id="81" creationId="{4E62BEF0-AE5D-A847-B5C6-E86DB6218095}"/>
          </ac:cxnSpMkLst>
        </pc:cxnChg>
        <pc:cxnChg chg="add del mod">
          <ac:chgData name="Daly Donnacha HSLU I" userId="0f22e960-400a-43ff-baeb-4828c8f5cd3a" providerId="ADAL" clId="{554BA7E0-55EE-9746-83EC-F09BDB4BCF3A}" dt="2021-04-23T08:07:18.274" v="3795" actId="478"/>
          <ac:cxnSpMkLst>
            <pc:docMk/>
            <pc:sldMk cId="3460061220" sldId="656"/>
            <ac:cxnSpMk id="82" creationId="{B28DDD74-62B8-E94F-9AF6-568A74F70453}"/>
          </ac:cxnSpMkLst>
        </pc:cxnChg>
        <pc:cxnChg chg="add del mod">
          <ac:chgData name="Daly Donnacha HSLU I" userId="0f22e960-400a-43ff-baeb-4828c8f5cd3a" providerId="ADAL" clId="{554BA7E0-55EE-9746-83EC-F09BDB4BCF3A}" dt="2021-04-23T08:09:43.692" v="3824" actId="21"/>
          <ac:cxnSpMkLst>
            <pc:docMk/>
            <pc:sldMk cId="3460061220" sldId="656"/>
            <ac:cxnSpMk id="104" creationId="{B9FB3BA8-C7DC-6B47-B9D7-066729E1691E}"/>
          </ac:cxnSpMkLst>
        </pc:cxnChg>
        <pc:cxnChg chg="add del mod">
          <ac:chgData name="Daly Donnacha HSLU I" userId="0f22e960-400a-43ff-baeb-4828c8f5cd3a" providerId="ADAL" clId="{554BA7E0-55EE-9746-83EC-F09BDB4BCF3A}" dt="2021-04-23T08:09:43.692" v="3824" actId="21"/>
          <ac:cxnSpMkLst>
            <pc:docMk/>
            <pc:sldMk cId="3460061220" sldId="656"/>
            <ac:cxnSpMk id="107" creationId="{A2D5868B-F1A0-4747-B040-7EE774FEAA2A}"/>
          </ac:cxnSpMkLst>
        </pc:cxnChg>
        <pc:cxnChg chg="mod">
          <ac:chgData name="Daly Donnacha HSLU I" userId="0f22e960-400a-43ff-baeb-4828c8f5cd3a" providerId="ADAL" clId="{554BA7E0-55EE-9746-83EC-F09BDB4BCF3A}" dt="2021-04-23T07:58:58.086" v="3728" actId="14100"/>
          <ac:cxnSpMkLst>
            <pc:docMk/>
            <pc:sldMk cId="3460061220" sldId="656"/>
            <ac:cxnSpMk id="111" creationId="{A27BF2E1-8A08-4242-9907-B0CBD59BC9A3}"/>
          </ac:cxnSpMkLst>
        </pc:cxnChg>
        <pc:cxnChg chg="del">
          <ac:chgData name="Daly Donnacha HSLU I" userId="0f22e960-400a-43ff-baeb-4828c8f5cd3a" providerId="ADAL" clId="{554BA7E0-55EE-9746-83EC-F09BDB4BCF3A}" dt="2021-04-23T07:59:05.116" v="3731" actId="478"/>
          <ac:cxnSpMkLst>
            <pc:docMk/>
            <pc:sldMk cId="3460061220" sldId="656"/>
            <ac:cxnSpMk id="114" creationId="{AC842F61-51C5-374B-8883-DAA3F3A23B40}"/>
          </ac:cxnSpMkLst>
        </pc:cxnChg>
        <pc:cxnChg chg="del">
          <ac:chgData name="Daly Donnacha HSLU I" userId="0f22e960-400a-43ff-baeb-4828c8f5cd3a" providerId="ADAL" clId="{554BA7E0-55EE-9746-83EC-F09BDB4BCF3A}" dt="2021-04-23T07:59:04.195" v="3730" actId="478"/>
          <ac:cxnSpMkLst>
            <pc:docMk/>
            <pc:sldMk cId="3460061220" sldId="656"/>
            <ac:cxnSpMk id="115" creationId="{242F50F1-B897-D143-9174-2ACF95499446}"/>
          </ac:cxnSpMkLst>
        </pc:cxnChg>
        <pc:cxnChg chg="del mod">
          <ac:chgData name="Daly Donnacha HSLU I" userId="0f22e960-400a-43ff-baeb-4828c8f5cd3a" providerId="ADAL" clId="{554BA7E0-55EE-9746-83EC-F09BDB4BCF3A}" dt="2021-04-23T07:59:03.153" v="3729" actId="478"/>
          <ac:cxnSpMkLst>
            <pc:docMk/>
            <pc:sldMk cId="3460061220" sldId="656"/>
            <ac:cxnSpMk id="116" creationId="{304EE1DA-ABEB-9345-A7B7-CC71BA96263C}"/>
          </ac:cxnSpMkLst>
        </pc:cxnChg>
        <pc:cxnChg chg="del mod">
          <ac:chgData name="Daly Donnacha HSLU I" userId="0f22e960-400a-43ff-baeb-4828c8f5cd3a" providerId="ADAL" clId="{554BA7E0-55EE-9746-83EC-F09BDB4BCF3A}" dt="2021-04-23T08:02:25.712" v="3777" actId="478"/>
          <ac:cxnSpMkLst>
            <pc:docMk/>
            <pc:sldMk cId="3460061220" sldId="656"/>
            <ac:cxnSpMk id="188" creationId="{0C4B41AD-8E01-414F-92FA-351667EA130D}"/>
          </ac:cxnSpMkLst>
        </pc:cxnChg>
      </pc:sldChg>
      <pc:sldChg chg="addSp delSp modSp new mod">
        <pc:chgData name="Daly Donnacha HSLU I" userId="0f22e960-400a-43ff-baeb-4828c8f5cd3a" providerId="ADAL" clId="{554BA7E0-55EE-9746-83EC-F09BDB4BCF3A}" dt="2021-04-23T09:39:43.406" v="4613" actId="478"/>
        <pc:sldMkLst>
          <pc:docMk/>
          <pc:sldMk cId="469919417" sldId="657"/>
        </pc:sldMkLst>
        <pc:spChg chg="mod">
          <ac:chgData name="Daly Donnacha HSLU I" userId="0f22e960-400a-43ff-baeb-4828c8f5cd3a" providerId="ADAL" clId="{554BA7E0-55EE-9746-83EC-F09BDB4BCF3A}" dt="2021-04-23T08:27:37.087" v="4304" actId="20577"/>
          <ac:spMkLst>
            <pc:docMk/>
            <pc:sldMk cId="469919417" sldId="657"/>
            <ac:spMk id="2" creationId="{C5C4C947-44AD-8F42-9375-0CC61DF5424F}"/>
          </ac:spMkLst>
        </pc:spChg>
        <pc:spChg chg="add del mod">
          <ac:chgData name="Daly Donnacha HSLU I" userId="0f22e960-400a-43ff-baeb-4828c8f5cd3a" providerId="ADAL" clId="{554BA7E0-55EE-9746-83EC-F09BDB4BCF3A}" dt="2021-04-23T09:39:40.693" v="4611" actId="478"/>
          <ac:spMkLst>
            <pc:docMk/>
            <pc:sldMk cId="469919417" sldId="657"/>
            <ac:spMk id="3" creationId="{F6E72908-8D4B-9A4F-8A20-1FC6A3F9B077}"/>
          </ac:spMkLst>
        </pc:spChg>
        <pc:spChg chg="add del mod">
          <ac:chgData name="Daly Donnacha HSLU I" userId="0f22e960-400a-43ff-baeb-4828c8f5cd3a" providerId="ADAL" clId="{554BA7E0-55EE-9746-83EC-F09BDB4BCF3A}" dt="2021-04-23T09:39:16.598" v="4606" actId="478"/>
          <ac:spMkLst>
            <pc:docMk/>
            <pc:sldMk cId="469919417" sldId="657"/>
            <ac:spMk id="6" creationId="{0EEE549D-B4B3-394E-B2AF-0283601D9B2D}"/>
          </ac:spMkLst>
        </pc:spChg>
        <pc:spChg chg="add del mod">
          <ac:chgData name="Daly Donnacha HSLU I" userId="0f22e960-400a-43ff-baeb-4828c8f5cd3a" providerId="ADAL" clId="{554BA7E0-55EE-9746-83EC-F09BDB4BCF3A}" dt="2021-04-23T09:39:16.598" v="4606" actId="478"/>
          <ac:spMkLst>
            <pc:docMk/>
            <pc:sldMk cId="469919417" sldId="657"/>
            <ac:spMk id="7" creationId="{A2AE611A-9630-6547-9F11-DC228C8C7DF4}"/>
          </ac:spMkLst>
        </pc:spChg>
        <pc:spChg chg="add del mod">
          <ac:chgData name="Daly Donnacha HSLU I" userId="0f22e960-400a-43ff-baeb-4828c8f5cd3a" providerId="ADAL" clId="{554BA7E0-55EE-9746-83EC-F09BDB4BCF3A}" dt="2021-04-23T09:39:16.598" v="4606" actId="478"/>
          <ac:spMkLst>
            <pc:docMk/>
            <pc:sldMk cId="469919417" sldId="657"/>
            <ac:spMk id="8" creationId="{83F88935-DE36-9E4B-9FFA-F72EEB690E4E}"/>
          </ac:spMkLst>
        </pc:spChg>
        <pc:spChg chg="add del mod">
          <ac:chgData name="Daly Donnacha HSLU I" userId="0f22e960-400a-43ff-baeb-4828c8f5cd3a" providerId="ADAL" clId="{554BA7E0-55EE-9746-83EC-F09BDB4BCF3A}" dt="2021-04-23T09:39:16.598" v="4606" actId="478"/>
          <ac:spMkLst>
            <pc:docMk/>
            <pc:sldMk cId="469919417" sldId="657"/>
            <ac:spMk id="12" creationId="{710F8B60-D24D-1348-B04F-95ED2354D9E0}"/>
          </ac:spMkLst>
        </pc:spChg>
        <pc:spChg chg="add del mod">
          <ac:chgData name="Daly Donnacha HSLU I" userId="0f22e960-400a-43ff-baeb-4828c8f5cd3a" providerId="ADAL" clId="{554BA7E0-55EE-9746-83EC-F09BDB4BCF3A}" dt="2021-04-23T09:39:16.598" v="4606" actId="478"/>
          <ac:spMkLst>
            <pc:docMk/>
            <pc:sldMk cId="469919417" sldId="657"/>
            <ac:spMk id="21" creationId="{AB6E608E-8FE5-B848-B2CF-5B1D2137FA49}"/>
          </ac:spMkLst>
        </pc:spChg>
        <pc:spChg chg="add mod">
          <ac:chgData name="Daly Donnacha HSLU I" userId="0f22e960-400a-43ff-baeb-4828c8f5cd3a" providerId="ADAL" clId="{554BA7E0-55EE-9746-83EC-F09BDB4BCF3A}" dt="2021-04-23T08:31:13.258" v="4460" actId="14100"/>
          <ac:spMkLst>
            <pc:docMk/>
            <pc:sldMk cId="469919417" sldId="657"/>
            <ac:spMk id="34" creationId="{90A487C8-4A6B-C049-A3DB-91C86C1EF280}"/>
          </ac:spMkLst>
        </pc:spChg>
        <pc:spChg chg="add del mod">
          <ac:chgData name="Daly Donnacha HSLU I" userId="0f22e960-400a-43ff-baeb-4828c8f5cd3a" providerId="ADAL" clId="{554BA7E0-55EE-9746-83EC-F09BDB4BCF3A}" dt="2021-04-23T09:39:36.481" v="4609" actId="21"/>
          <ac:spMkLst>
            <pc:docMk/>
            <pc:sldMk cId="469919417" sldId="657"/>
            <ac:spMk id="35" creationId="{88F70DF0-4510-AD42-AF70-9B441C178615}"/>
          </ac:spMkLst>
        </pc:spChg>
        <pc:spChg chg="add del mod">
          <ac:chgData name="Daly Donnacha HSLU I" userId="0f22e960-400a-43ff-baeb-4828c8f5cd3a" providerId="ADAL" clId="{554BA7E0-55EE-9746-83EC-F09BDB4BCF3A}" dt="2021-04-23T09:39:36.481" v="4609" actId="21"/>
          <ac:spMkLst>
            <pc:docMk/>
            <pc:sldMk cId="469919417" sldId="657"/>
            <ac:spMk id="36" creationId="{0D48FBD4-E3F5-4A42-9AEB-415D214BED03}"/>
          </ac:spMkLst>
        </pc:spChg>
        <pc:spChg chg="add del mod">
          <ac:chgData name="Daly Donnacha HSLU I" userId="0f22e960-400a-43ff-baeb-4828c8f5cd3a" providerId="ADAL" clId="{554BA7E0-55EE-9746-83EC-F09BDB4BCF3A}" dt="2021-04-23T09:39:36.481" v="4609" actId="21"/>
          <ac:spMkLst>
            <pc:docMk/>
            <pc:sldMk cId="469919417" sldId="657"/>
            <ac:spMk id="37" creationId="{37F1B43C-645C-A94F-B540-C8C3CAA29D56}"/>
          </ac:spMkLst>
        </pc:spChg>
        <pc:spChg chg="add del mod">
          <ac:chgData name="Daly Donnacha HSLU I" userId="0f22e960-400a-43ff-baeb-4828c8f5cd3a" providerId="ADAL" clId="{554BA7E0-55EE-9746-83EC-F09BDB4BCF3A}" dt="2021-04-23T09:39:36.481" v="4609" actId="21"/>
          <ac:spMkLst>
            <pc:docMk/>
            <pc:sldMk cId="469919417" sldId="657"/>
            <ac:spMk id="38" creationId="{254D2014-33C7-434B-A228-BCD852C334BC}"/>
          </ac:spMkLst>
        </pc:spChg>
        <pc:spChg chg="add del mod">
          <ac:chgData name="Daly Donnacha HSLU I" userId="0f22e960-400a-43ff-baeb-4828c8f5cd3a" providerId="ADAL" clId="{554BA7E0-55EE-9746-83EC-F09BDB4BCF3A}" dt="2021-04-23T09:39:36.481" v="4609" actId="21"/>
          <ac:spMkLst>
            <pc:docMk/>
            <pc:sldMk cId="469919417" sldId="657"/>
            <ac:spMk id="42" creationId="{FD580CEE-96B1-2444-8162-666C24BC5737}"/>
          </ac:spMkLst>
        </pc:spChg>
        <pc:spChg chg="add del mod">
          <ac:chgData name="Daly Donnacha HSLU I" userId="0f22e960-400a-43ff-baeb-4828c8f5cd3a" providerId="ADAL" clId="{554BA7E0-55EE-9746-83EC-F09BDB4BCF3A}" dt="2021-04-23T09:39:36.481" v="4609" actId="21"/>
          <ac:spMkLst>
            <pc:docMk/>
            <pc:sldMk cId="469919417" sldId="657"/>
            <ac:spMk id="48" creationId="{6B955AFB-5DC1-BC49-BFDB-B599C70534C6}"/>
          </ac:spMkLst>
        </pc:spChg>
        <pc:spChg chg="add mod">
          <ac:chgData name="Daly Donnacha HSLU I" userId="0f22e960-400a-43ff-baeb-4828c8f5cd3a" providerId="ADAL" clId="{554BA7E0-55EE-9746-83EC-F09BDB4BCF3A}" dt="2021-04-23T09:39:41.042" v="4612"/>
          <ac:spMkLst>
            <pc:docMk/>
            <pc:sldMk cId="469919417" sldId="657"/>
            <ac:spMk id="58" creationId="{1FE4575D-B76D-FF43-BE95-B0F8A1EF0BCD}"/>
          </ac:spMkLst>
        </pc:spChg>
        <pc:spChg chg="add mod">
          <ac:chgData name="Daly Donnacha HSLU I" userId="0f22e960-400a-43ff-baeb-4828c8f5cd3a" providerId="ADAL" clId="{554BA7E0-55EE-9746-83EC-F09BDB4BCF3A}" dt="2021-04-23T09:39:41.042" v="4612"/>
          <ac:spMkLst>
            <pc:docMk/>
            <pc:sldMk cId="469919417" sldId="657"/>
            <ac:spMk id="59" creationId="{8D4AE2C8-2223-4F4D-9CA1-986052CE4AE1}"/>
          </ac:spMkLst>
        </pc:spChg>
        <pc:spChg chg="add mod">
          <ac:chgData name="Daly Donnacha HSLU I" userId="0f22e960-400a-43ff-baeb-4828c8f5cd3a" providerId="ADAL" clId="{554BA7E0-55EE-9746-83EC-F09BDB4BCF3A}" dt="2021-04-23T09:39:41.042" v="4612"/>
          <ac:spMkLst>
            <pc:docMk/>
            <pc:sldMk cId="469919417" sldId="657"/>
            <ac:spMk id="60" creationId="{B8D61C78-3E0A-E944-9AD9-5B30A320A057}"/>
          </ac:spMkLst>
        </pc:spChg>
        <pc:spChg chg="add mod">
          <ac:chgData name="Daly Donnacha HSLU I" userId="0f22e960-400a-43ff-baeb-4828c8f5cd3a" providerId="ADAL" clId="{554BA7E0-55EE-9746-83EC-F09BDB4BCF3A}" dt="2021-04-23T09:39:41.042" v="4612"/>
          <ac:spMkLst>
            <pc:docMk/>
            <pc:sldMk cId="469919417" sldId="657"/>
            <ac:spMk id="61" creationId="{2E03D009-64B1-D54E-BFDE-BB18262F8250}"/>
          </ac:spMkLst>
        </pc:spChg>
        <pc:spChg chg="add mod">
          <ac:chgData name="Daly Donnacha HSLU I" userId="0f22e960-400a-43ff-baeb-4828c8f5cd3a" providerId="ADAL" clId="{554BA7E0-55EE-9746-83EC-F09BDB4BCF3A}" dt="2021-04-23T09:39:41.042" v="4612"/>
          <ac:spMkLst>
            <pc:docMk/>
            <pc:sldMk cId="469919417" sldId="657"/>
            <ac:spMk id="64" creationId="{958D4C3C-BDCE-1145-B57E-163930A8B516}"/>
          </ac:spMkLst>
        </pc:spChg>
        <pc:spChg chg="add mod">
          <ac:chgData name="Daly Donnacha HSLU I" userId="0f22e960-400a-43ff-baeb-4828c8f5cd3a" providerId="ADAL" clId="{554BA7E0-55EE-9746-83EC-F09BDB4BCF3A}" dt="2021-04-23T09:39:41.042" v="4612"/>
          <ac:spMkLst>
            <pc:docMk/>
            <pc:sldMk cId="469919417" sldId="657"/>
            <ac:spMk id="69" creationId="{C879ADBF-F9AD-2943-9A73-4CBF63E263C5}"/>
          </ac:spMkLst>
        </pc:spChg>
        <pc:picChg chg="add del mod">
          <ac:chgData name="Daly Donnacha HSLU I" userId="0f22e960-400a-43ff-baeb-4828c8f5cd3a" providerId="ADAL" clId="{554BA7E0-55EE-9746-83EC-F09BDB4BCF3A}" dt="2021-04-23T09:16:36.974" v="4502" actId="478"/>
          <ac:picMkLst>
            <pc:docMk/>
            <pc:sldMk cId="469919417" sldId="657"/>
            <ac:picMk id="5" creationId="{1C010AC5-2D24-044C-9440-A11431A1B8E4}"/>
          </ac:picMkLst>
        </pc:picChg>
        <pc:picChg chg="add del mod">
          <ac:chgData name="Daly Donnacha HSLU I" userId="0f22e960-400a-43ff-baeb-4828c8f5cd3a" providerId="ADAL" clId="{554BA7E0-55EE-9746-83EC-F09BDB4BCF3A}" dt="2021-04-23T08:12:10.535" v="3841" actId="478"/>
          <ac:picMkLst>
            <pc:docMk/>
            <pc:sldMk cId="469919417" sldId="657"/>
            <ac:picMk id="11" creationId="{579E1467-C00A-1949-9F43-211E96E2EB3C}"/>
          </ac:picMkLst>
        </pc:picChg>
        <pc:picChg chg="add mod">
          <ac:chgData name="Daly Donnacha HSLU I" userId="0f22e960-400a-43ff-baeb-4828c8f5cd3a" providerId="ADAL" clId="{554BA7E0-55EE-9746-83EC-F09BDB4BCF3A}" dt="2021-04-23T09:17:20.182" v="4535" actId="1035"/>
          <ac:picMkLst>
            <pc:docMk/>
            <pc:sldMk cId="469919417" sldId="657"/>
            <ac:picMk id="11" creationId="{EF3BE387-5003-A74C-81EE-FD5B9EB78A48}"/>
          </ac:picMkLst>
        </pc:picChg>
        <pc:picChg chg="add del mod">
          <ac:chgData name="Daly Donnacha HSLU I" userId="0f22e960-400a-43ff-baeb-4828c8f5cd3a" providerId="ADAL" clId="{554BA7E0-55EE-9746-83EC-F09BDB4BCF3A}" dt="2021-04-23T09:39:16.598" v="4606" actId="478"/>
          <ac:picMkLst>
            <pc:docMk/>
            <pc:sldMk cId="469919417" sldId="657"/>
            <ac:picMk id="13" creationId="{F10520EC-905B-E24D-87FD-C3207D55B751}"/>
          </ac:picMkLst>
        </pc:picChg>
        <pc:picChg chg="add del mod">
          <ac:chgData name="Daly Donnacha HSLU I" userId="0f22e960-400a-43ff-baeb-4828c8f5cd3a" providerId="ADAL" clId="{554BA7E0-55EE-9746-83EC-F09BDB4BCF3A}" dt="2021-04-23T09:39:16.598" v="4606" actId="478"/>
          <ac:picMkLst>
            <pc:docMk/>
            <pc:sldMk cId="469919417" sldId="657"/>
            <ac:picMk id="14" creationId="{560AF726-01F0-AE49-8F9C-8D4E52AA2FFB}"/>
          </ac:picMkLst>
        </pc:picChg>
        <pc:picChg chg="add del mod modCrop">
          <ac:chgData name="Daly Donnacha HSLU I" userId="0f22e960-400a-43ff-baeb-4828c8f5cd3a" providerId="ADAL" clId="{554BA7E0-55EE-9746-83EC-F09BDB4BCF3A}" dt="2021-04-23T09:39:16.598" v="4606" actId="478"/>
          <ac:picMkLst>
            <pc:docMk/>
            <pc:sldMk cId="469919417" sldId="657"/>
            <ac:picMk id="17" creationId="{F68E6E81-739E-2D4D-82EF-BA1D37EE440B}"/>
          </ac:picMkLst>
        </pc:picChg>
        <pc:picChg chg="add del mod">
          <ac:chgData name="Daly Donnacha HSLU I" userId="0f22e960-400a-43ff-baeb-4828c8f5cd3a" providerId="ADAL" clId="{554BA7E0-55EE-9746-83EC-F09BDB4BCF3A}" dt="2021-04-23T08:15:49.516" v="3900" actId="478"/>
          <ac:picMkLst>
            <pc:docMk/>
            <pc:sldMk cId="469919417" sldId="657"/>
            <ac:picMk id="22" creationId="{8BCEB4E4-1809-2A4B-A83F-6FD3E1B545D9}"/>
          </ac:picMkLst>
        </pc:picChg>
        <pc:picChg chg="add del mod">
          <ac:chgData name="Daly Donnacha HSLU I" userId="0f22e960-400a-43ff-baeb-4828c8f5cd3a" providerId="ADAL" clId="{554BA7E0-55EE-9746-83EC-F09BDB4BCF3A}" dt="2021-04-23T09:39:38.606" v="4610" actId="478"/>
          <ac:picMkLst>
            <pc:docMk/>
            <pc:sldMk cId="469919417" sldId="657"/>
            <ac:picMk id="25" creationId="{0D382448-F64E-FD40-B739-5466D1F3C7BF}"/>
          </ac:picMkLst>
        </pc:picChg>
        <pc:picChg chg="add del mod">
          <ac:chgData name="Daly Donnacha HSLU I" userId="0f22e960-400a-43ff-baeb-4828c8f5cd3a" providerId="ADAL" clId="{554BA7E0-55EE-9746-83EC-F09BDB4BCF3A}" dt="2021-04-23T09:39:38.606" v="4610" actId="478"/>
          <ac:picMkLst>
            <pc:docMk/>
            <pc:sldMk cId="469919417" sldId="657"/>
            <ac:picMk id="26" creationId="{C0833613-281A-6444-AAAB-81BA845F399A}"/>
          </ac:picMkLst>
        </pc:picChg>
        <pc:picChg chg="add del mod">
          <ac:chgData name="Daly Donnacha HSLU I" userId="0f22e960-400a-43ff-baeb-4828c8f5cd3a" providerId="ADAL" clId="{554BA7E0-55EE-9746-83EC-F09BDB4BCF3A}" dt="2021-04-23T09:39:38.606" v="4610" actId="478"/>
          <ac:picMkLst>
            <pc:docMk/>
            <pc:sldMk cId="469919417" sldId="657"/>
            <ac:picMk id="27" creationId="{ACEC7076-44B5-4F4D-B737-163AF146B6B6}"/>
          </ac:picMkLst>
        </pc:picChg>
        <pc:picChg chg="add del mod">
          <ac:chgData name="Daly Donnacha HSLU I" userId="0f22e960-400a-43ff-baeb-4828c8f5cd3a" providerId="ADAL" clId="{554BA7E0-55EE-9746-83EC-F09BDB4BCF3A}" dt="2021-04-23T08:20:06.266" v="3949"/>
          <ac:picMkLst>
            <pc:docMk/>
            <pc:sldMk cId="469919417" sldId="657"/>
            <ac:picMk id="28" creationId="{D2643B2F-DD40-FE43-A362-E1737A5D1C45}"/>
          </ac:picMkLst>
        </pc:picChg>
        <pc:picChg chg="add del mod">
          <ac:chgData name="Daly Donnacha HSLU I" userId="0f22e960-400a-43ff-baeb-4828c8f5cd3a" providerId="ADAL" clId="{554BA7E0-55EE-9746-83EC-F09BDB4BCF3A}" dt="2021-04-23T08:20:06.266" v="3949"/>
          <ac:picMkLst>
            <pc:docMk/>
            <pc:sldMk cId="469919417" sldId="657"/>
            <ac:picMk id="29" creationId="{E9E433EA-25E2-6146-B663-5103ED1E5763}"/>
          </ac:picMkLst>
        </pc:picChg>
        <pc:picChg chg="add del mod">
          <ac:chgData name="Daly Donnacha HSLU I" userId="0f22e960-400a-43ff-baeb-4828c8f5cd3a" providerId="ADAL" clId="{554BA7E0-55EE-9746-83EC-F09BDB4BCF3A}" dt="2021-04-23T08:20:06.266" v="3949"/>
          <ac:picMkLst>
            <pc:docMk/>
            <pc:sldMk cId="469919417" sldId="657"/>
            <ac:picMk id="30" creationId="{4087CC05-53CF-9C4B-8150-9394DAC21CCF}"/>
          </ac:picMkLst>
        </pc:picChg>
        <pc:picChg chg="add del mod">
          <ac:chgData name="Daly Donnacha HSLU I" userId="0f22e960-400a-43ff-baeb-4828c8f5cd3a" providerId="ADAL" clId="{554BA7E0-55EE-9746-83EC-F09BDB4BCF3A}" dt="2021-04-23T08:20:06.266" v="3949"/>
          <ac:picMkLst>
            <pc:docMk/>
            <pc:sldMk cId="469919417" sldId="657"/>
            <ac:picMk id="31" creationId="{FA45E385-5FE3-0E4A-82BE-BDA6CADA83A8}"/>
          </ac:picMkLst>
        </pc:picChg>
        <pc:picChg chg="add del mod">
          <ac:chgData name="Daly Donnacha HSLU I" userId="0f22e960-400a-43ff-baeb-4828c8f5cd3a" providerId="ADAL" clId="{554BA7E0-55EE-9746-83EC-F09BDB4BCF3A}" dt="2021-04-23T08:20:06.266" v="3949"/>
          <ac:picMkLst>
            <pc:docMk/>
            <pc:sldMk cId="469919417" sldId="657"/>
            <ac:picMk id="32" creationId="{32882299-EF33-D849-8457-0A9E5B2664CD}"/>
          </ac:picMkLst>
        </pc:picChg>
        <pc:picChg chg="add del mod">
          <ac:chgData name="Daly Donnacha HSLU I" userId="0f22e960-400a-43ff-baeb-4828c8f5cd3a" providerId="ADAL" clId="{554BA7E0-55EE-9746-83EC-F09BDB4BCF3A}" dt="2021-04-23T09:39:36.481" v="4609" actId="21"/>
          <ac:picMkLst>
            <pc:docMk/>
            <pc:sldMk cId="469919417" sldId="657"/>
            <ac:picMk id="43" creationId="{5BD04CB3-E842-AF42-9F1A-52F4ED9C3EEB}"/>
          </ac:picMkLst>
        </pc:picChg>
        <pc:picChg chg="add del mod">
          <ac:chgData name="Daly Donnacha HSLU I" userId="0f22e960-400a-43ff-baeb-4828c8f5cd3a" providerId="ADAL" clId="{554BA7E0-55EE-9746-83EC-F09BDB4BCF3A}" dt="2021-04-23T09:39:36.481" v="4609" actId="21"/>
          <ac:picMkLst>
            <pc:docMk/>
            <pc:sldMk cId="469919417" sldId="657"/>
            <ac:picMk id="45" creationId="{1DDC4BC4-4A4F-3F4D-8268-E4041C3E8702}"/>
          </ac:picMkLst>
        </pc:picChg>
        <pc:picChg chg="add del mod">
          <ac:chgData name="Daly Donnacha HSLU I" userId="0f22e960-400a-43ff-baeb-4828c8f5cd3a" providerId="ADAL" clId="{554BA7E0-55EE-9746-83EC-F09BDB4BCF3A}" dt="2021-04-23T09:39:36.481" v="4609" actId="21"/>
          <ac:picMkLst>
            <pc:docMk/>
            <pc:sldMk cId="469919417" sldId="657"/>
            <ac:picMk id="47" creationId="{E0BC4467-2D09-8A40-9C38-420FF1A1E161}"/>
          </ac:picMkLst>
        </pc:picChg>
        <pc:picChg chg="add del mod">
          <ac:chgData name="Daly Donnacha HSLU I" userId="0f22e960-400a-43ff-baeb-4828c8f5cd3a" providerId="ADAL" clId="{554BA7E0-55EE-9746-83EC-F09BDB4BCF3A}" dt="2021-04-23T09:39:36.481" v="4609" actId="21"/>
          <ac:picMkLst>
            <pc:docMk/>
            <pc:sldMk cId="469919417" sldId="657"/>
            <ac:picMk id="49" creationId="{4BC9CD46-6E0B-544C-9276-FA85F5CA9930}"/>
          </ac:picMkLst>
        </pc:picChg>
        <pc:picChg chg="add del mod">
          <ac:chgData name="Daly Donnacha HSLU I" userId="0f22e960-400a-43ff-baeb-4828c8f5cd3a" providerId="ADAL" clId="{554BA7E0-55EE-9746-83EC-F09BDB4BCF3A}" dt="2021-04-23T09:39:36.481" v="4609" actId="21"/>
          <ac:picMkLst>
            <pc:docMk/>
            <pc:sldMk cId="469919417" sldId="657"/>
            <ac:picMk id="50" creationId="{277E63C9-3690-024A-BAE0-10B5F736EAB6}"/>
          </ac:picMkLst>
        </pc:picChg>
        <pc:picChg chg="add del mod">
          <ac:chgData name="Daly Donnacha HSLU I" userId="0f22e960-400a-43ff-baeb-4828c8f5cd3a" providerId="ADAL" clId="{554BA7E0-55EE-9746-83EC-F09BDB4BCF3A}" dt="2021-04-23T09:39:36.481" v="4609" actId="21"/>
          <ac:picMkLst>
            <pc:docMk/>
            <pc:sldMk cId="469919417" sldId="657"/>
            <ac:picMk id="51" creationId="{B3A04261-4C28-FD49-8EE1-EE3D8DEDD677}"/>
          </ac:picMkLst>
        </pc:picChg>
        <pc:picChg chg="add del mod">
          <ac:chgData name="Daly Donnacha HSLU I" userId="0f22e960-400a-43ff-baeb-4828c8f5cd3a" providerId="ADAL" clId="{554BA7E0-55EE-9746-83EC-F09BDB4BCF3A}" dt="2021-04-23T09:39:36.481" v="4609" actId="21"/>
          <ac:picMkLst>
            <pc:docMk/>
            <pc:sldMk cId="469919417" sldId="657"/>
            <ac:picMk id="55" creationId="{48B6C51C-08B6-1F47-9736-A7F9FFBC3F86}"/>
          </ac:picMkLst>
        </pc:picChg>
        <pc:picChg chg="add del mod">
          <ac:chgData name="Daly Donnacha HSLU I" userId="0f22e960-400a-43ff-baeb-4828c8f5cd3a" providerId="ADAL" clId="{554BA7E0-55EE-9746-83EC-F09BDB4BCF3A}" dt="2021-04-23T09:39:36.481" v="4609" actId="21"/>
          <ac:picMkLst>
            <pc:docMk/>
            <pc:sldMk cId="469919417" sldId="657"/>
            <ac:picMk id="56" creationId="{78F42D5F-6E43-144C-840B-F69AA3A73D1C}"/>
          </ac:picMkLst>
        </pc:picChg>
        <pc:picChg chg="add mod">
          <ac:chgData name="Daly Donnacha HSLU I" userId="0f22e960-400a-43ff-baeb-4828c8f5cd3a" providerId="ADAL" clId="{554BA7E0-55EE-9746-83EC-F09BDB4BCF3A}" dt="2021-04-23T09:39:41.042" v="4612"/>
          <ac:picMkLst>
            <pc:docMk/>
            <pc:sldMk cId="469919417" sldId="657"/>
            <ac:picMk id="65" creationId="{DDBBDBC3-1A41-4F44-BCA7-59005D831D96}"/>
          </ac:picMkLst>
        </pc:picChg>
        <pc:picChg chg="add mod">
          <ac:chgData name="Daly Donnacha HSLU I" userId="0f22e960-400a-43ff-baeb-4828c8f5cd3a" providerId="ADAL" clId="{554BA7E0-55EE-9746-83EC-F09BDB4BCF3A}" dt="2021-04-23T09:39:41.042" v="4612"/>
          <ac:picMkLst>
            <pc:docMk/>
            <pc:sldMk cId="469919417" sldId="657"/>
            <ac:picMk id="66" creationId="{D3395148-E07D-C949-899E-FDB5947D5EE8}"/>
          </ac:picMkLst>
        </pc:picChg>
        <pc:picChg chg="add mod">
          <ac:chgData name="Daly Donnacha HSLU I" userId="0f22e960-400a-43ff-baeb-4828c8f5cd3a" providerId="ADAL" clId="{554BA7E0-55EE-9746-83EC-F09BDB4BCF3A}" dt="2021-04-23T09:39:41.042" v="4612"/>
          <ac:picMkLst>
            <pc:docMk/>
            <pc:sldMk cId="469919417" sldId="657"/>
            <ac:picMk id="68" creationId="{F1DFF819-6B13-354A-8900-FB6BB381A806}"/>
          </ac:picMkLst>
        </pc:picChg>
        <pc:picChg chg="add mod">
          <ac:chgData name="Daly Donnacha HSLU I" userId="0f22e960-400a-43ff-baeb-4828c8f5cd3a" providerId="ADAL" clId="{554BA7E0-55EE-9746-83EC-F09BDB4BCF3A}" dt="2021-04-23T09:39:41.042" v="4612"/>
          <ac:picMkLst>
            <pc:docMk/>
            <pc:sldMk cId="469919417" sldId="657"/>
            <ac:picMk id="70" creationId="{242E9ECC-2729-E948-B9AE-24FC9D014D82}"/>
          </ac:picMkLst>
        </pc:picChg>
        <pc:picChg chg="add mod">
          <ac:chgData name="Daly Donnacha HSLU I" userId="0f22e960-400a-43ff-baeb-4828c8f5cd3a" providerId="ADAL" clId="{554BA7E0-55EE-9746-83EC-F09BDB4BCF3A}" dt="2021-04-23T09:39:41.042" v="4612"/>
          <ac:picMkLst>
            <pc:docMk/>
            <pc:sldMk cId="469919417" sldId="657"/>
            <ac:picMk id="71" creationId="{C7035918-B12A-5E4F-B97B-1B4CE9F7CC46}"/>
          </ac:picMkLst>
        </pc:picChg>
        <pc:picChg chg="add mod">
          <ac:chgData name="Daly Donnacha HSLU I" userId="0f22e960-400a-43ff-baeb-4828c8f5cd3a" providerId="ADAL" clId="{554BA7E0-55EE-9746-83EC-F09BDB4BCF3A}" dt="2021-04-23T09:39:41.042" v="4612"/>
          <ac:picMkLst>
            <pc:docMk/>
            <pc:sldMk cId="469919417" sldId="657"/>
            <ac:picMk id="72" creationId="{E599D2FD-A454-334F-9A52-19040759DA72}"/>
          </ac:picMkLst>
        </pc:picChg>
        <pc:picChg chg="add mod">
          <ac:chgData name="Daly Donnacha HSLU I" userId="0f22e960-400a-43ff-baeb-4828c8f5cd3a" providerId="ADAL" clId="{554BA7E0-55EE-9746-83EC-F09BDB4BCF3A}" dt="2021-04-23T09:39:41.042" v="4612"/>
          <ac:picMkLst>
            <pc:docMk/>
            <pc:sldMk cId="469919417" sldId="657"/>
            <ac:picMk id="76" creationId="{46B67D33-88EF-914E-8546-DBB6FEF4C1B3}"/>
          </ac:picMkLst>
        </pc:picChg>
        <pc:picChg chg="add del mod">
          <ac:chgData name="Daly Donnacha HSLU I" userId="0f22e960-400a-43ff-baeb-4828c8f5cd3a" providerId="ADAL" clId="{554BA7E0-55EE-9746-83EC-F09BDB4BCF3A}" dt="2021-04-23T09:39:43.406" v="4613" actId="478"/>
          <ac:picMkLst>
            <pc:docMk/>
            <pc:sldMk cId="469919417" sldId="657"/>
            <ac:picMk id="77" creationId="{72DB4249-4AF3-E848-969A-66804BC4DDDE}"/>
          </ac:picMkLst>
        </pc:picChg>
        <pc:cxnChg chg="add del mod">
          <ac:chgData name="Daly Donnacha HSLU I" userId="0f22e960-400a-43ff-baeb-4828c8f5cd3a" providerId="ADAL" clId="{554BA7E0-55EE-9746-83EC-F09BDB4BCF3A}" dt="2021-04-23T09:39:16.598" v="4606" actId="478"/>
          <ac:cxnSpMkLst>
            <pc:docMk/>
            <pc:sldMk cId="469919417" sldId="657"/>
            <ac:cxnSpMk id="4" creationId="{95529300-A38D-6F4A-BEBD-4DFC24065CFF}"/>
          </ac:cxnSpMkLst>
        </pc:cxnChg>
        <pc:cxnChg chg="add del mod">
          <ac:chgData name="Daly Donnacha HSLU I" userId="0f22e960-400a-43ff-baeb-4828c8f5cd3a" providerId="ADAL" clId="{554BA7E0-55EE-9746-83EC-F09BDB4BCF3A}" dt="2021-04-23T08:29:56.790" v="4438" actId="478"/>
          <ac:cxnSpMkLst>
            <pc:docMk/>
            <pc:sldMk cId="469919417" sldId="657"/>
            <ac:cxnSpMk id="5" creationId="{E05274CC-9632-6949-BE00-BB6EB9C186EC}"/>
          </ac:cxnSpMkLst>
        </pc:cxnChg>
        <pc:cxnChg chg="add del mod">
          <ac:chgData name="Daly Donnacha HSLU I" userId="0f22e960-400a-43ff-baeb-4828c8f5cd3a" providerId="ADAL" clId="{554BA7E0-55EE-9746-83EC-F09BDB4BCF3A}" dt="2021-04-23T09:39:16.598" v="4606" actId="478"/>
          <ac:cxnSpMkLst>
            <pc:docMk/>
            <pc:sldMk cId="469919417" sldId="657"/>
            <ac:cxnSpMk id="9" creationId="{4D3F31BB-41E9-CB48-9A9A-8886A52FA5BC}"/>
          </ac:cxnSpMkLst>
        </pc:cxnChg>
        <pc:cxnChg chg="add del mod">
          <ac:chgData name="Daly Donnacha HSLU I" userId="0f22e960-400a-43ff-baeb-4828c8f5cd3a" providerId="ADAL" clId="{554BA7E0-55EE-9746-83EC-F09BDB4BCF3A}" dt="2021-04-23T09:39:16.598" v="4606" actId="478"/>
          <ac:cxnSpMkLst>
            <pc:docMk/>
            <pc:sldMk cId="469919417" sldId="657"/>
            <ac:cxnSpMk id="10" creationId="{3674C35F-DE0B-DF4E-B5C2-A8EF01CEC1DE}"/>
          </ac:cxnSpMkLst>
        </pc:cxnChg>
        <pc:cxnChg chg="add del mod">
          <ac:chgData name="Daly Donnacha HSLU I" userId="0f22e960-400a-43ff-baeb-4828c8f5cd3a" providerId="ADAL" clId="{554BA7E0-55EE-9746-83EC-F09BDB4BCF3A}" dt="2021-04-23T09:39:16.598" v="4606" actId="478"/>
          <ac:cxnSpMkLst>
            <pc:docMk/>
            <pc:sldMk cId="469919417" sldId="657"/>
            <ac:cxnSpMk id="16" creationId="{0BAA783F-04BA-B94E-8CBC-1FA6780F96C3}"/>
          </ac:cxnSpMkLst>
        </pc:cxnChg>
        <pc:cxnChg chg="add del mod">
          <ac:chgData name="Daly Donnacha HSLU I" userId="0f22e960-400a-43ff-baeb-4828c8f5cd3a" providerId="ADAL" clId="{554BA7E0-55EE-9746-83EC-F09BDB4BCF3A}" dt="2021-04-23T08:14:35.603" v="3877" actId="478"/>
          <ac:cxnSpMkLst>
            <pc:docMk/>
            <pc:sldMk cId="469919417" sldId="657"/>
            <ac:cxnSpMk id="18" creationId="{CCE5723D-4820-9946-A26C-EA8B810E9827}"/>
          </ac:cxnSpMkLst>
        </pc:cxnChg>
        <pc:cxnChg chg="add del mod">
          <ac:chgData name="Daly Donnacha HSLU I" userId="0f22e960-400a-43ff-baeb-4828c8f5cd3a" providerId="ADAL" clId="{554BA7E0-55EE-9746-83EC-F09BDB4BCF3A}" dt="2021-04-23T09:39:03.430" v="4604" actId="478"/>
          <ac:cxnSpMkLst>
            <pc:docMk/>
            <pc:sldMk cId="469919417" sldId="657"/>
            <ac:cxnSpMk id="28" creationId="{639D242F-28C9-8E47-B40C-E7EDA3C6400A}"/>
          </ac:cxnSpMkLst>
        </pc:cxnChg>
        <pc:cxnChg chg="add del mod">
          <ac:chgData name="Daly Donnacha HSLU I" userId="0f22e960-400a-43ff-baeb-4828c8f5cd3a" providerId="ADAL" clId="{554BA7E0-55EE-9746-83EC-F09BDB4BCF3A}" dt="2021-04-23T09:38:49.648" v="4598"/>
          <ac:cxnSpMkLst>
            <pc:docMk/>
            <pc:sldMk cId="469919417" sldId="657"/>
            <ac:cxnSpMk id="29" creationId="{C0CFF950-5733-284A-BA47-EF9D836E30E2}"/>
          </ac:cxnSpMkLst>
        </pc:cxnChg>
        <pc:cxnChg chg="add del mod">
          <ac:chgData name="Daly Donnacha HSLU I" userId="0f22e960-400a-43ff-baeb-4828c8f5cd3a" providerId="ADAL" clId="{554BA7E0-55EE-9746-83EC-F09BDB4BCF3A}" dt="2021-04-23T09:38:46.280" v="4586"/>
          <ac:cxnSpMkLst>
            <pc:docMk/>
            <pc:sldMk cId="469919417" sldId="657"/>
            <ac:cxnSpMk id="31" creationId="{D08EDA95-7338-9D4D-8BAA-0C7B7B3773AA}"/>
          </ac:cxnSpMkLst>
        </pc:cxnChg>
        <pc:cxnChg chg="add del mod">
          <ac:chgData name="Daly Donnacha HSLU I" userId="0f22e960-400a-43ff-baeb-4828c8f5cd3a" providerId="ADAL" clId="{554BA7E0-55EE-9746-83EC-F09BDB4BCF3A}" dt="2021-04-23T08:29:59.774" v="4439" actId="478"/>
          <ac:cxnSpMkLst>
            <pc:docMk/>
            <pc:sldMk cId="469919417" sldId="657"/>
            <ac:cxnSpMk id="33" creationId="{EA0C7D68-5427-9B49-8699-BE10D2998596}"/>
          </ac:cxnSpMkLst>
        </pc:cxnChg>
        <pc:cxnChg chg="add del mod">
          <ac:chgData name="Daly Donnacha HSLU I" userId="0f22e960-400a-43ff-baeb-4828c8f5cd3a" providerId="ADAL" clId="{554BA7E0-55EE-9746-83EC-F09BDB4BCF3A}" dt="2021-04-23T09:39:36.481" v="4609" actId="21"/>
          <ac:cxnSpMkLst>
            <pc:docMk/>
            <pc:sldMk cId="469919417" sldId="657"/>
            <ac:cxnSpMk id="39" creationId="{26581F0D-3509-B044-8AA8-10BDEFDB642D}"/>
          </ac:cxnSpMkLst>
        </pc:cxnChg>
        <pc:cxnChg chg="add del mod">
          <ac:chgData name="Daly Donnacha HSLU I" userId="0f22e960-400a-43ff-baeb-4828c8f5cd3a" providerId="ADAL" clId="{554BA7E0-55EE-9746-83EC-F09BDB4BCF3A}" dt="2021-04-23T09:39:36.481" v="4609" actId="21"/>
          <ac:cxnSpMkLst>
            <pc:docMk/>
            <pc:sldMk cId="469919417" sldId="657"/>
            <ac:cxnSpMk id="40" creationId="{C0CB0723-2B0E-9B42-8DFE-345DD0B6DD5B}"/>
          </ac:cxnSpMkLst>
        </pc:cxnChg>
        <pc:cxnChg chg="add del mod">
          <ac:chgData name="Daly Donnacha HSLU I" userId="0f22e960-400a-43ff-baeb-4828c8f5cd3a" providerId="ADAL" clId="{554BA7E0-55EE-9746-83EC-F09BDB4BCF3A}" dt="2021-04-23T09:36:57.709" v="4551" actId="478"/>
          <ac:cxnSpMkLst>
            <pc:docMk/>
            <pc:sldMk cId="469919417" sldId="657"/>
            <ac:cxnSpMk id="41" creationId="{AE9DB0D9-BE4D-DB48-9D88-E9FD0E150733}"/>
          </ac:cxnSpMkLst>
        </pc:cxnChg>
        <pc:cxnChg chg="add del mod">
          <ac:chgData name="Daly Donnacha HSLU I" userId="0f22e960-400a-43ff-baeb-4828c8f5cd3a" providerId="ADAL" clId="{554BA7E0-55EE-9746-83EC-F09BDB4BCF3A}" dt="2021-04-23T09:36:59.882" v="4552" actId="478"/>
          <ac:cxnSpMkLst>
            <pc:docMk/>
            <pc:sldMk cId="469919417" sldId="657"/>
            <ac:cxnSpMk id="44" creationId="{DA0D05DD-3CCD-5D48-A0A6-D8441145DBEC}"/>
          </ac:cxnSpMkLst>
        </pc:cxnChg>
        <pc:cxnChg chg="add del mod">
          <ac:chgData name="Daly Donnacha HSLU I" userId="0f22e960-400a-43ff-baeb-4828c8f5cd3a" providerId="ADAL" clId="{554BA7E0-55EE-9746-83EC-F09BDB4BCF3A}" dt="2021-04-23T09:39:36.481" v="4609" actId="21"/>
          <ac:cxnSpMkLst>
            <pc:docMk/>
            <pc:sldMk cId="469919417" sldId="657"/>
            <ac:cxnSpMk id="46" creationId="{01A3256A-A733-964F-8E5A-035BBCCA3E13}"/>
          </ac:cxnSpMkLst>
        </pc:cxnChg>
        <pc:cxnChg chg="add del mod">
          <ac:chgData name="Daly Donnacha HSLU I" userId="0f22e960-400a-43ff-baeb-4828c8f5cd3a" providerId="ADAL" clId="{554BA7E0-55EE-9746-83EC-F09BDB4BCF3A}" dt="2021-04-23T09:39:36.481" v="4609" actId="21"/>
          <ac:cxnSpMkLst>
            <pc:docMk/>
            <pc:sldMk cId="469919417" sldId="657"/>
            <ac:cxnSpMk id="52" creationId="{8D309B17-0D0D-A74B-8670-F0A78D4C61FB}"/>
          </ac:cxnSpMkLst>
        </pc:cxnChg>
        <pc:cxnChg chg="add del mod">
          <ac:chgData name="Daly Donnacha HSLU I" userId="0f22e960-400a-43ff-baeb-4828c8f5cd3a" providerId="ADAL" clId="{554BA7E0-55EE-9746-83EC-F09BDB4BCF3A}" dt="2021-04-23T09:39:36.481" v="4609" actId="21"/>
          <ac:cxnSpMkLst>
            <pc:docMk/>
            <pc:sldMk cId="469919417" sldId="657"/>
            <ac:cxnSpMk id="53" creationId="{9F7ECF6D-808E-9D45-BF09-03A1365605E2}"/>
          </ac:cxnSpMkLst>
        </pc:cxnChg>
        <pc:cxnChg chg="add del mod">
          <ac:chgData name="Daly Donnacha HSLU I" userId="0f22e960-400a-43ff-baeb-4828c8f5cd3a" providerId="ADAL" clId="{554BA7E0-55EE-9746-83EC-F09BDB4BCF3A}" dt="2021-04-23T09:39:36.481" v="4609" actId="21"/>
          <ac:cxnSpMkLst>
            <pc:docMk/>
            <pc:sldMk cId="469919417" sldId="657"/>
            <ac:cxnSpMk id="54" creationId="{10DFA115-22FD-D64B-A267-C447F9165FD1}"/>
          </ac:cxnSpMkLst>
        </pc:cxnChg>
        <pc:cxnChg chg="add del mod">
          <ac:chgData name="Daly Donnacha HSLU I" userId="0f22e960-400a-43ff-baeb-4828c8f5cd3a" providerId="ADAL" clId="{554BA7E0-55EE-9746-83EC-F09BDB4BCF3A}" dt="2021-04-23T09:39:36.481" v="4609" actId="21"/>
          <ac:cxnSpMkLst>
            <pc:docMk/>
            <pc:sldMk cId="469919417" sldId="657"/>
            <ac:cxnSpMk id="57" creationId="{A7F44E3E-D58C-F94C-9373-ABE4BD039CBB}"/>
          </ac:cxnSpMkLst>
        </pc:cxnChg>
        <pc:cxnChg chg="add mod">
          <ac:chgData name="Daly Donnacha HSLU I" userId="0f22e960-400a-43ff-baeb-4828c8f5cd3a" providerId="ADAL" clId="{554BA7E0-55EE-9746-83EC-F09BDB4BCF3A}" dt="2021-04-23T09:39:41.042" v="4612"/>
          <ac:cxnSpMkLst>
            <pc:docMk/>
            <pc:sldMk cId="469919417" sldId="657"/>
            <ac:cxnSpMk id="62" creationId="{C7FE0CDF-D088-7F44-A3B5-E562740B9931}"/>
          </ac:cxnSpMkLst>
        </pc:cxnChg>
        <pc:cxnChg chg="add mod">
          <ac:chgData name="Daly Donnacha HSLU I" userId="0f22e960-400a-43ff-baeb-4828c8f5cd3a" providerId="ADAL" clId="{554BA7E0-55EE-9746-83EC-F09BDB4BCF3A}" dt="2021-04-23T09:39:41.042" v="4612"/>
          <ac:cxnSpMkLst>
            <pc:docMk/>
            <pc:sldMk cId="469919417" sldId="657"/>
            <ac:cxnSpMk id="63" creationId="{293C29B5-94AC-3B47-9557-7E5C7799E88B}"/>
          </ac:cxnSpMkLst>
        </pc:cxnChg>
        <pc:cxnChg chg="add mod">
          <ac:chgData name="Daly Donnacha HSLU I" userId="0f22e960-400a-43ff-baeb-4828c8f5cd3a" providerId="ADAL" clId="{554BA7E0-55EE-9746-83EC-F09BDB4BCF3A}" dt="2021-04-23T09:39:41.042" v="4612"/>
          <ac:cxnSpMkLst>
            <pc:docMk/>
            <pc:sldMk cId="469919417" sldId="657"/>
            <ac:cxnSpMk id="67" creationId="{BA3DFB2F-41C6-4447-969D-0A82F29D3EE3}"/>
          </ac:cxnSpMkLst>
        </pc:cxnChg>
        <pc:cxnChg chg="add mod">
          <ac:chgData name="Daly Donnacha HSLU I" userId="0f22e960-400a-43ff-baeb-4828c8f5cd3a" providerId="ADAL" clId="{554BA7E0-55EE-9746-83EC-F09BDB4BCF3A}" dt="2021-04-23T09:39:41.042" v="4612"/>
          <ac:cxnSpMkLst>
            <pc:docMk/>
            <pc:sldMk cId="469919417" sldId="657"/>
            <ac:cxnSpMk id="73" creationId="{E418BEFC-06C1-9243-A5B4-7FB0F4AEF397}"/>
          </ac:cxnSpMkLst>
        </pc:cxnChg>
        <pc:cxnChg chg="add mod">
          <ac:chgData name="Daly Donnacha HSLU I" userId="0f22e960-400a-43ff-baeb-4828c8f5cd3a" providerId="ADAL" clId="{554BA7E0-55EE-9746-83EC-F09BDB4BCF3A}" dt="2021-04-23T09:39:41.042" v="4612"/>
          <ac:cxnSpMkLst>
            <pc:docMk/>
            <pc:sldMk cId="469919417" sldId="657"/>
            <ac:cxnSpMk id="74" creationId="{CBF0D11C-8259-1F4F-B5F3-587E9BB5026A}"/>
          </ac:cxnSpMkLst>
        </pc:cxnChg>
        <pc:cxnChg chg="add mod">
          <ac:chgData name="Daly Donnacha HSLU I" userId="0f22e960-400a-43ff-baeb-4828c8f5cd3a" providerId="ADAL" clId="{554BA7E0-55EE-9746-83EC-F09BDB4BCF3A}" dt="2021-04-23T09:39:41.042" v="4612"/>
          <ac:cxnSpMkLst>
            <pc:docMk/>
            <pc:sldMk cId="469919417" sldId="657"/>
            <ac:cxnSpMk id="75" creationId="{3B45FEF2-74C0-B049-A1C7-F20E988A3517}"/>
          </ac:cxnSpMkLst>
        </pc:cxnChg>
        <pc:cxnChg chg="add mod">
          <ac:chgData name="Daly Donnacha HSLU I" userId="0f22e960-400a-43ff-baeb-4828c8f5cd3a" providerId="ADAL" clId="{554BA7E0-55EE-9746-83EC-F09BDB4BCF3A}" dt="2021-04-23T09:39:41.042" v="4612"/>
          <ac:cxnSpMkLst>
            <pc:docMk/>
            <pc:sldMk cId="469919417" sldId="657"/>
            <ac:cxnSpMk id="78" creationId="{DC5A015E-2523-3741-9AC9-B8BC2A4AFE93}"/>
          </ac:cxnSpMkLst>
        </pc:cxnChg>
      </pc:sldChg>
      <pc:sldChg chg="addSp delSp modSp add mod">
        <pc:chgData name="Daly Donnacha HSLU I" userId="0f22e960-400a-43ff-baeb-4828c8f5cd3a" providerId="ADAL" clId="{554BA7E0-55EE-9746-83EC-F09BDB4BCF3A}" dt="2021-04-27T10:55:36.742" v="8513" actId="14100"/>
        <pc:sldMkLst>
          <pc:docMk/>
          <pc:sldMk cId="4042002621" sldId="658"/>
        </pc:sldMkLst>
        <pc:spChg chg="mod">
          <ac:chgData name="Daly Donnacha HSLU I" userId="0f22e960-400a-43ff-baeb-4828c8f5cd3a" providerId="ADAL" clId="{554BA7E0-55EE-9746-83EC-F09BDB4BCF3A}" dt="2021-04-23T15:05:55.093" v="8438" actId="20577"/>
          <ac:spMkLst>
            <pc:docMk/>
            <pc:sldMk cId="4042002621" sldId="658"/>
            <ac:spMk id="2" creationId="{C5C4C947-44AD-8F42-9375-0CC61DF5424F}"/>
          </ac:spMkLst>
        </pc:spChg>
        <pc:spChg chg="mod">
          <ac:chgData name="Daly Donnacha HSLU I" userId="0f22e960-400a-43ff-baeb-4828c8f5cd3a" providerId="ADAL" clId="{554BA7E0-55EE-9746-83EC-F09BDB4BCF3A}" dt="2021-04-23T09:43:03.448" v="4764" actId="1035"/>
          <ac:spMkLst>
            <pc:docMk/>
            <pc:sldMk cId="4042002621" sldId="658"/>
            <ac:spMk id="3" creationId="{F6E72908-8D4B-9A4F-8A20-1FC6A3F9B077}"/>
          </ac:spMkLst>
        </pc:spChg>
        <pc:spChg chg="mod">
          <ac:chgData name="Daly Donnacha HSLU I" userId="0f22e960-400a-43ff-baeb-4828c8f5cd3a" providerId="ADAL" clId="{554BA7E0-55EE-9746-83EC-F09BDB4BCF3A}" dt="2021-04-23T09:43:03.448" v="4764" actId="1035"/>
          <ac:spMkLst>
            <pc:docMk/>
            <pc:sldMk cId="4042002621" sldId="658"/>
            <ac:spMk id="6" creationId="{0EEE549D-B4B3-394E-B2AF-0283601D9B2D}"/>
          </ac:spMkLst>
        </pc:spChg>
        <pc:spChg chg="mod">
          <ac:chgData name="Daly Donnacha HSLU I" userId="0f22e960-400a-43ff-baeb-4828c8f5cd3a" providerId="ADAL" clId="{554BA7E0-55EE-9746-83EC-F09BDB4BCF3A}" dt="2021-04-23T09:43:03.448" v="4764" actId="1035"/>
          <ac:spMkLst>
            <pc:docMk/>
            <pc:sldMk cId="4042002621" sldId="658"/>
            <ac:spMk id="7" creationId="{A2AE611A-9630-6547-9F11-DC228C8C7DF4}"/>
          </ac:spMkLst>
        </pc:spChg>
        <pc:spChg chg="mod">
          <ac:chgData name="Daly Donnacha HSLU I" userId="0f22e960-400a-43ff-baeb-4828c8f5cd3a" providerId="ADAL" clId="{554BA7E0-55EE-9746-83EC-F09BDB4BCF3A}" dt="2021-04-23T09:43:03.448" v="4764" actId="1035"/>
          <ac:spMkLst>
            <pc:docMk/>
            <pc:sldMk cId="4042002621" sldId="658"/>
            <ac:spMk id="8" creationId="{83F88935-DE36-9E4B-9FFA-F72EEB690E4E}"/>
          </ac:spMkLst>
        </pc:spChg>
        <pc:spChg chg="mod">
          <ac:chgData name="Daly Donnacha HSLU I" userId="0f22e960-400a-43ff-baeb-4828c8f5cd3a" providerId="ADAL" clId="{554BA7E0-55EE-9746-83EC-F09BDB4BCF3A}" dt="2021-04-23T09:43:03.448" v="4764" actId="1035"/>
          <ac:spMkLst>
            <pc:docMk/>
            <pc:sldMk cId="4042002621" sldId="658"/>
            <ac:spMk id="12" creationId="{710F8B60-D24D-1348-B04F-95ED2354D9E0}"/>
          </ac:spMkLst>
        </pc:spChg>
        <pc:spChg chg="mod">
          <ac:chgData name="Daly Donnacha HSLU I" userId="0f22e960-400a-43ff-baeb-4828c8f5cd3a" providerId="ADAL" clId="{554BA7E0-55EE-9746-83EC-F09BDB4BCF3A}" dt="2021-04-23T09:48:45.766" v="4921" actId="20577"/>
          <ac:spMkLst>
            <pc:docMk/>
            <pc:sldMk cId="4042002621" sldId="658"/>
            <ac:spMk id="21" creationId="{AB6E608E-8FE5-B848-B2CF-5B1D2137FA49}"/>
          </ac:spMkLst>
        </pc:spChg>
        <pc:spChg chg="add mod">
          <ac:chgData name="Daly Donnacha HSLU I" userId="0f22e960-400a-43ff-baeb-4828c8f5cd3a" providerId="ADAL" clId="{554BA7E0-55EE-9746-83EC-F09BDB4BCF3A}" dt="2021-04-23T09:43:03.448" v="4764" actId="1035"/>
          <ac:spMkLst>
            <pc:docMk/>
            <pc:sldMk cId="4042002621" sldId="658"/>
            <ac:spMk id="22" creationId="{0E8174DE-D23A-A64A-A5F1-FA2A41159CDA}"/>
          </ac:spMkLst>
        </pc:spChg>
        <pc:spChg chg="add mod">
          <ac:chgData name="Daly Donnacha HSLU I" userId="0f22e960-400a-43ff-baeb-4828c8f5cd3a" providerId="ADAL" clId="{554BA7E0-55EE-9746-83EC-F09BDB4BCF3A}" dt="2021-04-23T09:43:03.448" v="4764" actId="1035"/>
          <ac:spMkLst>
            <pc:docMk/>
            <pc:sldMk cId="4042002621" sldId="658"/>
            <ac:spMk id="23" creationId="{DADC1986-AC63-D144-97A8-9D7C0B5F5800}"/>
          </ac:spMkLst>
        </pc:spChg>
        <pc:spChg chg="add mod">
          <ac:chgData name="Daly Donnacha HSLU I" userId="0f22e960-400a-43ff-baeb-4828c8f5cd3a" providerId="ADAL" clId="{554BA7E0-55EE-9746-83EC-F09BDB4BCF3A}" dt="2021-04-23T09:43:03.448" v="4764" actId="1035"/>
          <ac:spMkLst>
            <pc:docMk/>
            <pc:sldMk cId="4042002621" sldId="658"/>
            <ac:spMk id="24" creationId="{200DDB45-03FF-F04C-967F-0B982B9BAF62}"/>
          </ac:spMkLst>
        </pc:spChg>
        <pc:spChg chg="add mod">
          <ac:chgData name="Daly Donnacha HSLU I" userId="0f22e960-400a-43ff-baeb-4828c8f5cd3a" providerId="ADAL" clId="{554BA7E0-55EE-9746-83EC-F09BDB4BCF3A}" dt="2021-04-23T09:43:03.448" v="4764" actId="1035"/>
          <ac:spMkLst>
            <pc:docMk/>
            <pc:sldMk cId="4042002621" sldId="658"/>
            <ac:spMk id="28" creationId="{374A32A7-125F-2A45-B588-E1D1CF5D82A4}"/>
          </ac:spMkLst>
        </pc:spChg>
        <pc:spChg chg="add mod">
          <ac:chgData name="Daly Donnacha HSLU I" userId="0f22e960-400a-43ff-baeb-4828c8f5cd3a" providerId="ADAL" clId="{554BA7E0-55EE-9746-83EC-F09BDB4BCF3A}" dt="2021-04-23T09:43:03.448" v="4764" actId="1035"/>
          <ac:spMkLst>
            <pc:docMk/>
            <pc:sldMk cId="4042002621" sldId="658"/>
            <ac:spMk id="31" creationId="{12061B32-2173-E14C-9CDB-2C9F4699D55E}"/>
          </ac:spMkLst>
        </pc:spChg>
        <pc:spChg chg="del">
          <ac:chgData name="Daly Donnacha HSLU I" userId="0f22e960-400a-43ff-baeb-4828c8f5cd3a" providerId="ADAL" clId="{554BA7E0-55EE-9746-83EC-F09BDB4BCF3A}" dt="2021-04-23T08:31:32.639" v="4463" actId="478"/>
          <ac:spMkLst>
            <pc:docMk/>
            <pc:sldMk cId="4042002621" sldId="658"/>
            <ac:spMk id="34" creationId="{90A487C8-4A6B-C049-A3DB-91C86C1EF280}"/>
          </ac:spMkLst>
        </pc:spChg>
        <pc:spChg chg="add mod">
          <ac:chgData name="Daly Donnacha HSLU I" userId="0f22e960-400a-43ff-baeb-4828c8f5cd3a" providerId="ADAL" clId="{554BA7E0-55EE-9746-83EC-F09BDB4BCF3A}" dt="2021-04-23T09:48:48.689" v="4923" actId="20577"/>
          <ac:spMkLst>
            <pc:docMk/>
            <pc:sldMk cId="4042002621" sldId="658"/>
            <ac:spMk id="37" creationId="{ED43503B-6E84-7247-A18E-918AA02213A4}"/>
          </ac:spMkLst>
        </pc:spChg>
        <pc:spChg chg="add mod">
          <ac:chgData name="Daly Donnacha HSLU I" userId="0f22e960-400a-43ff-baeb-4828c8f5cd3a" providerId="ADAL" clId="{554BA7E0-55EE-9746-83EC-F09BDB4BCF3A}" dt="2021-04-23T09:43:03.448" v="4764" actId="1035"/>
          <ac:spMkLst>
            <pc:docMk/>
            <pc:sldMk cId="4042002621" sldId="658"/>
            <ac:spMk id="46" creationId="{213BDC09-76F0-AC47-AA06-CB9FF3416E2B}"/>
          </ac:spMkLst>
        </pc:spChg>
        <pc:spChg chg="add mod">
          <ac:chgData name="Daly Donnacha HSLU I" userId="0f22e960-400a-43ff-baeb-4828c8f5cd3a" providerId="ADAL" clId="{554BA7E0-55EE-9746-83EC-F09BDB4BCF3A}" dt="2021-04-23T09:43:03.448" v="4764" actId="1035"/>
          <ac:spMkLst>
            <pc:docMk/>
            <pc:sldMk cId="4042002621" sldId="658"/>
            <ac:spMk id="47" creationId="{B9141CD5-CBCE-0649-AE7F-7356BE5D51BD}"/>
          </ac:spMkLst>
        </pc:spChg>
        <pc:spChg chg="add mod">
          <ac:chgData name="Daly Donnacha HSLU I" userId="0f22e960-400a-43ff-baeb-4828c8f5cd3a" providerId="ADAL" clId="{554BA7E0-55EE-9746-83EC-F09BDB4BCF3A}" dt="2021-04-23T09:43:03.448" v="4764" actId="1035"/>
          <ac:spMkLst>
            <pc:docMk/>
            <pc:sldMk cId="4042002621" sldId="658"/>
            <ac:spMk id="48" creationId="{05BCE943-8558-F14B-842C-E4824C4DC93E}"/>
          </ac:spMkLst>
        </pc:spChg>
        <pc:spChg chg="add mod">
          <ac:chgData name="Daly Donnacha HSLU I" userId="0f22e960-400a-43ff-baeb-4828c8f5cd3a" providerId="ADAL" clId="{554BA7E0-55EE-9746-83EC-F09BDB4BCF3A}" dt="2021-04-23T09:43:03.448" v="4764" actId="1035"/>
          <ac:spMkLst>
            <pc:docMk/>
            <pc:sldMk cId="4042002621" sldId="658"/>
            <ac:spMk id="49" creationId="{F1A23DDC-ADFC-0446-BEB8-DC0CBB6C7DF2}"/>
          </ac:spMkLst>
        </pc:spChg>
        <pc:spChg chg="add mod">
          <ac:chgData name="Daly Donnacha HSLU I" userId="0f22e960-400a-43ff-baeb-4828c8f5cd3a" providerId="ADAL" clId="{554BA7E0-55EE-9746-83EC-F09BDB4BCF3A}" dt="2021-04-23T09:43:03.448" v="4764" actId="1035"/>
          <ac:spMkLst>
            <pc:docMk/>
            <pc:sldMk cId="4042002621" sldId="658"/>
            <ac:spMk id="52" creationId="{8CC57ACE-D3A0-9342-968A-5384B65004DB}"/>
          </ac:spMkLst>
        </pc:spChg>
        <pc:spChg chg="add mod">
          <ac:chgData name="Daly Donnacha HSLU I" userId="0f22e960-400a-43ff-baeb-4828c8f5cd3a" providerId="ADAL" clId="{554BA7E0-55EE-9746-83EC-F09BDB4BCF3A}" dt="2021-04-23T09:48:51.449" v="4925" actId="20577"/>
          <ac:spMkLst>
            <pc:docMk/>
            <pc:sldMk cId="4042002621" sldId="658"/>
            <ac:spMk id="57" creationId="{DC473213-8BC7-AA49-B0F9-E8223EA25DC8}"/>
          </ac:spMkLst>
        </pc:spChg>
        <pc:spChg chg="add mod">
          <ac:chgData name="Daly Donnacha HSLU I" userId="0f22e960-400a-43ff-baeb-4828c8f5cd3a" providerId="ADAL" clId="{554BA7E0-55EE-9746-83EC-F09BDB4BCF3A}" dt="2021-04-27T10:55:36.742" v="8513" actId="14100"/>
          <ac:spMkLst>
            <pc:docMk/>
            <pc:sldMk cId="4042002621" sldId="658"/>
            <ac:spMk id="64" creationId="{3707DB44-2CF1-D942-A9D1-DF7BECAB16A9}"/>
          </ac:spMkLst>
        </pc:spChg>
        <pc:picChg chg="add mod">
          <ac:chgData name="Daly Donnacha HSLU I" userId="0f22e960-400a-43ff-baeb-4828c8f5cd3a" providerId="ADAL" clId="{554BA7E0-55EE-9746-83EC-F09BDB4BCF3A}" dt="2021-04-23T09:50:47.625" v="4955" actId="1076"/>
          <ac:picMkLst>
            <pc:docMk/>
            <pc:sldMk cId="4042002621" sldId="658"/>
            <ac:picMk id="5" creationId="{6D2F3B13-779D-C740-B433-B7FA1BA60C98}"/>
          </ac:picMkLst>
        </pc:picChg>
        <pc:picChg chg="add mod">
          <ac:chgData name="Daly Donnacha HSLU I" userId="0f22e960-400a-43ff-baeb-4828c8f5cd3a" providerId="ADAL" clId="{554BA7E0-55EE-9746-83EC-F09BDB4BCF3A}" dt="2021-04-23T09:50:34.177" v="4954" actId="1076"/>
          <ac:picMkLst>
            <pc:docMk/>
            <pc:sldMk cId="4042002621" sldId="658"/>
            <ac:picMk id="11" creationId="{9DC07560-242E-B543-B365-77D93470EEDB}"/>
          </ac:picMkLst>
        </pc:picChg>
        <pc:picChg chg="del mod">
          <ac:chgData name="Daly Donnacha HSLU I" userId="0f22e960-400a-43ff-baeb-4828c8f5cd3a" providerId="ADAL" clId="{554BA7E0-55EE-9746-83EC-F09BDB4BCF3A}" dt="2021-04-23T09:49:31.169" v="4935" actId="478"/>
          <ac:picMkLst>
            <pc:docMk/>
            <pc:sldMk cId="4042002621" sldId="658"/>
            <ac:picMk id="13" creationId="{F10520EC-905B-E24D-87FD-C3207D55B751}"/>
          </ac:picMkLst>
        </pc:picChg>
        <pc:picChg chg="del mod">
          <ac:chgData name="Daly Donnacha HSLU I" userId="0f22e960-400a-43ff-baeb-4828c8f5cd3a" providerId="ADAL" clId="{554BA7E0-55EE-9746-83EC-F09BDB4BCF3A}" dt="2021-04-23T09:49:31.169" v="4935" actId="478"/>
          <ac:picMkLst>
            <pc:docMk/>
            <pc:sldMk cId="4042002621" sldId="658"/>
            <ac:picMk id="14" creationId="{560AF726-01F0-AE49-8F9C-8D4E52AA2FFB}"/>
          </ac:picMkLst>
        </pc:picChg>
        <pc:picChg chg="add mod">
          <ac:chgData name="Daly Donnacha HSLU I" userId="0f22e960-400a-43ff-baeb-4828c8f5cd3a" providerId="ADAL" clId="{554BA7E0-55EE-9746-83EC-F09BDB4BCF3A}" dt="2021-04-23T09:50:26.406" v="4951" actId="1076"/>
          <ac:picMkLst>
            <pc:docMk/>
            <pc:sldMk cId="4042002621" sldId="658"/>
            <ac:picMk id="15" creationId="{77F72CDB-93A9-6448-B58D-66F05DC1B7CB}"/>
          </ac:picMkLst>
        </pc:picChg>
        <pc:picChg chg="del mod">
          <ac:chgData name="Daly Donnacha HSLU I" userId="0f22e960-400a-43ff-baeb-4828c8f5cd3a" providerId="ADAL" clId="{554BA7E0-55EE-9746-83EC-F09BDB4BCF3A}" dt="2021-04-23T09:49:31.169" v="4935" actId="478"/>
          <ac:picMkLst>
            <pc:docMk/>
            <pc:sldMk cId="4042002621" sldId="658"/>
            <ac:picMk id="17" creationId="{F68E6E81-739E-2D4D-82EF-BA1D37EE440B}"/>
          </ac:picMkLst>
        </pc:picChg>
        <pc:picChg chg="add mod">
          <ac:chgData name="Daly Donnacha HSLU I" userId="0f22e960-400a-43ff-baeb-4828c8f5cd3a" providerId="ADAL" clId="{554BA7E0-55EE-9746-83EC-F09BDB4BCF3A}" dt="2021-04-23T09:50:18.303" v="4948" actId="1076"/>
          <ac:picMkLst>
            <pc:docMk/>
            <pc:sldMk cId="4042002621" sldId="658"/>
            <ac:picMk id="18" creationId="{83460F8A-1614-3B4E-9237-CF9F4B3170C8}"/>
          </ac:picMkLst>
        </pc:picChg>
        <pc:picChg chg="add mod">
          <ac:chgData name="Daly Donnacha HSLU I" userId="0f22e960-400a-43ff-baeb-4828c8f5cd3a" providerId="ADAL" clId="{554BA7E0-55EE-9746-83EC-F09BDB4BCF3A}" dt="2021-04-23T09:50:09.569" v="4945" actId="1076"/>
          <ac:picMkLst>
            <pc:docMk/>
            <pc:sldMk cId="4042002621" sldId="658"/>
            <ac:picMk id="19" creationId="{F0557B68-6113-ED47-B815-37EC06172957}"/>
          </ac:picMkLst>
        </pc:picChg>
        <pc:picChg chg="add mod">
          <ac:chgData name="Daly Donnacha HSLU I" userId="0f22e960-400a-43ff-baeb-4828c8f5cd3a" providerId="ADAL" clId="{554BA7E0-55EE-9746-83EC-F09BDB4BCF3A}" dt="2021-04-23T09:49:53.568" v="4941" actId="1076"/>
          <ac:picMkLst>
            <pc:docMk/>
            <pc:sldMk cId="4042002621" sldId="658"/>
            <ac:picMk id="20" creationId="{BE9EFD93-E4FB-A04F-81FA-F8E89315098C}"/>
          </ac:picMkLst>
        </pc:picChg>
        <pc:picChg chg="del mod">
          <ac:chgData name="Daly Donnacha HSLU I" userId="0f22e960-400a-43ff-baeb-4828c8f5cd3a" providerId="ADAL" clId="{554BA7E0-55EE-9746-83EC-F09BDB4BCF3A}" dt="2021-04-23T09:48:42.185" v="4919" actId="478"/>
          <ac:picMkLst>
            <pc:docMk/>
            <pc:sldMk cId="4042002621" sldId="658"/>
            <ac:picMk id="25" creationId="{0D382448-F64E-FD40-B739-5466D1F3C7BF}"/>
          </ac:picMkLst>
        </pc:picChg>
        <pc:picChg chg="del mod">
          <ac:chgData name="Daly Donnacha HSLU I" userId="0f22e960-400a-43ff-baeb-4828c8f5cd3a" providerId="ADAL" clId="{554BA7E0-55EE-9746-83EC-F09BDB4BCF3A}" dt="2021-04-23T09:48:42.185" v="4919" actId="478"/>
          <ac:picMkLst>
            <pc:docMk/>
            <pc:sldMk cId="4042002621" sldId="658"/>
            <ac:picMk id="26" creationId="{C0833613-281A-6444-AAAB-81BA845F399A}"/>
          </ac:picMkLst>
        </pc:picChg>
        <pc:picChg chg="del mod">
          <ac:chgData name="Daly Donnacha HSLU I" userId="0f22e960-400a-43ff-baeb-4828c8f5cd3a" providerId="ADAL" clId="{554BA7E0-55EE-9746-83EC-F09BDB4BCF3A}" dt="2021-04-23T09:48:42.185" v="4919" actId="478"/>
          <ac:picMkLst>
            <pc:docMk/>
            <pc:sldMk cId="4042002621" sldId="658"/>
            <ac:picMk id="27" creationId="{ACEC7076-44B5-4F4D-B737-163AF146B6B6}"/>
          </ac:picMkLst>
        </pc:picChg>
        <pc:picChg chg="add del mod">
          <ac:chgData name="Daly Donnacha HSLU I" userId="0f22e960-400a-43ff-baeb-4828c8f5cd3a" providerId="ADAL" clId="{554BA7E0-55EE-9746-83EC-F09BDB4BCF3A}" dt="2021-04-23T09:49:31.169" v="4935" actId="478"/>
          <ac:picMkLst>
            <pc:docMk/>
            <pc:sldMk cId="4042002621" sldId="658"/>
            <ac:picMk id="32" creationId="{CA9DB1F7-7D4B-A14B-BFC1-19C11B30F0FA}"/>
          </ac:picMkLst>
        </pc:picChg>
        <pc:picChg chg="add del mod">
          <ac:chgData name="Daly Donnacha HSLU I" userId="0f22e960-400a-43ff-baeb-4828c8f5cd3a" providerId="ADAL" clId="{554BA7E0-55EE-9746-83EC-F09BDB4BCF3A}" dt="2021-04-23T09:49:31.169" v="4935" actId="478"/>
          <ac:picMkLst>
            <pc:docMk/>
            <pc:sldMk cId="4042002621" sldId="658"/>
            <ac:picMk id="33" creationId="{DF8A9750-5CFA-8F4E-97B3-9626FF442AE0}"/>
          </ac:picMkLst>
        </pc:picChg>
        <pc:picChg chg="add mod">
          <ac:chgData name="Daly Donnacha HSLU I" userId="0f22e960-400a-43ff-baeb-4828c8f5cd3a" providerId="ADAL" clId="{554BA7E0-55EE-9746-83EC-F09BDB4BCF3A}" dt="2021-04-23T09:49:47.840" v="4940" actId="1076"/>
          <ac:picMkLst>
            <pc:docMk/>
            <pc:sldMk cId="4042002621" sldId="658"/>
            <ac:picMk id="34" creationId="{6CF8A966-D09F-5E47-B27F-0F9F8EDC979B}"/>
          </ac:picMkLst>
        </pc:picChg>
        <pc:picChg chg="add del mod">
          <ac:chgData name="Daly Donnacha HSLU I" userId="0f22e960-400a-43ff-baeb-4828c8f5cd3a" providerId="ADAL" clId="{554BA7E0-55EE-9746-83EC-F09BDB4BCF3A}" dt="2021-04-23T09:49:31.169" v="4935" actId="478"/>
          <ac:picMkLst>
            <pc:docMk/>
            <pc:sldMk cId="4042002621" sldId="658"/>
            <ac:picMk id="36" creationId="{B63BD2EE-8AFE-9848-89EC-346BF62839E4}"/>
          </ac:picMkLst>
        </pc:picChg>
        <pc:picChg chg="add del mod">
          <ac:chgData name="Daly Donnacha HSLU I" userId="0f22e960-400a-43ff-baeb-4828c8f5cd3a" providerId="ADAL" clId="{554BA7E0-55EE-9746-83EC-F09BDB4BCF3A}" dt="2021-04-23T09:50:50.420" v="4956" actId="478"/>
          <ac:picMkLst>
            <pc:docMk/>
            <pc:sldMk cId="4042002621" sldId="658"/>
            <ac:picMk id="38" creationId="{A4680A78-3D72-9545-AAF9-908E146A288B}"/>
          </ac:picMkLst>
        </pc:picChg>
        <pc:picChg chg="add del mod">
          <ac:chgData name="Daly Donnacha HSLU I" userId="0f22e960-400a-43ff-baeb-4828c8f5cd3a" providerId="ADAL" clId="{554BA7E0-55EE-9746-83EC-F09BDB4BCF3A}" dt="2021-04-23T09:40:16.987" v="4614" actId="478"/>
          <ac:picMkLst>
            <pc:docMk/>
            <pc:sldMk cId="4042002621" sldId="658"/>
            <ac:picMk id="39" creationId="{ABD0FBED-282B-2840-9DBA-D3972F708FDA}"/>
          </ac:picMkLst>
        </pc:picChg>
        <pc:picChg chg="add del mod">
          <ac:chgData name="Daly Donnacha HSLU I" userId="0f22e960-400a-43ff-baeb-4828c8f5cd3a" providerId="ADAL" clId="{554BA7E0-55EE-9746-83EC-F09BDB4BCF3A}" dt="2021-04-23T09:48:42.185" v="4919" actId="478"/>
          <ac:picMkLst>
            <pc:docMk/>
            <pc:sldMk cId="4042002621" sldId="658"/>
            <ac:picMk id="40" creationId="{973A0069-E398-074F-8A64-DCF72D08837C}"/>
          </ac:picMkLst>
        </pc:picChg>
        <pc:picChg chg="add del mod">
          <ac:chgData name="Daly Donnacha HSLU I" userId="0f22e960-400a-43ff-baeb-4828c8f5cd3a" providerId="ADAL" clId="{554BA7E0-55EE-9746-83EC-F09BDB4BCF3A}" dt="2021-04-23T09:49:31.169" v="4935" actId="478"/>
          <ac:picMkLst>
            <pc:docMk/>
            <pc:sldMk cId="4042002621" sldId="658"/>
            <ac:picMk id="53" creationId="{7813EBB7-7020-0C49-8050-A94EDD476D8D}"/>
          </ac:picMkLst>
        </pc:picChg>
        <pc:picChg chg="add del mod">
          <ac:chgData name="Daly Donnacha HSLU I" userId="0f22e960-400a-43ff-baeb-4828c8f5cd3a" providerId="ADAL" clId="{554BA7E0-55EE-9746-83EC-F09BDB4BCF3A}" dt="2021-04-23T09:49:31.169" v="4935" actId="478"/>
          <ac:picMkLst>
            <pc:docMk/>
            <pc:sldMk cId="4042002621" sldId="658"/>
            <ac:picMk id="54" creationId="{0C154CD7-7332-AA4C-A925-95F81A8B9F20}"/>
          </ac:picMkLst>
        </pc:picChg>
        <pc:picChg chg="add del mod">
          <ac:chgData name="Daly Donnacha HSLU I" userId="0f22e960-400a-43ff-baeb-4828c8f5cd3a" providerId="ADAL" clId="{554BA7E0-55EE-9746-83EC-F09BDB4BCF3A}" dt="2021-04-23T09:49:31.169" v="4935" actId="478"/>
          <ac:picMkLst>
            <pc:docMk/>
            <pc:sldMk cId="4042002621" sldId="658"/>
            <ac:picMk id="56" creationId="{F143D566-042D-B049-9CFC-274C7D64F256}"/>
          </ac:picMkLst>
        </pc:picChg>
        <pc:picChg chg="add del mod">
          <ac:chgData name="Daly Donnacha HSLU I" userId="0f22e960-400a-43ff-baeb-4828c8f5cd3a" providerId="ADAL" clId="{554BA7E0-55EE-9746-83EC-F09BDB4BCF3A}" dt="2021-04-23T09:48:42.185" v="4919" actId="478"/>
          <ac:picMkLst>
            <pc:docMk/>
            <pc:sldMk cId="4042002621" sldId="658"/>
            <ac:picMk id="58" creationId="{30405188-C468-5C44-95CE-2D8595FF73BE}"/>
          </ac:picMkLst>
        </pc:picChg>
        <pc:picChg chg="add del mod">
          <ac:chgData name="Daly Donnacha HSLU I" userId="0f22e960-400a-43ff-baeb-4828c8f5cd3a" providerId="ADAL" clId="{554BA7E0-55EE-9746-83EC-F09BDB4BCF3A}" dt="2021-04-23T09:48:42.185" v="4919" actId="478"/>
          <ac:picMkLst>
            <pc:docMk/>
            <pc:sldMk cId="4042002621" sldId="658"/>
            <ac:picMk id="59" creationId="{0D21FAAC-3ACF-2449-91F6-E107F86BB320}"/>
          </ac:picMkLst>
        </pc:picChg>
        <pc:picChg chg="add del mod">
          <ac:chgData name="Daly Donnacha HSLU I" userId="0f22e960-400a-43ff-baeb-4828c8f5cd3a" providerId="ADAL" clId="{554BA7E0-55EE-9746-83EC-F09BDB4BCF3A}" dt="2021-04-23T09:48:42.185" v="4919" actId="478"/>
          <ac:picMkLst>
            <pc:docMk/>
            <pc:sldMk cId="4042002621" sldId="658"/>
            <ac:picMk id="60" creationId="{EE879E0B-076E-8B48-83B6-831A3FCFAE5A}"/>
          </ac:picMkLst>
        </pc:picChg>
        <pc:picChg chg="add mod">
          <ac:chgData name="Daly Donnacha HSLU I" userId="0f22e960-400a-43ff-baeb-4828c8f5cd3a" providerId="ADAL" clId="{554BA7E0-55EE-9746-83EC-F09BDB4BCF3A}" dt="2021-04-23T09:49:38.240" v="4937" actId="14100"/>
          <ac:picMkLst>
            <pc:docMk/>
            <pc:sldMk cId="4042002621" sldId="658"/>
            <ac:picMk id="65" creationId="{A3AACF7A-66EC-7443-87AD-F2DB8D94E6BB}"/>
          </ac:picMkLst>
        </pc:picChg>
        <pc:picChg chg="add mod">
          <ac:chgData name="Daly Donnacha HSLU I" userId="0f22e960-400a-43ff-baeb-4828c8f5cd3a" providerId="ADAL" clId="{554BA7E0-55EE-9746-83EC-F09BDB4BCF3A}" dt="2021-04-23T09:54:57.484" v="4984" actId="1076"/>
          <ac:picMkLst>
            <pc:docMk/>
            <pc:sldMk cId="4042002621" sldId="658"/>
            <ac:picMk id="66" creationId="{0DDA2BD8-BE23-8F4A-870A-6612E04814C5}"/>
          </ac:picMkLst>
        </pc:picChg>
        <pc:picChg chg="add mod">
          <ac:chgData name="Daly Donnacha HSLU I" userId="0f22e960-400a-43ff-baeb-4828c8f5cd3a" providerId="ADAL" clId="{554BA7E0-55EE-9746-83EC-F09BDB4BCF3A}" dt="2021-04-23T09:49:13.689" v="4932" actId="1076"/>
          <ac:picMkLst>
            <pc:docMk/>
            <pc:sldMk cId="4042002621" sldId="658"/>
            <ac:picMk id="67" creationId="{037733A0-6AD0-7E49-9AD7-F566E8F17474}"/>
          </ac:picMkLst>
        </pc:picChg>
        <pc:picChg chg="add mod">
          <ac:chgData name="Daly Donnacha HSLU I" userId="0f22e960-400a-43ff-baeb-4828c8f5cd3a" providerId="ADAL" clId="{554BA7E0-55EE-9746-83EC-F09BDB4BCF3A}" dt="2021-04-23T09:51:35.359" v="4970" actId="1076"/>
          <ac:picMkLst>
            <pc:docMk/>
            <pc:sldMk cId="4042002621" sldId="658"/>
            <ac:picMk id="68" creationId="{A101CABE-DD96-3A43-A4E7-9176C231FBAA}"/>
          </ac:picMkLst>
        </pc:picChg>
        <pc:picChg chg="add mod">
          <ac:chgData name="Daly Donnacha HSLU I" userId="0f22e960-400a-43ff-baeb-4828c8f5cd3a" providerId="ADAL" clId="{554BA7E0-55EE-9746-83EC-F09BDB4BCF3A}" dt="2021-04-23T09:55:36.530" v="5000" actId="14100"/>
          <ac:picMkLst>
            <pc:docMk/>
            <pc:sldMk cId="4042002621" sldId="658"/>
            <ac:picMk id="69" creationId="{805DE57E-454C-8345-B867-EF41CDA8604A}"/>
          </ac:picMkLst>
        </pc:picChg>
        <pc:picChg chg="add mod">
          <ac:chgData name="Daly Donnacha HSLU I" userId="0f22e960-400a-43ff-baeb-4828c8f5cd3a" providerId="ADAL" clId="{554BA7E0-55EE-9746-83EC-F09BDB4BCF3A}" dt="2021-04-23T09:55:25.053" v="4998" actId="1076"/>
          <ac:picMkLst>
            <pc:docMk/>
            <pc:sldMk cId="4042002621" sldId="658"/>
            <ac:picMk id="70" creationId="{B5AEF059-2ABE-D14F-A69E-AE60CB11FAE3}"/>
          </ac:picMkLst>
        </pc:picChg>
        <pc:picChg chg="add mod">
          <ac:chgData name="Daly Donnacha HSLU I" userId="0f22e960-400a-43ff-baeb-4828c8f5cd3a" providerId="ADAL" clId="{554BA7E0-55EE-9746-83EC-F09BDB4BCF3A}" dt="2021-04-23T09:55:14.349" v="4996" actId="14100"/>
          <ac:picMkLst>
            <pc:docMk/>
            <pc:sldMk cId="4042002621" sldId="658"/>
            <ac:picMk id="71" creationId="{AA8D5AD4-220B-9143-8880-7FC14700D663}"/>
          </ac:picMkLst>
        </pc:picChg>
        <pc:picChg chg="add mod">
          <ac:chgData name="Daly Donnacha HSLU I" userId="0f22e960-400a-43ff-baeb-4828c8f5cd3a" providerId="ADAL" clId="{554BA7E0-55EE-9746-83EC-F09BDB4BCF3A}" dt="2021-04-23T09:55:09.436" v="4994" actId="1076"/>
          <ac:picMkLst>
            <pc:docMk/>
            <pc:sldMk cId="4042002621" sldId="658"/>
            <ac:picMk id="72" creationId="{87664F0B-E3C1-8449-99CC-AA50E8134411}"/>
          </ac:picMkLst>
        </pc:picChg>
        <pc:picChg chg="add mod">
          <ac:chgData name="Daly Donnacha HSLU I" userId="0f22e960-400a-43ff-baeb-4828c8f5cd3a" providerId="ADAL" clId="{554BA7E0-55EE-9746-83EC-F09BDB4BCF3A}" dt="2021-04-23T09:55:21.089" v="4997" actId="1076"/>
          <ac:picMkLst>
            <pc:docMk/>
            <pc:sldMk cId="4042002621" sldId="658"/>
            <ac:picMk id="73" creationId="{D2F4D950-0C3A-D64D-B2A9-FE4FEE3B6D0C}"/>
          </ac:picMkLst>
        </pc:picChg>
        <pc:cxnChg chg="mod">
          <ac:chgData name="Daly Donnacha HSLU I" userId="0f22e960-400a-43ff-baeb-4828c8f5cd3a" providerId="ADAL" clId="{554BA7E0-55EE-9746-83EC-F09BDB4BCF3A}" dt="2021-04-23T09:43:03.448" v="4764" actId="1035"/>
          <ac:cxnSpMkLst>
            <pc:docMk/>
            <pc:sldMk cId="4042002621" sldId="658"/>
            <ac:cxnSpMk id="4" creationId="{95529300-A38D-6F4A-BEBD-4DFC24065CFF}"/>
          </ac:cxnSpMkLst>
        </pc:cxnChg>
        <pc:cxnChg chg="mod">
          <ac:chgData name="Daly Donnacha HSLU I" userId="0f22e960-400a-43ff-baeb-4828c8f5cd3a" providerId="ADAL" clId="{554BA7E0-55EE-9746-83EC-F09BDB4BCF3A}" dt="2021-04-23T09:43:03.448" v="4764" actId="1035"/>
          <ac:cxnSpMkLst>
            <pc:docMk/>
            <pc:sldMk cId="4042002621" sldId="658"/>
            <ac:cxnSpMk id="9" creationId="{4D3F31BB-41E9-CB48-9A9A-8886A52FA5BC}"/>
          </ac:cxnSpMkLst>
        </pc:cxnChg>
        <pc:cxnChg chg="mod">
          <ac:chgData name="Daly Donnacha HSLU I" userId="0f22e960-400a-43ff-baeb-4828c8f5cd3a" providerId="ADAL" clId="{554BA7E0-55EE-9746-83EC-F09BDB4BCF3A}" dt="2021-04-23T09:43:03.448" v="4764" actId="1035"/>
          <ac:cxnSpMkLst>
            <pc:docMk/>
            <pc:sldMk cId="4042002621" sldId="658"/>
            <ac:cxnSpMk id="10" creationId="{3674C35F-DE0B-DF4E-B5C2-A8EF01CEC1DE}"/>
          </ac:cxnSpMkLst>
        </pc:cxnChg>
        <pc:cxnChg chg="mod">
          <ac:chgData name="Daly Donnacha HSLU I" userId="0f22e960-400a-43ff-baeb-4828c8f5cd3a" providerId="ADAL" clId="{554BA7E0-55EE-9746-83EC-F09BDB4BCF3A}" dt="2021-04-23T09:43:03.448" v="4764" actId="1035"/>
          <ac:cxnSpMkLst>
            <pc:docMk/>
            <pc:sldMk cId="4042002621" sldId="658"/>
            <ac:cxnSpMk id="16" creationId="{0BAA783F-04BA-B94E-8CBC-1FA6780F96C3}"/>
          </ac:cxnSpMkLst>
        </pc:cxnChg>
        <pc:cxnChg chg="add mod">
          <ac:chgData name="Daly Donnacha HSLU I" userId="0f22e960-400a-43ff-baeb-4828c8f5cd3a" providerId="ADAL" clId="{554BA7E0-55EE-9746-83EC-F09BDB4BCF3A}" dt="2021-04-23T09:43:03.448" v="4764" actId="1035"/>
          <ac:cxnSpMkLst>
            <pc:docMk/>
            <pc:sldMk cId="4042002621" sldId="658"/>
            <ac:cxnSpMk id="29" creationId="{21D87A63-5544-7949-8372-BBE0C072A0EE}"/>
          </ac:cxnSpMkLst>
        </pc:cxnChg>
        <pc:cxnChg chg="add mod">
          <ac:chgData name="Daly Donnacha HSLU I" userId="0f22e960-400a-43ff-baeb-4828c8f5cd3a" providerId="ADAL" clId="{554BA7E0-55EE-9746-83EC-F09BDB4BCF3A}" dt="2021-04-23T09:43:03.448" v="4764" actId="1035"/>
          <ac:cxnSpMkLst>
            <pc:docMk/>
            <pc:sldMk cId="4042002621" sldId="658"/>
            <ac:cxnSpMk id="30" creationId="{AECB4F93-FC85-C54A-9D3C-7DEA5236F491}"/>
          </ac:cxnSpMkLst>
        </pc:cxnChg>
        <pc:cxnChg chg="add mod">
          <ac:chgData name="Daly Donnacha HSLU I" userId="0f22e960-400a-43ff-baeb-4828c8f5cd3a" providerId="ADAL" clId="{554BA7E0-55EE-9746-83EC-F09BDB4BCF3A}" dt="2021-04-23T09:43:03.448" v="4764" actId="1035"/>
          <ac:cxnSpMkLst>
            <pc:docMk/>
            <pc:sldMk cId="4042002621" sldId="658"/>
            <ac:cxnSpMk id="35" creationId="{C7FE153C-92F0-1442-A819-6A887F692938}"/>
          </ac:cxnSpMkLst>
        </pc:cxnChg>
        <pc:cxnChg chg="mod">
          <ac:chgData name="Daly Donnacha HSLU I" userId="0f22e960-400a-43ff-baeb-4828c8f5cd3a" providerId="ADAL" clId="{554BA7E0-55EE-9746-83EC-F09BDB4BCF3A}" dt="2021-04-23T09:43:03.448" v="4764" actId="1035"/>
          <ac:cxnSpMkLst>
            <pc:docMk/>
            <pc:sldMk cId="4042002621" sldId="658"/>
            <ac:cxnSpMk id="41" creationId="{AE9DB0D9-BE4D-DB48-9D88-E9FD0E150733}"/>
          </ac:cxnSpMkLst>
        </pc:cxnChg>
        <pc:cxnChg chg="add mod">
          <ac:chgData name="Daly Donnacha HSLU I" userId="0f22e960-400a-43ff-baeb-4828c8f5cd3a" providerId="ADAL" clId="{554BA7E0-55EE-9746-83EC-F09BDB4BCF3A}" dt="2021-04-23T09:43:03.448" v="4764" actId="1035"/>
          <ac:cxnSpMkLst>
            <pc:docMk/>
            <pc:sldMk cId="4042002621" sldId="658"/>
            <ac:cxnSpMk id="42" creationId="{D86B2E8C-AD88-1E4A-AAEA-1001788CFBAE}"/>
          </ac:cxnSpMkLst>
        </pc:cxnChg>
        <pc:cxnChg chg="add mod">
          <ac:chgData name="Daly Donnacha HSLU I" userId="0f22e960-400a-43ff-baeb-4828c8f5cd3a" providerId="ADAL" clId="{554BA7E0-55EE-9746-83EC-F09BDB4BCF3A}" dt="2021-04-23T09:43:03.448" v="4764" actId="1035"/>
          <ac:cxnSpMkLst>
            <pc:docMk/>
            <pc:sldMk cId="4042002621" sldId="658"/>
            <ac:cxnSpMk id="43" creationId="{A2E67504-4891-5B48-BEDF-A70B77C663A5}"/>
          </ac:cxnSpMkLst>
        </pc:cxnChg>
        <pc:cxnChg chg="mod">
          <ac:chgData name="Daly Donnacha HSLU I" userId="0f22e960-400a-43ff-baeb-4828c8f5cd3a" providerId="ADAL" clId="{554BA7E0-55EE-9746-83EC-F09BDB4BCF3A}" dt="2021-04-23T09:43:03.448" v="4764" actId="1035"/>
          <ac:cxnSpMkLst>
            <pc:docMk/>
            <pc:sldMk cId="4042002621" sldId="658"/>
            <ac:cxnSpMk id="44" creationId="{DA0D05DD-3CCD-5D48-A0A6-D8441145DBEC}"/>
          </ac:cxnSpMkLst>
        </pc:cxnChg>
        <pc:cxnChg chg="add mod">
          <ac:chgData name="Daly Donnacha HSLU I" userId="0f22e960-400a-43ff-baeb-4828c8f5cd3a" providerId="ADAL" clId="{554BA7E0-55EE-9746-83EC-F09BDB4BCF3A}" dt="2021-04-23T09:43:03.448" v="4764" actId="1035"/>
          <ac:cxnSpMkLst>
            <pc:docMk/>
            <pc:sldMk cId="4042002621" sldId="658"/>
            <ac:cxnSpMk id="45" creationId="{0B785524-8146-BD4E-8A07-EC4653EA929A}"/>
          </ac:cxnSpMkLst>
        </pc:cxnChg>
        <pc:cxnChg chg="add mod">
          <ac:chgData name="Daly Donnacha HSLU I" userId="0f22e960-400a-43ff-baeb-4828c8f5cd3a" providerId="ADAL" clId="{554BA7E0-55EE-9746-83EC-F09BDB4BCF3A}" dt="2021-04-23T09:43:03.448" v="4764" actId="1035"/>
          <ac:cxnSpMkLst>
            <pc:docMk/>
            <pc:sldMk cId="4042002621" sldId="658"/>
            <ac:cxnSpMk id="50" creationId="{DBE9BF5B-8BBF-3842-8D7F-37EEC9A78504}"/>
          </ac:cxnSpMkLst>
        </pc:cxnChg>
        <pc:cxnChg chg="add mod">
          <ac:chgData name="Daly Donnacha HSLU I" userId="0f22e960-400a-43ff-baeb-4828c8f5cd3a" providerId="ADAL" clId="{554BA7E0-55EE-9746-83EC-F09BDB4BCF3A}" dt="2021-04-23T09:43:03.448" v="4764" actId="1035"/>
          <ac:cxnSpMkLst>
            <pc:docMk/>
            <pc:sldMk cId="4042002621" sldId="658"/>
            <ac:cxnSpMk id="51" creationId="{B2127F70-C81C-F147-996F-20A6662F6181}"/>
          </ac:cxnSpMkLst>
        </pc:cxnChg>
        <pc:cxnChg chg="add mod">
          <ac:chgData name="Daly Donnacha HSLU I" userId="0f22e960-400a-43ff-baeb-4828c8f5cd3a" providerId="ADAL" clId="{554BA7E0-55EE-9746-83EC-F09BDB4BCF3A}" dt="2021-04-23T09:43:03.448" v="4764" actId="1035"/>
          <ac:cxnSpMkLst>
            <pc:docMk/>
            <pc:sldMk cId="4042002621" sldId="658"/>
            <ac:cxnSpMk id="55" creationId="{5CAECE01-205E-2849-BA09-C8449D33F8B3}"/>
          </ac:cxnSpMkLst>
        </pc:cxnChg>
        <pc:cxnChg chg="add mod">
          <ac:chgData name="Daly Donnacha HSLU I" userId="0f22e960-400a-43ff-baeb-4828c8f5cd3a" providerId="ADAL" clId="{554BA7E0-55EE-9746-83EC-F09BDB4BCF3A}" dt="2021-04-23T09:43:03.448" v="4764" actId="1035"/>
          <ac:cxnSpMkLst>
            <pc:docMk/>
            <pc:sldMk cId="4042002621" sldId="658"/>
            <ac:cxnSpMk id="61" creationId="{F706FC73-E784-3C46-AE32-DFC3BFF60F0E}"/>
          </ac:cxnSpMkLst>
        </pc:cxnChg>
        <pc:cxnChg chg="add mod">
          <ac:chgData name="Daly Donnacha HSLU I" userId="0f22e960-400a-43ff-baeb-4828c8f5cd3a" providerId="ADAL" clId="{554BA7E0-55EE-9746-83EC-F09BDB4BCF3A}" dt="2021-04-23T09:43:03.448" v="4764" actId="1035"/>
          <ac:cxnSpMkLst>
            <pc:docMk/>
            <pc:sldMk cId="4042002621" sldId="658"/>
            <ac:cxnSpMk id="62" creationId="{3F593D31-3FAF-E14B-8965-F2EF99D6A228}"/>
          </ac:cxnSpMkLst>
        </pc:cxnChg>
        <pc:cxnChg chg="add mod">
          <ac:chgData name="Daly Donnacha HSLU I" userId="0f22e960-400a-43ff-baeb-4828c8f5cd3a" providerId="ADAL" clId="{554BA7E0-55EE-9746-83EC-F09BDB4BCF3A}" dt="2021-04-23T09:43:03.448" v="4764" actId="1035"/>
          <ac:cxnSpMkLst>
            <pc:docMk/>
            <pc:sldMk cId="4042002621" sldId="658"/>
            <ac:cxnSpMk id="63" creationId="{079ADE90-8A50-1F42-B49E-3082ED19094C}"/>
          </ac:cxnSpMkLst>
        </pc:cxnChg>
      </pc:sldChg>
      <pc:sldChg chg="addSp delSp modSp new mod">
        <pc:chgData name="Daly Donnacha HSLU I" userId="0f22e960-400a-43ff-baeb-4828c8f5cd3a" providerId="ADAL" clId="{554BA7E0-55EE-9746-83EC-F09BDB4BCF3A}" dt="2021-04-23T14:08:53.419" v="7393"/>
        <pc:sldMkLst>
          <pc:docMk/>
          <pc:sldMk cId="2517132393" sldId="659"/>
        </pc:sldMkLst>
        <pc:spChg chg="mod">
          <ac:chgData name="Daly Donnacha HSLU I" userId="0f22e960-400a-43ff-baeb-4828c8f5cd3a" providerId="ADAL" clId="{554BA7E0-55EE-9746-83EC-F09BDB4BCF3A}" dt="2021-04-23T10:57:48.588" v="5964" actId="2711"/>
          <ac:spMkLst>
            <pc:docMk/>
            <pc:sldMk cId="2517132393" sldId="659"/>
            <ac:spMk id="2" creationId="{7F5CB8F0-0BDE-6640-B807-21A02CA7F5DD}"/>
          </ac:spMkLst>
        </pc:spChg>
        <pc:spChg chg="add del mod">
          <ac:chgData name="Daly Donnacha HSLU I" userId="0f22e960-400a-43ff-baeb-4828c8f5cd3a" providerId="ADAL" clId="{554BA7E0-55EE-9746-83EC-F09BDB4BCF3A}" dt="2021-04-23T09:57:04.873" v="5048"/>
          <ac:spMkLst>
            <pc:docMk/>
            <pc:sldMk cId="2517132393" sldId="659"/>
            <ac:spMk id="3" creationId="{BE596B61-CD25-0548-9CA0-2FCFC8465F3F}"/>
          </ac:spMkLst>
        </pc:spChg>
        <pc:spChg chg="add del mod">
          <ac:chgData name="Daly Donnacha HSLU I" userId="0f22e960-400a-43ff-baeb-4828c8f5cd3a" providerId="ADAL" clId="{554BA7E0-55EE-9746-83EC-F09BDB4BCF3A}" dt="2021-04-23T09:57:04.873" v="5048"/>
          <ac:spMkLst>
            <pc:docMk/>
            <pc:sldMk cId="2517132393" sldId="659"/>
            <ac:spMk id="4" creationId="{BF4959AD-3CD5-8C4F-A91B-50334B8D7A1F}"/>
          </ac:spMkLst>
        </pc:spChg>
        <pc:spChg chg="add del mod">
          <ac:chgData name="Daly Donnacha HSLU I" userId="0f22e960-400a-43ff-baeb-4828c8f5cd3a" providerId="ADAL" clId="{554BA7E0-55EE-9746-83EC-F09BDB4BCF3A}" dt="2021-04-23T09:57:04.873" v="5048"/>
          <ac:spMkLst>
            <pc:docMk/>
            <pc:sldMk cId="2517132393" sldId="659"/>
            <ac:spMk id="5" creationId="{320E2D62-3C96-BD47-A44F-058E3E6C4685}"/>
          </ac:spMkLst>
        </pc:spChg>
        <pc:spChg chg="add del mod">
          <ac:chgData name="Daly Donnacha HSLU I" userId="0f22e960-400a-43ff-baeb-4828c8f5cd3a" providerId="ADAL" clId="{554BA7E0-55EE-9746-83EC-F09BDB4BCF3A}" dt="2021-04-23T09:57:04.873" v="5048"/>
          <ac:spMkLst>
            <pc:docMk/>
            <pc:sldMk cId="2517132393" sldId="659"/>
            <ac:spMk id="6" creationId="{1C5AAEFD-1AFF-D04A-991F-0062720F31E2}"/>
          </ac:spMkLst>
        </pc:spChg>
        <pc:spChg chg="add del mod">
          <ac:chgData name="Daly Donnacha HSLU I" userId="0f22e960-400a-43ff-baeb-4828c8f5cd3a" providerId="ADAL" clId="{554BA7E0-55EE-9746-83EC-F09BDB4BCF3A}" dt="2021-04-23T09:57:04.873" v="5048"/>
          <ac:spMkLst>
            <pc:docMk/>
            <pc:sldMk cId="2517132393" sldId="659"/>
            <ac:spMk id="9" creationId="{DAB92DD8-188D-D44B-9B88-44738BA68806}"/>
          </ac:spMkLst>
        </pc:spChg>
        <pc:spChg chg="add del mod">
          <ac:chgData name="Daly Donnacha HSLU I" userId="0f22e960-400a-43ff-baeb-4828c8f5cd3a" providerId="ADAL" clId="{554BA7E0-55EE-9746-83EC-F09BDB4BCF3A}" dt="2021-04-23T09:57:04.873" v="5048"/>
          <ac:spMkLst>
            <pc:docMk/>
            <pc:sldMk cId="2517132393" sldId="659"/>
            <ac:spMk id="11" creationId="{E9E28742-5645-5E44-823B-DCD94C5EE750}"/>
          </ac:spMkLst>
        </pc:spChg>
        <pc:spChg chg="add del mod">
          <ac:chgData name="Daly Donnacha HSLU I" userId="0f22e960-400a-43ff-baeb-4828c8f5cd3a" providerId="ADAL" clId="{554BA7E0-55EE-9746-83EC-F09BDB4BCF3A}" dt="2021-04-23T09:57:04.873" v="5048"/>
          <ac:spMkLst>
            <pc:docMk/>
            <pc:sldMk cId="2517132393" sldId="659"/>
            <ac:spMk id="15" creationId="{34709252-1CC1-364D-A61D-088E7545AA00}"/>
          </ac:spMkLst>
        </pc:spChg>
        <pc:spChg chg="add del mod">
          <ac:chgData name="Daly Donnacha HSLU I" userId="0f22e960-400a-43ff-baeb-4828c8f5cd3a" providerId="ADAL" clId="{554BA7E0-55EE-9746-83EC-F09BDB4BCF3A}" dt="2021-04-23T09:57:04.873" v="5048"/>
          <ac:spMkLst>
            <pc:docMk/>
            <pc:sldMk cId="2517132393" sldId="659"/>
            <ac:spMk id="16" creationId="{305522CF-7AB2-154F-8FB3-774BF9978D81}"/>
          </ac:spMkLst>
        </pc:spChg>
        <pc:spChg chg="add del mod">
          <ac:chgData name="Daly Donnacha HSLU I" userId="0f22e960-400a-43ff-baeb-4828c8f5cd3a" providerId="ADAL" clId="{554BA7E0-55EE-9746-83EC-F09BDB4BCF3A}" dt="2021-04-23T09:57:04.873" v="5048"/>
          <ac:spMkLst>
            <pc:docMk/>
            <pc:sldMk cId="2517132393" sldId="659"/>
            <ac:spMk id="17" creationId="{B2CEA876-5AE7-5B4B-9D07-0D0078928B17}"/>
          </ac:spMkLst>
        </pc:spChg>
        <pc:spChg chg="add del mod">
          <ac:chgData name="Daly Donnacha HSLU I" userId="0f22e960-400a-43ff-baeb-4828c8f5cd3a" providerId="ADAL" clId="{554BA7E0-55EE-9746-83EC-F09BDB4BCF3A}" dt="2021-04-23T09:57:04.873" v="5048"/>
          <ac:spMkLst>
            <pc:docMk/>
            <pc:sldMk cId="2517132393" sldId="659"/>
            <ac:spMk id="18" creationId="{79E8C8FB-A820-4147-BAFF-3D4F6C8C8F29}"/>
          </ac:spMkLst>
        </pc:spChg>
        <pc:spChg chg="add del mod">
          <ac:chgData name="Daly Donnacha HSLU I" userId="0f22e960-400a-43ff-baeb-4828c8f5cd3a" providerId="ADAL" clId="{554BA7E0-55EE-9746-83EC-F09BDB4BCF3A}" dt="2021-04-23T09:57:04.873" v="5048"/>
          <ac:spMkLst>
            <pc:docMk/>
            <pc:sldMk cId="2517132393" sldId="659"/>
            <ac:spMk id="21" creationId="{921C3A39-68D6-F447-9953-981633B9E08D}"/>
          </ac:spMkLst>
        </pc:spChg>
        <pc:spChg chg="add del mod">
          <ac:chgData name="Daly Donnacha HSLU I" userId="0f22e960-400a-43ff-baeb-4828c8f5cd3a" providerId="ADAL" clId="{554BA7E0-55EE-9746-83EC-F09BDB4BCF3A}" dt="2021-04-23T09:57:04.873" v="5048"/>
          <ac:spMkLst>
            <pc:docMk/>
            <pc:sldMk cId="2517132393" sldId="659"/>
            <ac:spMk id="23" creationId="{C27F4625-AAE7-6D48-8BDB-36631A4057B2}"/>
          </ac:spMkLst>
        </pc:spChg>
        <pc:spChg chg="add del mod">
          <ac:chgData name="Daly Donnacha HSLU I" userId="0f22e960-400a-43ff-baeb-4828c8f5cd3a" providerId="ADAL" clId="{554BA7E0-55EE-9746-83EC-F09BDB4BCF3A}" dt="2021-04-23T09:58:21.936" v="5075"/>
          <ac:spMkLst>
            <pc:docMk/>
            <pc:sldMk cId="2517132393" sldId="659"/>
            <ac:spMk id="40" creationId="{7DB5946B-CF5C-6C40-9932-E3E820B7BB78}"/>
          </ac:spMkLst>
        </pc:spChg>
        <pc:spChg chg="add del mod">
          <ac:chgData name="Daly Donnacha HSLU I" userId="0f22e960-400a-43ff-baeb-4828c8f5cd3a" providerId="ADAL" clId="{554BA7E0-55EE-9746-83EC-F09BDB4BCF3A}" dt="2021-04-23T09:58:21.936" v="5075"/>
          <ac:spMkLst>
            <pc:docMk/>
            <pc:sldMk cId="2517132393" sldId="659"/>
            <ac:spMk id="41" creationId="{250F004B-FDAD-7743-9832-F5A95E0C4B61}"/>
          </ac:spMkLst>
        </pc:spChg>
        <pc:spChg chg="add del mod">
          <ac:chgData name="Daly Donnacha HSLU I" userId="0f22e960-400a-43ff-baeb-4828c8f5cd3a" providerId="ADAL" clId="{554BA7E0-55EE-9746-83EC-F09BDB4BCF3A}" dt="2021-04-23T09:58:21.936" v="5075"/>
          <ac:spMkLst>
            <pc:docMk/>
            <pc:sldMk cId="2517132393" sldId="659"/>
            <ac:spMk id="42" creationId="{368C69C2-9229-6448-A7BD-68CD7CA96775}"/>
          </ac:spMkLst>
        </pc:spChg>
        <pc:spChg chg="add del mod">
          <ac:chgData name="Daly Donnacha HSLU I" userId="0f22e960-400a-43ff-baeb-4828c8f5cd3a" providerId="ADAL" clId="{554BA7E0-55EE-9746-83EC-F09BDB4BCF3A}" dt="2021-04-23T09:58:21.936" v="5075"/>
          <ac:spMkLst>
            <pc:docMk/>
            <pc:sldMk cId="2517132393" sldId="659"/>
            <ac:spMk id="43" creationId="{1C08CE74-C24B-304B-84F1-E9E982DB5537}"/>
          </ac:spMkLst>
        </pc:spChg>
        <pc:spChg chg="add del mod">
          <ac:chgData name="Daly Donnacha HSLU I" userId="0f22e960-400a-43ff-baeb-4828c8f5cd3a" providerId="ADAL" clId="{554BA7E0-55EE-9746-83EC-F09BDB4BCF3A}" dt="2021-04-23T09:58:21.936" v="5075"/>
          <ac:spMkLst>
            <pc:docMk/>
            <pc:sldMk cId="2517132393" sldId="659"/>
            <ac:spMk id="46" creationId="{5B08846E-F000-1F43-A946-01F4BB9038E6}"/>
          </ac:spMkLst>
        </pc:spChg>
        <pc:spChg chg="add del mod">
          <ac:chgData name="Daly Donnacha HSLU I" userId="0f22e960-400a-43ff-baeb-4828c8f5cd3a" providerId="ADAL" clId="{554BA7E0-55EE-9746-83EC-F09BDB4BCF3A}" dt="2021-04-23T09:58:21.936" v="5075"/>
          <ac:spMkLst>
            <pc:docMk/>
            <pc:sldMk cId="2517132393" sldId="659"/>
            <ac:spMk id="48" creationId="{CBFBCD63-510D-C744-8B9E-5089D5690FA5}"/>
          </ac:spMkLst>
        </pc:spChg>
        <pc:spChg chg="add del mod">
          <ac:chgData name="Daly Donnacha HSLU I" userId="0f22e960-400a-43ff-baeb-4828c8f5cd3a" providerId="ADAL" clId="{554BA7E0-55EE-9746-83EC-F09BDB4BCF3A}" dt="2021-04-23T10:04:00.228" v="5212" actId="21"/>
          <ac:spMkLst>
            <pc:docMk/>
            <pc:sldMk cId="2517132393" sldId="659"/>
            <ac:spMk id="58" creationId="{4BF652F3-B0CE-B444-BAF4-4599173607B9}"/>
          </ac:spMkLst>
        </pc:spChg>
        <pc:spChg chg="add del mod">
          <ac:chgData name="Daly Donnacha HSLU I" userId="0f22e960-400a-43ff-baeb-4828c8f5cd3a" providerId="ADAL" clId="{554BA7E0-55EE-9746-83EC-F09BDB4BCF3A}" dt="2021-04-23T10:04:00.228" v="5212" actId="21"/>
          <ac:spMkLst>
            <pc:docMk/>
            <pc:sldMk cId="2517132393" sldId="659"/>
            <ac:spMk id="59" creationId="{4A91C1C9-1815-A14A-AC07-F45E60A13878}"/>
          </ac:spMkLst>
        </pc:spChg>
        <pc:spChg chg="add del mod">
          <ac:chgData name="Daly Donnacha HSLU I" userId="0f22e960-400a-43ff-baeb-4828c8f5cd3a" providerId="ADAL" clId="{554BA7E0-55EE-9746-83EC-F09BDB4BCF3A}" dt="2021-04-23T10:04:00.228" v="5212" actId="21"/>
          <ac:spMkLst>
            <pc:docMk/>
            <pc:sldMk cId="2517132393" sldId="659"/>
            <ac:spMk id="60" creationId="{A9B756E8-3050-604D-880A-4A6637B61958}"/>
          </ac:spMkLst>
        </pc:spChg>
        <pc:spChg chg="add del mod">
          <ac:chgData name="Daly Donnacha HSLU I" userId="0f22e960-400a-43ff-baeb-4828c8f5cd3a" providerId="ADAL" clId="{554BA7E0-55EE-9746-83EC-F09BDB4BCF3A}" dt="2021-04-23T10:04:00.228" v="5212" actId="21"/>
          <ac:spMkLst>
            <pc:docMk/>
            <pc:sldMk cId="2517132393" sldId="659"/>
            <ac:spMk id="61" creationId="{F2325DEA-CB9F-7A49-A936-E8A2CB7C6AC0}"/>
          </ac:spMkLst>
        </pc:spChg>
        <pc:spChg chg="add del mod">
          <ac:chgData name="Daly Donnacha HSLU I" userId="0f22e960-400a-43ff-baeb-4828c8f5cd3a" providerId="ADAL" clId="{554BA7E0-55EE-9746-83EC-F09BDB4BCF3A}" dt="2021-04-23T10:04:00.228" v="5212" actId="21"/>
          <ac:spMkLst>
            <pc:docMk/>
            <pc:sldMk cId="2517132393" sldId="659"/>
            <ac:spMk id="64" creationId="{FABD785A-EC9C-5541-8949-2D75B5A0C01B}"/>
          </ac:spMkLst>
        </pc:spChg>
        <pc:spChg chg="add del mod">
          <ac:chgData name="Daly Donnacha HSLU I" userId="0f22e960-400a-43ff-baeb-4828c8f5cd3a" providerId="ADAL" clId="{554BA7E0-55EE-9746-83EC-F09BDB4BCF3A}" dt="2021-04-23T10:04:00.228" v="5212" actId="21"/>
          <ac:spMkLst>
            <pc:docMk/>
            <pc:sldMk cId="2517132393" sldId="659"/>
            <ac:spMk id="66" creationId="{FCED3A20-1CF0-BC4F-8DA1-2CC2E7981BDD}"/>
          </ac:spMkLst>
        </pc:spChg>
        <pc:spChg chg="add del mod">
          <ac:chgData name="Daly Donnacha HSLU I" userId="0f22e960-400a-43ff-baeb-4828c8f5cd3a" providerId="ADAL" clId="{554BA7E0-55EE-9746-83EC-F09BDB4BCF3A}" dt="2021-04-23T10:00:39.165" v="5134"/>
          <ac:spMkLst>
            <pc:docMk/>
            <pc:sldMk cId="2517132393" sldId="659"/>
            <ac:spMk id="80" creationId="{43705443-8547-2145-9841-5D13C418BA1E}"/>
          </ac:spMkLst>
        </pc:spChg>
        <pc:spChg chg="add del mod">
          <ac:chgData name="Daly Donnacha HSLU I" userId="0f22e960-400a-43ff-baeb-4828c8f5cd3a" providerId="ADAL" clId="{554BA7E0-55EE-9746-83EC-F09BDB4BCF3A}" dt="2021-04-23T10:00:39.165" v="5134"/>
          <ac:spMkLst>
            <pc:docMk/>
            <pc:sldMk cId="2517132393" sldId="659"/>
            <ac:spMk id="81" creationId="{59875CBD-41BF-FA42-BEDA-DDE43050D229}"/>
          </ac:spMkLst>
        </pc:spChg>
        <pc:spChg chg="add del mod">
          <ac:chgData name="Daly Donnacha HSLU I" userId="0f22e960-400a-43ff-baeb-4828c8f5cd3a" providerId="ADAL" clId="{554BA7E0-55EE-9746-83EC-F09BDB4BCF3A}" dt="2021-04-23T10:00:39.165" v="5134"/>
          <ac:spMkLst>
            <pc:docMk/>
            <pc:sldMk cId="2517132393" sldId="659"/>
            <ac:spMk id="82" creationId="{47DDC3B5-598F-CB49-86D6-C55178A86F38}"/>
          </ac:spMkLst>
        </pc:spChg>
        <pc:spChg chg="add del mod">
          <ac:chgData name="Daly Donnacha HSLU I" userId="0f22e960-400a-43ff-baeb-4828c8f5cd3a" providerId="ADAL" clId="{554BA7E0-55EE-9746-83EC-F09BDB4BCF3A}" dt="2021-04-23T10:00:39.165" v="5134"/>
          <ac:spMkLst>
            <pc:docMk/>
            <pc:sldMk cId="2517132393" sldId="659"/>
            <ac:spMk id="83" creationId="{BD564AD7-8EEB-A44F-A686-16E998646C63}"/>
          </ac:spMkLst>
        </pc:spChg>
        <pc:spChg chg="add del mod">
          <ac:chgData name="Daly Donnacha HSLU I" userId="0f22e960-400a-43ff-baeb-4828c8f5cd3a" providerId="ADAL" clId="{554BA7E0-55EE-9746-83EC-F09BDB4BCF3A}" dt="2021-04-23T10:00:39.165" v="5134"/>
          <ac:spMkLst>
            <pc:docMk/>
            <pc:sldMk cId="2517132393" sldId="659"/>
            <ac:spMk id="86" creationId="{CC1F3B8A-6C98-8644-9F5D-CC56A64C4C02}"/>
          </ac:spMkLst>
        </pc:spChg>
        <pc:spChg chg="add del mod">
          <ac:chgData name="Daly Donnacha HSLU I" userId="0f22e960-400a-43ff-baeb-4828c8f5cd3a" providerId="ADAL" clId="{554BA7E0-55EE-9746-83EC-F09BDB4BCF3A}" dt="2021-04-23T10:00:39.165" v="5134"/>
          <ac:spMkLst>
            <pc:docMk/>
            <pc:sldMk cId="2517132393" sldId="659"/>
            <ac:spMk id="88" creationId="{4FFDDA46-763C-1948-AD18-23569E06C733}"/>
          </ac:spMkLst>
        </pc:spChg>
        <pc:spChg chg="add del mod">
          <ac:chgData name="Daly Donnacha HSLU I" userId="0f22e960-400a-43ff-baeb-4828c8f5cd3a" providerId="ADAL" clId="{554BA7E0-55EE-9746-83EC-F09BDB4BCF3A}" dt="2021-04-23T10:00:41.627" v="5136"/>
          <ac:spMkLst>
            <pc:docMk/>
            <pc:sldMk cId="2517132393" sldId="659"/>
            <ac:spMk id="98" creationId="{58D89419-0058-0543-B1C0-03F024B4633C}"/>
          </ac:spMkLst>
        </pc:spChg>
        <pc:spChg chg="add del mod">
          <ac:chgData name="Daly Donnacha HSLU I" userId="0f22e960-400a-43ff-baeb-4828c8f5cd3a" providerId="ADAL" clId="{554BA7E0-55EE-9746-83EC-F09BDB4BCF3A}" dt="2021-04-23T10:00:41.627" v="5136"/>
          <ac:spMkLst>
            <pc:docMk/>
            <pc:sldMk cId="2517132393" sldId="659"/>
            <ac:spMk id="99" creationId="{A0F48A8B-6653-6E46-985F-1980630D06B2}"/>
          </ac:spMkLst>
        </pc:spChg>
        <pc:spChg chg="add del mod">
          <ac:chgData name="Daly Donnacha HSLU I" userId="0f22e960-400a-43ff-baeb-4828c8f5cd3a" providerId="ADAL" clId="{554BA7E0-55EE-9746-83EC-F09BDB4BCF3A}" dt="2021-04-23T10:00:41.627" v="5136"/>
          <ac:spMkLst>
            <pc:docMk/>
            <pc:sldMk cId="2517132393" sldId="659"/>
            <ac:spMk id="100" creationId="{6236215D-D5BA-A54B-A08B-C461C9E2D2BA}"/>
          </ac:spMkLst>
        </pc:spChg>
        <pc:spChg chg="add del mod">
          <ac:chgData name="Daly Donnacha HSLU I" userId="0f22e960-400a-43ff-baeb-4828c8f5cd3a" providerId="ADAL" clId="{554BA7E0-55EE-9746-83EC-F09BDB4BCF3A}" dt="2021-04-23T10:00:41.627" v="5136"/>
          <ac:spMkLst>
            <pc:docMk/>
            <pc:sldMk cId="2517132393" sldId="659"/>
            <ac:spMk id="101" creationId="{35ED57E9-2A33-A441-8840-4CD48FD4D137}"/>
          </ac:spMkLst>
        </pc:spChg>
        <pc:spChg chg="add del mod">
          <ac:chgData name="Daly Donnacha HSLU I" userId="0f22e960-400a-43ff-baeb-4828c8f5cd3a" providerId="ADAL" clId="{554BA7E0-55EE-9746-83EC-F09BDB4BCF3A}" dt="2021-04-23T10:00:41.627" v="5136"/>
          <ac:spMkLst>
            <pc:docMk/>
            <pc:sldMk cId="2517132393" sldId="659"/>
            <ac:spMk id="104" creationId="{E39C8E7B-8773-534E-94EF-7B163DAB0EEA}"/>
          </ac:spMkLst>
        </pc:spChg>
        <pc:spChg chg="add del mod">
          <ac:chgData name="Daly Donnacha HSLU I" userId="0f22e960-400a-43ff-baeb-4828c8f5cd3a" providerId="ADAL" clId="{554BA7E0-55EE-9746-83EC-F09BDB4BCF3A}" dt="2021-04-23T10:00:41.627" v="5136"/>
          <ac:spMkLst>
            <pc:docMk/>
            <pc:sldMk cId="2517132393" sldId="659"/>
            <ac:spMk id="106" creationId="{C298D855-9632-3F41-9A07-5FE950CAA8EB}"/>
          </ac:spMkLst>
        </pc:spChg>
        <pc:spChg chg="add del mod">
          <ac:chgData name="Daly Donnacha HSLU I" userId="0f22e960-400a-43ff-baeb-4828c8f5cd3a" providerId="ADAL" clId="{554BA7E0-55EE-9746-83EC-F09BDB4BCF3A}" dt="2021-04-23T10:05:48.586" v="5242"/>
          <ac:spMkLst>
            <pc:docMk/>
            <pc:sldMk cId="2517132393" sldId="659"/>
            <ac:spMk id="123" creationId="{3C179125-21B9-2B40-BAA8-64B742AF789B}"/>
          </ac:spMkLst>
        </pc:spChg>
        <pc:spChg chg="add del mod">
          <ac:chgData name="Daly Donnacha HSLU I" userId="0f22e960-400a-43ff-baeb-4828c8f5cd3a" providerId="ADAL" clId="{554BA7E0-55EE-9746-83EC-F09BDB4BCF3A}" dt="2021-04-23T10:05:48.586" v="5242"/>
          <ac:spMkLst>
            <pc:docMk/>
            <pc:sldMk cId="2517132393" sldId="659"/>
            <ac:spMk id="124" creationId="{EB3B11AA-A95E-0D4C-BC35-F3246614F24B}"/>
          </ac:spMkLst>
        </pc:spChg>
        <pc:spChg chg="add mod">
          <ac:chgData name="Daly Donnacha HSLU I" userId="0f22e960-400a-43ff-baeb-4828c8f5cd3a" providerId="ADAL" clId="{554BA7E0-55EE-9746-83EC-F09BDB4BCF3A}" dt="2021-04-23T10:09:15.499" v="5291" actId="1038"/>
          <ac:spMkLst>
            <pc:docMk/>
            <pc:sldMk cId="2517132393" sldId="659"/>
            <ac:spMk id="125" creationId="{6A4CBDB3-99BF-ED4F-A4FC-ECB703E03AFF}"/>
          </ac:spMkLst>
        </pc:spChg>
        <pc:spChg chg="add mod">
          <ac:chgData name="Daly Donnacha HSLU I" userId="0f22e960-400a-43ff-baeb-4828c8f5cd3a" providerId="ADAL" clId="{554BA7E0-55EE-9746-83EC-F09BDB4BCF3A}" dt="2021-04-23T10:09:15.499" v="5291" actId="1038"/>
          <ac:spMkLst>
            <pc:docMk/>
            <pc:sldMk cId="2517132393" sldId="659"/>
            <ac:spMk id="126" creationId="{5A1EB0FA-5973-3245-BE08-8460C4F093F5}"/>
          </ac:spMkLst>
        </pc:spChg>
        <pc:spChg chg="add mod">
          <ac:chgData name="Daly Donnacha HSLU I" userId="0f22e960-400a-43ff-baeb-4828c8f5cd3a" providerId="ADAL" clId="{554BA7E0-55EE-9746-83EC-F09BDB4BCF3A}" dt="2021-04-23T10:09:15.499" v="5291" actId="1038"/>
          <ac:spMkLst>
            <pc:docMk/>
            <pc:sldMk cId="2517132393" sldId="659"/>
            <ac:spMk id="127" creationId="{DFE081ED-C507-8449-AE42-1A47A527819B}"/>
          </ac:spMkLst>
        </pc:spChg>
        <pc:spChg chg="add del mod">
          <ac:chgData name="Daly Donnacha HSLU I" userId="0f22e960-400a-43ff-baeb-4828c8f5cd3a" providerId="ADAL" clId="{554BA7E0-55EE-9746-83EC-F09BDB4BCF3A}" dt="2021-04-23T10:10:38.750" v="5299" actId="478"/>
          <ac:spMkLst>
            <pc:docMk/>
            <pc:sldMk cId="2517132393" sldId="659"/>
            <ac:spMk id="128" creationId="{452F3239-A7B9-F748-B165-DF1F8AA9CA11}"/>
          </ac:spMkLst>
        </pc:spChg>
        <pc:spChg chg="add del mod">
          <ac:chgData name="Daly Donnacha HSLU I" userId="0f22e960-400a-43ff-baeb-4828c8f5cd3a" providerId="ADAL" clId="{554BA7E0-55EE-9746-83EC-F09BDB4BCF3A}" dt="2021-04-23T10:10:24.991" v="5297" actId="478"/>
          <ac:spMkLst>
            <pc:docMk/>
            <pc:sldMk cId="2517132393" sldId="659"/>
            <ac:spMk id="136" creationId="{45027740-E2E3-3D42-A3A6-98939BBB1F55}"/>
          </ac:spMkLst>
        </pc:spChg>
        <pc:spChg chg="add mod">
          <ac:chgData name="Daly Donnacha HSLU I" userId="0f22e960-400a-43ff-baeb-4828c8f5cd3a" providerId="ADAL" clId="{554BA7E0-55EE-9746-83EC-F09BDB4BCF3A}" dt="2021-04-23T10:10:22.890" v="5296" actId="1076"/>
          <ac:spMkLst>
            <pc:docMk/>
            <pc:sldMk cId="2517132393" sldId="659"/>
            <ac:spMk id="137" creationId="{0F123406-4585-4E47-BB83-4BF48FE227FF}"/>
          </ac:spMkLst>
        </pc:spChg>
        <pc:spChg chg="add del mod">
          <ac:chgData name="Daly Donnacha HSLU I" userId="0f22e960-400a-43ff-baeb-4828c8f5cd3a" providerId="ADAL" clId="{554BA7E0-55EE-9746-83EC-F09BDB4BCF3A}" dt="2021-04-23T14:08:53.015" v="7392" actId="478"/>
          <ac:spMkLst>
            <pc:docMk/>
            <pc:sldMk cId="2517132393" sldId="659"/>
            <ac:spMk id="138" creationId="{BB86BC62-A15B-2D47-B8CF-FD5A109E4E51}"/>
          </ac:spMkLst>
        </pc:spChg>
        <pc:spChg chg="add del mod">
          <ac:chgData name="Daly Donnacha HSLU I" userId="0f22e960-400a-43ff-baeb-4828c8f5cd3a" providerId="ADAL" clId="{554BA7E0-55EE-9746-83EC-F09BDB4BCF3A}" dt="2021-04-23T14:08:53.015" v="7392" actId="478"/>
          <ac:spMkLst>
            <pc:docMk/>
            <pc:sldMk cId="2517132393" sldId="659"/>
            <ac:spMk id="139" creationId="{BFB6D4B7-0FCD-7645-B8A1-08AEB919F61A}"/>
          </ac:spMkLst>
        </pc:spChg>
        <pc:spChg chg="add del mod">
          <ac:chgData name="Daly Donnacha HSLU I" userId="0f22e960-400a-43ff-baeb-4828c8f5cd3a" providerId="ADAL" clId="{554BA7E0-55EE-9746-83EC-F09BDB4BCF3A}" dt="2021-04-23T10:10:40.939" v="5301"/>
          <ac:spMkLst>
            <pc:docMk/>
            <pc:sldMk cId="2517132393" sldId="659"/>
            <ac:spMk id="140" creationId="{B7639E7D-F356-BD4A-B35E-1579328E17D1}"/>
          </ac:spMkLst>
        </pc:spChg>
        <pc:spChg chg="add del mod">
          <ac:chgData name="Daly Donnacha HSLU I" userId="0f22e960-400a-43ff-baeb-4828c8f5cd3a" providerId="ADAL" clId="{554BA7E0-55EE-9746-83EC-F09BDB4BCF3A}" dt="2021-04-23T10:10:40.939" v="5301"/>
          <ac:spMkLst>
            <pc:docMk/>
            <pc:sldMk cId="2517132393" sldId="659"/>
            <ac:spMk id="141" creationId="{08D3BA7F-E16B-D942-BA69-E1CBFE8CCBA1}"/>
          </ac:spMkLst>
        </pc:spChg>
        <pc:spChg chg="add del mod">
          <ac:chgData name="Daly Donnacha HSLU I" userId="0f22e960-400a-43ff-baeb-4828c8f5cd3a" providerId="ADAL" clId="{554BA7E0-55EE-9746-83EC-F09BDB4BCF3A}" dt="2021-04-23T10:10:40.939" v="5301"/>
          <ac:spMkLst>
            <pc:docMk/>
            <pc:sldMk cId="2517132393" sldId="659"/>
            <ac:spMk id="142" creationId="{A51CDCC8-B450-E842-94D2-F3725836C937}"/>
          </ac:spMkLst>
        </pc:spChg>
        <pc:spChg chg="add mod">
          <ac:chgData name="Daly Donnacha HSLU I" userId="0f22e960-400a-43ff-baeb-4828c8f5cd3a" providerId="ADAL" clId="{554BA7E0-55EE-9746-83EC-F09BDB4BCF3A}" dt="2021-04-23T10:13:46.703" v="5423" actId="20577"/>
          <ac:spMkLst>
            <pc:docMk/>
            <pc:sldMk cId="2517132393" sldId="659"/>
            <ac:spMk id="143" creationId="{761A94C8-4CC2-824F-B564-4881A1B6A736}"/>
          </ac:spMkLst>
        </pc:spChg>
        <pc:spChg chg="add del mod">
          <ac:chgData name="Daly Donnacha HSLU I" userId="0f22e960-400a-43ff-baeb-4828c8f5cd3a" providerId="ADAL" clId="{554BA7E0-55EE-9746-83EC-F09BDB4BCF3A}" dt="2021-04-23T14:08:40.786" v="7390" actId="478"/>
          <ac:spMkLst>
            <pc:docMk/>
            <pc:sldMk cId="2517132393" sldId="659"/>
            <ac:spMk id="144" creationId="{3945D014-1A7A-2543-AC62-595873D7E239}"/>
          </ac:spMkLst>
        </pc:spChg>
        <pc:spChg chg="add del mod">
          <ac:chgData name="Daly Donnacha HSLU I" userId="0f22e960-400a-43ff-baeb-4828c8f5cd3a" providerId="ADAL" clId="{554BA7E0-55EE-9746-83EC-F09BDB4BCF3A}" dt="2021-04-23T14:08:40.786" v="7390" actId="478"/>
          <ac:spMkLst>
            <pc:docMk/>
            <pc:sldMk cId="2517132393" sldId="659"/>
            <ac:spMk id="145" creationId="{2F4F7768-798A-6B44-A24B-1C7A5D50512A}"/>
          </ac:spMkLst>
        </pc:spChg>
        <pc:spChg chg="add del mod">
          <ac:chgData name="Daly Donnacha HSLU I" userId="0f22e960-400a-43ff-baeb-4828c8f5cd3a" providerId="ADAL" clId="{554BA7E0-55EE-9746-83EC-F09BDB4BCF3A}" dt="2021-04-23T10:13:00.550" v="5384" actId="478"/>
          <ac:spMkLst>
            <pc:docMk/>
            <pc:sldMk cId="2517132393" sldId="659"/>
            <ac:spMk id="147" creationId="{8AFA2040-7F03-8B48-B382-EAEDF709B80C}"/>
          </ac:spMkLst>
        </pc:spChg>
        <pc:spChg chg="add del mod">
          <ac:chgData name="Daly Donnacha HSLU I" userId="0f22e960-400a-43ff-baeb-4828c8f5cd3a" providerId="ADAL" clId="{554BA7E0-55EE-9746-83EC-F09BDB4BCF3A}" dt="2021-04-23T10:12:56.871" v="5383" actId="478"/>
          <ac:spMkLst>
            <pc:docMk/>
            <pc:sldMk cId="2517132393" sldId="659"/>
            <ac:spMk id="149" creationId="{93B53865-D8B8-004F-84A7-D937620B9A0A}"/>
          </ac:spMkLst>
        </pc:spChg>
        <pc:spChg chg="add del mod">
          <ac:chgData name="Daly Donnacha HSLU I" userId="0f22e960-400a-43ff-baeb-4828c8f5cd3a" providerId="ADAL" clId="{554BA7E0-55EE-9746-83EC-F09BDB4BCF3A}" dt="2021-04-23T10:12:02.223" v="5337" actId="478"/>
          <ac:spMkLst>
            <pc:docMk/>
            <pc:sldMk cId="2517132393" sldId="659"/>
            <ac:spMk id="150" creationId="{AB56FAB1-0142-3642-ADB1-E58F2D01F617}"/>
          </ac:spMkLst>
        </pc:spChg>
        <pc:spChg chg="add del mod">
          <ac:chgData name="Daly Donnacha HSLU I" userId="0f22e960-400a-43ff-baeb-4828c8f5cd3a" providerId="ADAL" clId="{554BA7E0-55EE-9746-83EC-F09BDB4BCF3A}" dt="2021-04-23T10:12:02.223" v="5337" actId="478"/>
          <ac:spMkLst>
            <pc:docMk/>
            <pc:sldMk cId="2517132393" sldId="659"/>
            <ac:spMk id="151" creationId="{3B164AF1-5177-A34B-B84D-2E09195FC684}"/>
          </ac:spMkLst>
        </pc:spChg>
        <pc:spChg chg="add del mod">
          <ac:chgData name="Daly Donnacha HSLU I" userId="0f22e960-400a-43ff-baeb-4828c8f5cd3a" providerId="ADAL" clId="{554BA7E0-55EE-9746-83EC-F09BDB4BCF3A}" dt="2021-04-23T10:12:56.871" v="5383" actId="478"/>
          <ac:spMkLst>
            <pc:docMk/>
            <pc:sldMk cId="2517132393" sldId="659"/>
            <ac:spMk id="153" creationId="{4BE8208A-8FD3-864C-88A7-29314FC57777}"/>
          </ac:spMkLst>
        </pc:spChg>
        <pc:spChg chg="add del mod">
          <ac:chgData name="Daly Donnacha HSLU I" userId="0f22e960-400a-43ff-baeb-4828c8f5cd3a" providerId="ADAL" clId="{554BA7E0-55EE-9746-83EC-F09BDB4BCF3A}" dt="2021-04-23T12:19:49.541" v="6100" actId="1037"/>
          <ac:spMkLst>
            <pc:docMk/>
            <pc:sldMk cId="2517132393" sldId="659"/>
            <ac:spMk id="181" creationId="{6E41B91A-F972-1A4F-AE20-434204588E6B}"/>
          </ac:spMkLst>
        </pc:spChg>
        <pc:spChg chg="add mod">
          <ac:chgData name="Daly Donnacha HSLU I" userId="0f22e960-400a-43ff-baeb-4828c8f5cd3a" providerId="ADAL" clId="{554BA7E0-55EE-9746-83EC-F09BDB4BCF3A}" dt="2021-04-23T14:08:41.173" v="7391"/>
          <ac:spMkLst>
            <pc:docMk/>
            <pc:sldMk cId="2517132393" sldId="659"/>
            <ac:spMk id="182" creationId="{2ABB2C96-5187-D045-A236-460081341792}"/>
          </ac:spMkLst>
        </pc:spChg>
        <pc:spChg chg="add mod">
          <ac:chgData name="Daly Donnacha HSLU I" userId="0f22e960-400a-43ff-baeb-4828c8f5cd3a" providerId="ADAL" clId="{554BA7E0-55EE-9746-83EC-F09BDB4BCF3A}" dt="2021-04-23T14:08:41.173" v="7391"/>
          <ac:spMkLst>
            <pc:docMk/>
            <pc:sldMk cId="2517132393" sldId="659"/>
            <ac:spMk id="183" creationId="{CC391373-38AA-AA4E-AD85-941CC7F3F75D}"/>
          </ac:spMkLst>
        </pc:spChg>
        <pc:spChg chg="add mod">
          <ac:chgData name="Daly Donnacha HSLU I" userId="0f22e960-400a-43ff-baeb-4828c8f5cd3a" providerId="ADAL" clId="{554BA7E0-55EE-9746-83EC-F09BDB4BCF3A}" dt="2021-04-23T14:08:53.419" v="7393"/>
          <ac:spMkLst>
            <pc:docMk/>
            <pc:sldMk cId="2517132393" sldId="659"/>
            <ac:spMk id="184" creationId="{66FAF9B9-A6CC-DD4D-994A-C80E43DBD27F}"/>
          </ac:spMkLst>
        </pc:spChg>
        <pc:spChg chg="add mod">
          <ac:chgData name="Daly Donnacha HSLU I" userId="0f22e960-400a-43ff-baeb-4828c8f5cd3a" providerId="ADAL" clId="{554BA7E0-55EE-9746-83EC-F09BDB4BCF3A}" dt="2021-04-23T14:08:53.419" v="7393"/>
          <ac:spMkLst>
            <pc:docMk/>
            <pc:sldMk cId="2517132393" sldId="659"/>
            <ac:spMk id="185" creationId="{DCE34CFF-887A-F946-9758-085827EF3DB9}"/>
          </ac:spMkLst>
        </pc:spChg>
        <pc:grpChg chg="add mod">
          <ac:chgData name="Daly Donnacha HSLU I" userId="0f22e960-400a-43ff-baeb-4828c8f5cd3a" providerId="ADAL" clId="{554BA7E0-55EE-9746-83EC-F09BDB4BCF3A}" dt="2021-04-23T10:16:54.974" v="5459" actId="164"/>
          <ac:grpSpMkLst>
            <pc:docMk/>
            <pc:sldMk cId="2517132393" sldId="659"/>
            <ac:grpSpMk id="176" creationId="{80B5570D-5EB0-D14F-AD97-D6A7EEB2E027}"/>
          </ac:grpSpMkLst>
        </pc:grpChg>
        <pc:grpChg chg="add mod">
          <ac:chgData name="Daly Donnacha HSLU I" userId="0f22e960-400a-43ff-baeb-4828c8f5cd3a" providerId="ADAL" clId="{554BA7E0-55EE-9746-83EC-F09BDB4BCF3A}" dt="2021-04-23T10:17:27.362" v="5466" actId="1076"/>
          <ac:grpSpMkLst>
            <pc:docMk/>
            <pc:sldMk cId="2517132393" sldId="659"/>
            <ac:grpSpMk id="177" creationId="{86F65E61-C7C7-0E4D-BBD4-37CB6605BBA0}"/>
          </ac:grpSpMkLst>
        </pc:grpChg>
        <pc:picChg chg="add del mod">
          <ac:chgData name="Daly Donnacha HSLU I" userId="0f22e960-400a-43ff-baeb-4828c8f5cd3a" providerId="ADAL" clId="{554BA7E0-55EE-9746-83EC-F09BDB4BCF3A}" dt="2021-04-23T09:57:04.873" v="5048"/>
          <ac:picMkLst>
            <pc:docMk/>
            <pc:sldMk cId="2517132393" sldId="659"/>
            <ac:picMk id="27" creationId="{61AADF37-0807-2447-8352-9C405EF6F4E7}"/>
          </ac:picMkLst>
        </pc:picChg>
        <pc:picChg chg="add del mod">
          <ac:chgData name="Daly Donnacha HSLU I" userId="0f22e960-400a-43ff-baeb-4828c8f5cd3a" providerId="ADAL" clId="{554BA7E0-55EE-9746-83EC-F09BDB4BCF3A}" dt="2021-04-23T09:57:04.873" v="5048"/>
          <ac:picMkLst>
            <pc:docMk/>
            <pc:sldMk cId="2517132393" sldId="659"/>
            <ac:picMk id="28" creationId="{88D55C97-DA60-B84B-8785-2C372169745E}"/>
          </ac:picMkLst>
        </pc:picChg>
        <pc:picChg chg="add del mod">
          <ac:chgData name="Daly Donnacha HSLU I" userId="0f22e960-400a-43ff-baeb-4828c8f5cd3a" providerId="ADAL" clId="{554BA7E0-55EE-9746-83EC-F09BDB4BCF3A}" dt="2021-04-23T09:57:04.873" v="5048"/>
          <ac:picMkLst>
            <pc:docMk/>
            <pc:sldMk cId="2517132393" sldId="659"/>
            <ac:picMk id="29" creationId="{52D1C569-FCE5-6943-A9FA-C47254756C72}"/>
          </ac:picMkLst>
        </pc:picChg>
        <pc:picChg chg="add del mod">
          <ac:chgData name="Daly Donnacha HSLU I" userId="0f22e960-400a-43ff-baeb-4828c8f5cd3a" providerId="ADAL" clId="{554BA7E0-55EE-9746-83EC-F09BDB4BCF3A}" dt="2021-04-23T09:57:04.873" v="5048"/>
          <ac:picMkLst>
            <pc:docMk/>
            <pc:sldMk cId="2517132393" sldId="659"/>
            <ac:picMk id="30" creationId="{DDD2BCBB-4A83-4340-8C6E-784C94946D71}"/>
          </ac:picMkLst>
        </pc:picChg>
        <pc:picChg chg="add del mod">
          <ac:chgData name="Daly Donnacha HSLU I" userId="0f22e960-400a-43ff-baeb-4828c8f5cd3a" providerId="ADAL" clId="{554BA7E0-55EE-9746-83EC-F09BDB4BCF3A}" dt="2021-04-23T09:57:04.873" v="5048"/>
          <ac:picMkLst>
            <pc:docMk/>
            <pc:sldMk cId="2517132393" sldId="659"/>
            <ac:picMk id="31" creationId="{AEDFDD80-F565-B043-A370-0A27B6CA531F}"/>
          </ac:picMkLst>
        </pc:picChg>
        <pc:picChg chg="add del mod">
          <ac:chgData name="Daly Donnacha HSLU I" userId="0f22e960-400a-43ff-baeb-4828c8f5cd3a" providerId="ADAL" clId="{554BA7E0-55EE-9746-83EC-F09BDB4BCF3A}" dt="2021-04-23T09:57:04.873" v="5048"/>
          <ac:picMkLst>
            <pc:docMk/>
            <pc:sldMk cId="2517132393" sldId="659"/>
            <ac:picMk id="32" creationId="{2A972811-2CE3-2E45-816C-87F2B7253599}"/>
          </ac:picMkLst>
        </pc:picChg>
        <pc:picChg chg="add del mod">
          <ac:chgData name="Daly Donnacha HSLU I" userId="0f22e960-400a-43ff-baeb-4828c8f5cd3a" providerId="ADAL" clId="{554BA7E0-55EE-9746-83EC-F09BDB4BCF3A}" dt="2021-04-23T09:57:04.873" v="5048"/>
          <ac:picMkLst>
            <pc:docMk/>
            <pc:sldMk cId="2517132393" sldId="659"/>
            <ac:picMk id="33" creationId="{6D8A4BE0-1DD3-AD47-9EEF-E0F619EB1953}"/>
          </ac:picMkLst>
        </pc:picChg>
        <pc:picChg chg="add del mod">
          <ac:chgData name="Daly Donnacha HSLU I" userId="0f22e960-400a-43ff-baeb-4828c8f5cd3a" providerId="ADAL" clId="{554BA7E0-55EE-9746-83EC-F09BDB4BCF3A}" dt="2021-04-23T09:57:04.873" v="5048"/>
          <ac:picMkLst>
            <pc:docMk/>
            <pc:sldMk cId="2517132393" sldId="659"/>
            <ac:picMk id="34" creationId="{09C74271-29CD-5B41-8E43-AF88E1AF8E94}"/>
          </ac:picMkLst>
        </pc:picChg>
        <pc:picChg chg="add del mod">
          <ac:chgData name="Daly Donnacha HSLU I" userId="0f22e960-400a-43ff-baeb-4828c8f5cd3a" providerId="ADAL" clId="{554BA7E0-55EE-9746-83EC-F09BDB4BCF3A}" dt="2021-04-23T09:57:04.873" v="5048"/>
          <ac:picMkLst>
            <pc:docMk/>
            <pc:sldMk cId="2517132393" sldId="659"/>
            <ac:picMk id="35" creationId="{3A10EFB8-72E0-464C-8B90-BD26CE9528B5}"/>
          </ac:picMkLst>
        </pc:picChg>
        <pc:picChg chg="add del mod">
          <ac:chgData name="Daly Donnacha HSLU I" userId="0f22e960-400a-43ff-baeb-4828c8f5cd3a" providerId="ADAL" clId="{554BA7E0-55EE-9746-83EC-F09BDB4BCF3A}" dt="2021-04-23T09:57:04.873" v="5048"/>
          <ac:picMkLst>
            <pc:docMk/>
            <pc:sldMk cId="2517132393" sldId="659"/>
            <ac:picMk id="36" creationId="{58163A5D-F2E6-4C40-87D0-BE09E861E55C}"/>
          </ac:picMkLst>
        </pc:picChg>
        <pc:picChg chg="add del mod">
          <ac:chgData name="Daly Donnacha HSLU I" userId="0f22e960-400a-43ff-baeb-4828c8f5cd3a" providerId="ADAL" clId="{554BA7E0-55EE-9746-83EC-F09BDB4BCF3A}" dt="2021-04-23T09:57:04.873" v="5048"/>
          <ac:picMkLst>
            <pc:docMk/>
            <pc:sldMk cId="2517132393" sldId="659"/>
            <ac:picMk id="37" creationId="{01AEDD3E-DC2F-2D4C-9BAD-83737C41E94C}"/>
          </ac:picMkLst>
        </pc:picChg>
        <pc:picChg chg="add del mod modCrop">
          <ac:chgData name="Daly Donnacha HSLU I" userId="0f22e960-400a-43ff-baeb-4828c8f5cd3a" providerId="ADAL" clId="{554BA7E0-55EE-9746-83EC-F09BDB4BCF3A}" dt="2021-04-23T10:00:27.187" v="5124" actId="478"/>
          <ac:picMkLst>
            <pc:docMk/>
            <pc:sldMk cId="2517132393" sldId="659"/>
            <ac:picMk id="38" creationId="{7EC5C4C5-6279-EC48-8C1D-867584554156}"/>
          </ac:picMkLst>
        </pc:picChg>
        <pc:picChg chg="add mod modCrop">
          <ac:chgData name="Daly Donnacha HSLU I" userId="0f22e960-400a-43ff-baeb-4828c8f5cd3a" providerId="ADAL" clId="{554BA7E0-55EE-9746-83EC-F09BDB4BCF3A}" dt="2021-04-23T10:09:15.499" v="5291" actId="1038"/>
          <ac:picMkLst>
            <pc:docMk/>
            <pc:sldMk cId="2517132393" sldId="659"/>
            <ac:picMk id="39" creationId="{536C0CF6-93AC-6248-948A-0F94EFA06156}"/>
          </ac:picMkLst>
        </pc:picChg>
        <pc:picChg chg="add del mod">
          <ac:chgData name="Daly Donnacha HSLU I" userId="0f22e960-400a-43ff-baeb-4828c8f5cd3a" providerId="ADAL" clId="{554BA7E0-55EE-9746-83EC-F09BDB4BCF3A}" dt="2021-04-23T09:58:21.936" v="5075"/>
          <ac:picMkLst>
            <pc:docMk/>
            <pc:sldMk cId="2517132393" sldId="659"/>
            <ac:picMk id="52" creationId="{29B5DBAF-A088-C144-BCCD-4D61B9264B11}"/>
          </ac:picMkLst>
        </pc:picChg>
        <pc:picChg chg="add del mod">
          <ac:chgData name="Daly Donnacha HSLU I" userId="0f22e960-400a-43ff-baeb-4828c8f5cd3a" providerId="ADAL" clId="{554BA7E0-55EE-9746-83EC-F09BDB4BCF3A}" dt="2021-04-23T09:58:21.936" v="5075"/>
          <ac:picMkLst>
            <pc:docMk/>
            <pc:sldMk cId="2517132393" sldId="659"/>
            <ac:picMk id="53" creationId="{8A98444A-ECE3-6B4A-B3A8-1CA277F3A3B3}"/>
          </ac:picMkLst>
        </pc:picChg>
        <pc:picChg chg="add del mod">
          <ac:chgData name="Daly Donnacha HSLU I" userId="0f22e960-400a-43ff-baeb-4828c8f5cd3a" providerId="ADAL" clId="{554BA7E0-55EE-9746-83EC-F09BDB4BCF3A}" dt="2021-04-23T09:58:21.936" v="5075"/>
          <ac:picMkLst>
            <pc:docMk/>
            <pc:sldMk cId="2517132393" sldId="659"/>
            <ac:picMk id="54" creationId="{C8CB9501-ECF4-2840-B28C-7C5970B42847}"/>
          </ac:picMkLst>
        </pc:picChg>
        <pc:picChg chg="add del mod">
          <ac:chgData name="Daly Donnacha HSLU I" userId="0f22e960-400a-43ff-baeb-4828c8f5cd3a" providerId="ADAL" clId="{554BA7E0-55EE-9746-83EC-F09BDB4BCF3A}" dt="2021-04-23T09:58:21.936" v="5075"/>
          <ac:picMkLst>
            <pc:docMk/>
            <pc:sldMk cId="2517132393" sldId="659"/>
            <ac:picMk id="55" creationId="{8A8538AE-48BD-1445-A261-AD480B8AFBC5}"/>
          </ac:picMkLst>
        </pc:picChg>
        <pc:picChg chg="add del mod">
          <ac:chgData name="Daly Donnacha HSLU I" userId="0f22e960-400a-43ff-baeb-4828c8f5cd3a" providerId="ADAL" clId="{554BA7E0-55EE-9746-83EC-F09BDB4BCF3A}" dt="2021-04-23T09:58:21.936" v="5075"/>
          <ac:picMkLst>
            <pc:docMk/>
            <pc:sldMk cId="2517132393" sldId="659"/>
            <ac:picMk id="56" creationId="{D10ACBBE-D242-EA4E-AA18-25DCDC35A236}"/>
          </ac:picMkLst>
        </pc:picChg>
        <pc:picChg chg="add del mod">
          <ac:chgData name="Daly Donnacha HSLU I" userId="0f22e960-400a-43ff-baeb-4828c8f5cd3a" providerId="ADAL" clId="{554BA7E0-55EE-9746-83EC-F09BDB4BCF3A}" dt="2021-04-23T09:58:36.635" v="5083" actId="478"/>
          <ac:picMkLst>
            <pc:docMk/>
            <pc:sldMk cId="2517132393" sldId="659"/>
            <ac:picMk id="57" creationId="{6E5F138E-7BDE-744C-AF92-FB4E3C508EF2}"/>
          </ac:picMkLst>
        </pc:picChg>
        <pc:picChg chg="add del mod">
          <ac:chgData name="Daly Donnacha HSLU I" userId="0f22e960-400a-43ff-baeb-4828c8f5cd3a" providerId="ADAL" clId="{554BA7E0-55EE-9746-83EC-F09BDB4BCF3A}" dt="2021-04-23T10:01:27.059" v="5147" actId="478"/>
          <ac:picMkLst>
            <pc:docMk/>
            <pc:sldMk cId="2517132393" sldId="659"/>
            <ac:picMk id="70" creationId="{D0E91654-27C0-0C46-A791-7E5A7972EA96}"/>
          </ac:picMkLst>
        </pc:picChg>
        <pc:picChg chg="add del mod">
          <ac:chgData name="Daly Donnacha HSLU I" userId="0f22e960-400a-43ff-baeb-4828c8f5cd3a" providerId="ADAL" clId="{554BA7E0-55EE-9746-83EC-F09BDB4BCF3A}" dt="2021-04-23T10:01:26.252" v="5146" actId="478"/>
          <ac:picMkLst>
            <pc:docMk/>
            <pc:sldMk cId="2517132393" sldId="659"/>
            <ac:picMk id="71" creationId="{BDDC0D33-7AA1-5B48-8C77-E2970AAC7B42}"/>
          </ac:picMkLst>
        </pc:picChg>
        <pc:picChg chg="add del mod">
          <ac:chgData name="Daly Donnacha HSLU I" userId="0f22e960-400a-43ff-baeb-4828c8f5cd3a" providerId="ADAL" clId="{554BA7E0-55EE-9746-83EC-F09BDB4BCF3A}" dt="2021-04-23T10:01:28.046" v="5148" actId="478"/>
          <ac:picMkLst>
            <pc:docMk/>
            <pc:sldMk cId="2517132393" sldId="659"/>
            <ac:picMk id="72" creationId="{AA339FF2-B878-4F4C-8922-DECEE42436B6}"/>
          </ac:picMkLst>
        </pc:picChg>
        <pc:picChg chg="add del mod">
          <ac:chgData name="Daly Donnacha HSLU I" userId="0f22e960-400a-43ff-baeb-4828c8f5cd3a" providerId="ADAL" clId="{554BA7E0-55EE-9746-83EC-F09BDB4BCF3A}" dt="2021-04-23T10:01:28.602" v="5149" actId="478"/>
          <ac:picMkLst>
            <pc:docMk/>
            <pc:sldMk cId="2517132393" sldId="659"/>
            <ac:picMk id="73" creationId="{C546085C-8F39-BA44-AF14-E08AFDE0B7CE}"/>
          </ac:picMkLst>
        </pc:picChg>
        <pc:picChg chg="add del mod">
          <ac:chgData name="Daly Donnacha HSLU I" userId="0f22e960-400a-43ff-baeb-4828c8f5cd3a" providerId="ADAL" clId="{554BA7E0-55EE-9746-83EC-F09BDB4BCF3A}" dt="2021-04-23T10:01:29.380" v="5150" actId="478"/>
          <ac:picMkLst>
            <pc:docMk/>
            <pc:sldMk cId="2517132393" sldId="659"/>
            <ac:picMk id="74" creationId="{AAD85966-7732-3746-9FBA-80831F28C91B}"/>
          </ac:picMkLst>
        </pc:picChg>
        <pc:picChg chg="add del mod">
          <ac:chgData name="Daly Donnacha HSLU I" userId="0f22e960-400a-43ff-baeb-4828c8f5cd3a" providerId="ADAL" clId="{554BA7E0-55EE-9746-83EC-F09BDB4BCF3A}" dt="2021-04-23T10:04:00.228" v="5212" actId="21"/>
          <ac:picMkLst>
            <pc:docMk/>
            <pc:sldMk cId="2517132393" sldId="659"/>
            <ac:picMk id="75" creationId="{4E2A5ADC-348C-C94A-8813-53F7D1973ED2}"/>
          </ac:picMkLst>
        </pc:picChg>
        <pc:picChg chg="add del mod">
          <ac:chgData name="Daly Donnacha HSLU I" userId="0f22e960-400a-43ff-baeb-4828c8f5cd3a" providerId="ADAL" clId="{554BA7E0-55EE-9746-83EC-F09BDB4BCF3A}" dt="2021-04-23T10:04:00.228" v="5212" actId="21"/>
          <ac:picMkLst>
            <pc:docMk/>
            <pc:sldMk cId="2517132393" sldId="659"/>
            <ac:picMk id="76" creationId="{F3CFF9CC-1090-054B-9AE0-C4EFF620471F}"/>
          </ac:picMkLst>
        </pc:picChg>
        <pc:picChg chg="add del mod modCrop">
          <ac:chgData name="Daly Donnacha HSLU I" userId="0f22e960-400a-43ff-baeb-4828c8f5cd3a" providerId="ADAL" clId="{554BA7E0-55EE-9746-83EC-F09BDB4BCF3A}" dt="2021-04-23T10:04:00.228" v="5212" actId="21"/>
          <ac:picMkLst>
            <pc:docMk/>
            <pc:sldMk cId="2517132393" sldId="659"/>
            <ac:picMk id="77" creationId="{1DF3148F-E3D5-4F47-B477-DD05C547081E}"/>
          </ac:picMkLst>
        </pc:picChg>
        <pc:picChg chg="add del mod">
          <ac:chgData name="Daly Donnacha HSLU I" userId="0f22e960-400a-43ff-baeb-4828c8f5cd3a" providerId="ADAL" clId="{554BA7E0-55EE-9746-83EC-F09BDB4BCF3A}" dt="2021-04-23T10:04:00.228" v="5212" actId="21"/>
          <ac:picMkLst>
            <pc:docMk/>
            <pc:sldMk cId="2517132393" sldId="659"/>
            <ac:picMk id="78" creationId="{DD02C9F9-21C8-CA47-84D6-F64E40BF041A}"/>
          </ac:picMkLst>
        </pc:picChg>
        <pc:picChg chg="add del mod">
          <ac:chgData name="Daly Donnacha HSLU I" userId="0f22e960-400a-43ff-baeb-4828c8f5cd3a" providerId="ADAL" clId="{554BA7E0-55EE-9746-83EC-F09BDB4BCF3A}" dt="2021-04-23T10:04:00.228" v="5212" actId="21"/>
          <ac:picMkLst>
            <pc:docMk/>
            <pc:sldMk cId="2517132393" sldId="659"/>
            <ac:picMk id="79" creationId="{F8265DBD-F6E8-4D43-8545-1BFD8A41EDD4}"/>
          </ac:picMkLst>
        </pc:picChg>
        <pc:picChg chg="add del mod">
          <ac:chgData name="Daly Donnacha HSLU I" userId="0f22e960-400a-43ff-baeb-4828c8f5cd3a" providerId="ADAL" clId="{554BA7E0-55EE-9746-83EC-F09BDB4BCF3A}" dt="2021-04-23T10:00:39.165" v="5134"/>
          <ac:picMkLst>
            <pc:docMk/>
            <pc:sldMk cId="2517132393" sldId="659"/>
            <ac:picMk id="92" creationId="{B5348761-C8F4-B049-9516-11CE5A8EE717}"/>
          </ac:picMkLst>
        </pc:picChg>
        <pc:picChg chg="add del mod">
          <ac:chgData name="Daly Donnacha HSLU I" userId="0f22e960-400a-43ff-baeb-4828c8f5cd3a" providerId="ADAL" clId="{554BA7E0-55EE-9746-83EC-F09BDB4BCF3A}" dt="2021-04-23T10:00:39.165" v="5134"/>
          <ac:picMkLst>
            <pc:docMk/>
            <pc:sldMk cId="2517132393" sldId="659"/>
            <ac:picMk id="93" creationId="{05827B8D-481F-9F45-8CC0-95C1208EF3D4}"/>
          </ac:picMkLst>
        </pc:picChg>
        <pc:picChg chg="add del mod">
          <ac:chgData name="Daly Donnacha HSLU I" userId="0f22e960-400a-43ff-baeb-4828c8f5cd3a" providerId="ADAL" clId="{554BA7E0-55EE-9746-83EC-F09BDB4BCF3A}" dt="2021-04-23T10:00:39.165" v="5134"/>
          <ac:picMkLst>
            <pc:docMk/>
            <pc:sldMk cId="2517132393" sldId="659"/>
            <ac:picMk id="94" creationId="{4DA43699-38DE-E941-A550-3DA3FFC8EFDC}"/>
          </ac:picMkLst>
        </pc:picChg>
        <pc:picChg chg="add del mod">
          <ac:chgData name="Daly Donnacha HSLU I" userId="0f22e960-400a-43ff-baeb-4828c8f5cd3a" providerId="ADAL" clId="{554BA7E0-55EE-9746-83EC-F09BDB4BCF3A}" dt="2021-04-23T10:00:39.165" v="5134"/>
          <ac:picMkLst>
            <pc:docMk/>
            <pc:sldMk cId="2517132393" sldId="659"/>
            <ac:picMk id="95" creationId="{CC7F5350-A194-2D4D-818F-FA667EC63D33}"/>
          </ac:picMkLst>
        </pc:picChg>
        <pc:picChg chg="add del mod">
          <ac:chgData name="Daly Donnacha HSLU I" userId="0f22e960-400a-43ff-baeb-4828c8f5cd3a" providerId="ADAL" clId="{554BA7E0-55EE-9746-83EC-F09BDB4BCF3A}" dt="2021-04-23T10:00:39.165" v="5134"/>
          <ac:picMkLst>
            <pc:docMk/>
            <pc:sldMk cId="2517132393" sldId="659"/>
            <ac:picMk id="96" creationId="{ADC509C2-797E-604A-AA48-C102FFFC93C6}"/>
          </ac:picMkLst>
        </pc:picChg>
        <pc:picChg chg="add del mod">
          <ac:chgData name="Daly Donnacha HSLU I" userId="0f22e960-400a-43ff-baeb-4828c8f5cd3a" providerId="ADAL" clId="{554BA7E0-55EE-9746-83EC-F09BDB4BCF3A}" dt="2021-04-23T10:00:39.165" v="5134"/>
          <ac:picMkLst>
            <pc:docMk/>
            <pc:sldMk cId="2517132393" sldId="659"/>
            <ac:picMk id="97" creationId="{EDDED07E-5FC5-A344-B427-785E75831144}"/>
          </ac:picMkLst>
        </pc:picChg>
        <pc:picChg chg="add del mod">
          <ac:chgData name="Daly Donnacha HSLU I" userId="0f22e960-400a-43ff-baeb-4828c8f5cd3a" providerId="ADAL" clId="{554BA7E0-55EE-9746-83EC-F09BDB4BCF3A}" dt="2021-04-23T10:00:41.627" v="5136"/>
          <ac:picMkLst>
            <pc:docMk/>
            <pc:sldMk cId="2517132393" sldId="659"/>
            <ac:picMk id="110" creationId="{69EB0BC2-740E-D94B-96AF-740959AFF73B}"/>
          </ac:picMkLst>
        </pc:picChg>
        <pc:picChg chg="add del mod">
          <ac:chgData name="Daly Donnacha HSLU I" userId="0f22e960-400a-43ff-baeb-4828c8f5cd3a" providerId="ADAL" clId="{554BA7E0-55EE-9746-83EC-F09BDB4BCF3A}" dt="2021-04-23T10:00:41.627" v="5136"/>
          <ac:picMkLst>
            <pc:docMk/>
            <pc:sldMk cId="2517132393" sldId="659"/>
            <ac:picMk id="111" creationId="{37F21805-DF31-8242-B824-2BE3CDF5D296}"/>
          </ac:picMkLst>
        </pc:picChg>
        <pc:picChg chg="add del mod">
          <ac:chgData name="Daly Donnacha HSLU I" userId="0f22e960-400a-43ff-baeb-4828c8f5cd3a" providerId="ADAL" clId="{554BA7E0-55EE-9746-83EC-F09BDB4BCF3A}" dt="2021-04-23T10:00:41.627" v="5136"/>
          <ac:picMkLst>
            <pc:docMk/>
            <pc:sldMk cId="2517132393" sldId="659"/>
            <ac:picMk id="112" creationId="{F6A92B8A-EC5C-0D4B-A83E-4323DB7E11F5}"/>
          </ac:picMkLst>
        </pc:picChg>
        <pc:picChg chg="add del mod">
          <ac:chgData name="Daly Donnacha HSLU I" userId="0f22e960-400a-43ff-baeb-4828c8f5cd3a" providerId="ADAL" clId="{554BA7E0-55EE-9746-83EC-F09BDB4BCF3A}" dt="2021-04-23T10:00:41.627" v="5136"/>
          <ac:picMkLst>
            <pc:docMk/>
            <pc:sldMk cId="2517132393" sldId="659"/>
            <ac:picMk id="113" creationId="{0126EFC8-A971-1649-916D-1E07F7394032}"/>
          </ac:picMkLst>
        </pc:picChg>
        <pc:picChg chg="add del mod">
          <ac:chgData name="Daly Donnacha HSLU I" userId="0f22e960-400a-43ff-baeb-4828c8f5cd3a" providerId="ADAL" clId="{554BA7E0-55EE-9746-83EC-F09BDB4BCF3A}" dt="2021-04-23T10:00:41.627" v="5136"/>
          <ac:picMkLst>
            <pc:docMk/>
            <pc:sldMk cId="2517132393" sldId="659"/>
            <ac:picMk id="114" creationId="{83CCF33F-86AF-344C-BF06-D191913B7B06}"/>
          </ac:picMkLst>
        </pc:picChg>
        <pc:picChg chg="add del mod">
          <ac:chgData name="Daly Donnacha HSLU I" userId="0f22e960-400a-43ff-baeb-4828c8f5cd3a" providerId="ADAL" clId="{554BA7E0-55EE-9746-83EC-F09BDB4BCF3A}" dt="2021-04-23T10:00:41.627" v="5136"/>
          <ac:picMkLst>
            <pc:docMk/>
            <pc:sldMk cId="2517132393" sldId="659"/>
            <ac:picMk id="115" creationId="{AC209383-BAC5-0849-880C-4C8D068C946D}"/>
          </ac:picMkLst>
        </pc:picChg>
        <pc:picChg chg="add mod">
          <ac:chgData name="Daly Donnacha HSLU I" userId="0f22e960-400a-43ff-baeb-4828c8f5cd3a" providerId="ADAL" clId="{554BA7E0-55EE-9746-83EC-F09BDB4BCF3A}" dt="2021-04-23T10:09:15.499" v="5291" actId="1038"/>
          <ac:picMkLst>
            <pc:docMk/>
            <pc:sldMk cId="2517132393" sldId="659"/>
            <ac:picMk id="116" creationId="{C8E1414A-DC84-BA4D-895D-6B5E2605AD4A}"/>
          </ac:picMkLst>
        </pc:picChg>
        <pc:picChg chg="add del mod">
          <ac:chgData name="Daly Donnacha HSLU I" userId="0f22e960-400a-43ff-baeb-4828c8f5cd3a" providerId="ADAL" clId="{554BA7E0-55EE-9746-83EC-F09BDB4BCF3A}" dt="2021-04-23T10:04:00.228" v="5212" actId="21"/>
          <ac:picMkLst>
            <pc:docMk/>
            <pc:sldMk cId="2517132393" sldId="659"/>
            <ac:picMk id="117" creationId="{3FC66A31-C6DE-8045-BEC0-27A429CB33EC}"/>
          </ac:picMkLst>
        </pc:picChg>
        <pc:picChg chg="add del mod">
          <ac:chgData name="Daly Donnacha HSLU I" userId="0f22e960-400a-43ff-baeb-4828c8f5cd3a" providerId="ADAL" clId="{554BA7E0-55EE-9746-83EC-F09BDB4BCF3A}" dt="2021-04-23T10:03:57.090" v="5210"/>
          <ac:picMkLst>
            <pc:docMk/>
            <pc:sldMk cId="2517132393" sldId="659"/>
            <ac:picMk id="118" creationId="{EC8E3693-D0E7-6C43-B40A-1FF90C762598}"/>
          </ac:picMkLst>
        </pc:picChg>
        <pc:picChg chg="add del mod">
          <ac:chgData name="Daly Donnacha HSLU I" userId="0f22e960-400a-43ff-baeb-4828c8f5cd3a" providerId="ADAL" clId="{554BA7E0-55EE-9746-83EC-F09BDB4BCF3A}" dt="2021-04-23T10:04:48.053" v="5225" actId="478"/>
          <ac:picMkLst>
            <pc:docMk/>
            <pc:sldMk cId="2517132393" sldId="659"/>
            <ac:picMk id="119" creationId="{94437948-8146-1748-84D1-3F455F6712BB}"/>
          </ac:picMkLst>
        </pc:picChg>
        <pc:picChg chg="add mod">
          <ac:chgData name="Daly Donnacha HSLU I" userId="0f22e960-400a-43ff-baeb-4828c8f5cd3a" providerId="ADAL" clId="{554BA7E0-55EE-9746-83EC-F09BDB4BCF3A}" dt="2021-04-23T10:09:15.499" v="5291" actId="1038"/>
          <ac:picMkLst>
            <pc:docMk/>
            <pc:sldMk cId="2517132393" sldId="659"/>
            <ac:picMk id="120" creationId="{3800E2FD-E3A1-4944-8583-4A8F1AF21D11}"/>
          </ac:picMkLst>
        </pc:picChg>
        <pc:cxnChg chg="add del mod">
          <ac:chgData name="Daly Donnacha HSLU I" userId="0f22e960-400a-43ff-baeb-4828c8f5cd3a" providerId="ADAL" clId="{554BA7E0-55EE-9746-83EC-F09BDB4BCF3A}" dt="2021-04-23T09:57:04.873" v="5048"/>
          <ac:cxnSpMkLst>
            <pc:docMk/>
            <pc:sldMk cId="2517132393" sldId="659"/>
            <ac:cxnSpMk id="7" creationId="{D3E0F2CF-A4D0-6E40-8F97-B50B65CDF72D}"/>
          </ac:cxnSpMkLst>
        </pc:cxnChg>
        <pc:cxnChg chg="add del mod">
          <ac:chgData name="Daly Donnacha HSLU I" userId="0f22e960-400a-43ff-baeb-4828c8f5cd3a" providerId="ADAL" clId="{554BA7E0-55EE-9746-83EC-F09BDB4BCF3A}" dt="2021-04-23T09:57:04.873" v="5048"/>
          <ac:cxnSpMkLst>
            <pc:docMk/>
            <pc:sldMk cId="2517132393" sldId="659"/>
            <ac:cxnSpMk id="8" creationId="{016C6512-69FA-A243-AFBB-3B3AB05AA9DC}"/>
          </ac:cxnSpMkLst>
        </pc:cxnChg>
        <pc:cxnChg chg="add del mod">
          <ac:chgData name="Daly Donnacha HSLU I" userId="0f22e960-400a-43ff-baeb-4828c8f5cd3a" providerId="ADAL" clId="{554BA7E0-55EE-9746-83EC-F09BDB4BCF3A}" dt="2021-04-23T09:57:04.873" v="5048"/>
          <ac:cxnSpMkLst>
            <pc:docMk/>
            <pc:sldMk cId="2517132393" sldId="659"/>
            <ac:cxnSpMk id="10" creationId="{E47294B0-F134-944A-A96C-4DDC9A21E19A}"/>
          </ac:cxnSpMkLst>
        </pc:cxnChg>
        <pc:cxnChg chg="add del mod">
          <ac:chgData name="Daly Donnacha HSLU I" userId="0f22e960-400a-43ff-baeb-4828c8f5cd3a" providerId="ADAL" clId="{554BA7E0-55EE-9746-83EC-F09BDB4BCF3A}" dt="2021-04-23T09:57:04.873" v="5048"/>
          <ac:cxnSpMkLst>
            <pc:docMk/>
            <pc:sldMk cId="2517132393" sldId="659"/>
            <ac:cxnSpMk id="12" creationId="{09BB7DF0-D84C-F246-A3FD-3F6941C03936}"/>
          </ac:cxnSpMkLst>
        </pc:cxnChg>
        <pc:cxnChg chg="add del mod">
          <ac:chgData name="Daly Donnacha HSLU I" userId="0f22e960-400a-43ff-baeb-4828c8f5cd3a" providerId="ADAL" clId="{554BA7E0-55EE-9746-83EC-F09BDB4BCF3A}" dt="2021-04-23T09:57:04.873" v="5048"/>
          <ac:cxnSpMkLst>
            <pc:docMk/>
            <pc:sldMk cId="2517132393" sldId="659"/>
            <ac:cxnSpMk id="13" creationId="{3687B88A-573D-0F48-9955-C1DD4F1DA246}"/>
          </ac:cxnSpMkLst>
        </pc:cxnChg>
        <pc:cxnChg chg="add del mod">
          <ac:chgData name="Daly Donnacha HSLU I" userId="0f22e960-400a-43ff-baeb-4828c8f5cd3a" providerId="ADAL" clId="{554BA7E0-55EE-9746-83EC-F09BDB4BCF3A}" dt="2021-04-23T09:57:04.873" v="5048"/>
          <ac:cxnSpMkLst>
            <pc:docMk/>
            <pc:sldMk cId="2517132393" sldId="659"/>
            <ac:cxnSpMk id="14" creationId="{3738F7D3-D9EB-444B-BECE-5E5035527676}"/>
          </ac:cxnSpMkLst>
        </pc:cxnChg>
        <pc:cxnChg chg="add del mod">
          <ac:chgData name="Daly Donnacha HSLU I" userId="0f22e960-400a-43ff-baeb-4828c8f5cd3a" providerId="ADAL" clId="{554BA7E0-55EE-9746-83EC-F09BDB4BCF3A}" dt="2021-04-23T09:57:04.873" v="5048"/>
          <ac:cxnSpMkLst>
            <pc:docMk/>
            <pc:sldMk cId="2517132393" sldId="659"/>
            <ac:cxnSpMk id="19" creationId="{C0FD17F0-BA93-5741-BE7D-3D687C0F4191}"/>
          </ac:cxnSpMkLst>
        </pc:cxnChg>
        <pc:cxnChg chg="add del mod">
          <ac:chgData name="Daly Donnacha HSLU I" userId="0f22e960-400a-43ff-baeb-4828c8f5cd3a" providerId="ADAL" clId="{554BA7E0-55EE-9746-83EC-F09BDB4BCF3A}" dt="2021-04-23T09:57:04.873" v="5048"/>
          <ac:cxnSpMkLst>
            <pc:docMk/>
            <pc:sldMk cId="2517132393" sldId="659"/>
            <ac:cxnSpMk id="20" creationId="{E5666305-B424-F44B-A400-97A27036698F}"/>
          </ac:cxnSpMkLst>
        </pc:cxnChg>
        <pc:cxnChg chg="add del mod">
          <ac:chgData name="Daly Donnacha HSLU I" userId="0f22e960-400a-43ff-baeb-4828c8f5cd3a" providerId="ADAL" clId="{554BA7E0-55EE-9746-83EC-F09BDB4BCF3A}" dt="2021-04-23T09:57:04.873" v="5048"/>
          <ac:cxnSpMkLst>
            <pc:docMk/>
            <pc:sldMk cId="2517132393" sldId="659"/>
            <ac:cxnSpMk id="22" creationId="{930C5CAC-D90B-FE45-88C4-920F4744876E}"/>
          </ac:cxnSpMkLst>
        </pc:cxnChg>
        <pc:cxnChg chg="add del mod">
          <ac:chgData name="Daly Donnacha HSLU I" userId="0f22e960-400a-43ff-baeb-4828c8f5cd3a" providerId="ADAL" clId="{554BA7E0-55EE-9746-83EC-F09BDB4BCF3A}" dt="2021-04-23T09:57:04.873" v="5048"/>
          <ac:cxnSpMkLst>
            <pc:docMk/>
            <pc:sldMk cId="2517132393" sldId="659"/>
            <ac:cxnSpMk id="24" creationId="{ECBCCC01-8D45-A24F-B493-BC63119CF5C5}"/>
          </ac:cxnSpMkLst>
        </pc:cxnChg>
        <pc:cxnChg chg="add del mod">
          <ac:chgData name="Daly Donnacha HSLU I" userId="0f22e960-400a-43ff-baeb-4828c8f5cd3a" providerId="ADAL" clId="{554BA7E0-55EE-9746-83EC-F09BDB4BCF3A}" dt="2021-04-23T09:57:04.873" v="5048"/>
          <ac:cxnSpMkLst>
            <pc:docMk/>
            <pc:sldMk cId="2517132393" sldId="659"/>
            <ac:cxnSpMk id="25" creationId="{FD2F7337-F98C-3346-8233-C56CBF6A56CA}"/>
          </ac:cxnSpMkLst>
        </pc:cxnChg>
        <pc:cxnChg chg="add del mod">
          <ac:chgData name="Daly Donnacha HSLU I" userId="0f22e960-400a-43ff-baeb-4828c8f5cd3a" providerId="ADAL" clId="{554BA7E0-55EE-9746-83EC-F09BDB4BCF3A}" dt="2021-04-23T09:57:04.873" v="5048"/>
          <ac:cxnSpMkLst>
            <pc:docMk/>
            <pc:sldMk cId="2517132393" sldId="659"/>
            <ac:cxnSpMk id="26" creationId="{1DF6B23E-5BBB-2F41-96D4-17F39311B34F}"/>
          </ac:cxnSpMkLst>
        </pc:cxnChg>
        <pc:cxnChg chg="add del mod">
          <ac:chgData name="Daly Donnacha HSLU I" userId="0f22e960-400a-43ff-baeb-4828c8f5cd3a" providerId="ADAL" clId="{554BA7E0-55EE-9746-83EC-F09BDB4BCF3A}" dt="2021-04-23T09:58:21.936" v="5075"/>
          <ac:cxnSpMkLst>
            <pc:docMk/>
            <pc:sldMk cId="2517132393" sldId="659"/>
            <ac:cxnSpMk id="44" creationId="{7390DF93-EF05-0C4B-82B2-893B48599606}"/>
          </ac:cxnSpMkLst>
        </pc:cxnChg>
        <pc:cxnChg chg="add del mod">
          <ac:chgData name="Daly Donnacha HSLU I" userId="0f22e960-400a-43ff-baeb-4828c8f5cd3a" providerId="ADAL" clId="{554BA7E0-55EE-9746-83EC-F09BDB4BCF3A}" dt="2021-04-23T09:58:21.936" v="5075"/>
          <ac:cxnSpMkLst>
            <pc:docMk/>
            <pc:sldMk cId="2517132393" sldId="659"/>
            <ac:cxnSpMk id="45" creationId="{040B1F77-47BE-5746-BBF9-78244F145374}"/>
          </ac:cxnSpMkLst>
        </pc:cxnChg>
        <pc:cxnChg chg="add del mod">
          <ac:chgData name="Daly Donnacha HSLU I" userId="0f22e960-400a-43ff-baeb-4828c8f5cd3a" providerId="ADAL" clId="{554BA7E0-55EE-9746-83EC-F09BDB4BCF3A}" dt="2021-04-23T09:58:21.936" v="5075"/>
          <ac:cxnSpMkLst>
            <pc:docMk/>
            <pc:sldMk cId="2517132393" sldId="659"/>
            <ac:cxnSpMk id="47" creationId="{1657BDE2-F2BA-1348-9D7E-ACB20264B04F}"/>
          </ac:cxnSpMkLst>
        </pc:cxnChg>
        <pc:cxnChg chg="add del mod">
          <ac:chgData name="Daly Donnacha HSLU I" userId="0f22e960-400a-43ff-baeb-4828c8f5cd3a" providerId="ADAL" clId="{554BA7E0-55EE-9746-83EC-F09BDB4BCF3A}" dt="2021-04-23T09:58:21.936" v="5075"/>
          <ac:cxnSpMkLst>
            <pc:docMk/>
            <pc:sldMk cId="2517132393" sldId="659"/>
            <ac:cxnSpMk id="49" creationId="{2A8A90A2-4B9E-814E-903F-47A003BFE948}"/>
          </ac:cxnSpMkLst>
        </pc:cxnChg>
        <pc:cxnChg chg="add del mod">
          <ac:chgData name="Daly Donnacha HSLU I" userId="0f22e960-400a-43ff-baeb-4828c8f5cd3a" providerId="ADAL" clId="{554BA7E0-55EE-9746-83EC-F09BDB4BCF3A}" dt="2021-04-23T09:58:21.936" v="5075"/>
          <ac:cxnSpMkLst>
            <pc:docMk/>
            <pc:sldMk cId="2517132393" sldId="659"/>
            <ac:cxnSpMk id="50" creationId="{7C7CE9FF-4EDA-274F-9113-DD5B4557F5FA}"/>
          </ac:cxnSpMkLst>
        </pc:cxnChg>
        <pc:cxnChg chg="add del mod">
          <ac:chgData name="Daly Donnacha HSLU I" userId="0f22e960-400a-43ff-baeb-4828c8f5cd3a" providerId="ADAL" clId="{554BA7E0-55EE-9746-83EC-F09BDB4BCF3A}" dt="2021-04-23T09:58:21.936" v="5075"/>
          <ac:cxnSpMkLst>
            <pc:docMk/>
            <pc:sldMk cId="2517132393" sldId="659"/>
            <ac:cxnSpMk id="51" creationId="{88CE1787-C887-404E-8B2D-BB8D7D1909A5}"/>
          </ac:cxnSpMkLst>
        </pc:cxnChg>
        <pc:cxnChg chg="add del mod">
          <ac:chgData name="Daly Donnacha HSLU I" userId="0f22e960-400a-43ff-baeb-4828c8f5cd3a" providerId="ADAL" clId="{554BA7E0-55EE-9746-83EC-F09BDB4BCF3A}" dt="2021-04-23T10:04:00.228" v="5212" actId="21"/>
          <ac:cxnSpMkLst>
            <pc:docMk/>
            <pc:sldMk cId="2517132393" sldId="659"/>
            <ac:cxnSpMk id="62" creationId="{99371EFB-F8B0-4447-A066-0701AC87C6CD}"/>
          </ac:cxnSpMkLst>
        </pc:cxnChg>
        <pc:cxnChg chg="add del mod">
          <ac:chgData name="Daly Donnacha HSLU I" userId="0f22e960-400a-43ff-baeb-4828c8f5cd3a" providerId="ADAL" clId="{554BA7E0-55EE-9746-83EC-F09BDB4BCF3A}" dt="2021-04-23T10:04:00.228" v="5212" actId="21"/>
          <ac:cxnSpMkLst>
            <pc:docMk/>
            <pc:sldMk cId="2517132393" sldId="659"/>
            <ac:cxnSpMk id="63" creationId="{88001CC3-E837-4749-ABC4-EDAB2C0DB60F}"/>
          </ac:cxnSpMkLst>
        </pc:cxnChg>
        <pc:cxnChg chg="add del mod">
          <ac:chgData name="Daly Donnacha HSLU I" userId="0f22e960-400a-43ff-baeb-4828c8f5cd3a" providerId="ADAL" clId="{554BA7E0-55EE-9746-83EC-F09BDB4BCF3A}" dt="2021-04-23T10:04:00.228" v="5212" actId="21"/>
          <ac:cxnSpMkLst>
            <pc:docMk/>
            <pc:sldMk cId="2517132393" sldId="659"/>
            <ac:cxnSpMk id="65" creationId="{4029FCA5-59F5-3B40-A608-FF49D47DDF0C}"/>
          </ac:cxnSpMkLst>
        </pc:cxnChg>
        <pc:cxnChg chg="add del mod">
          <ac:chgData name="Daly Donnacha HSLU I" userId="0f22e960-400a-43ff-baeb-4828c8f5cd3a" providerId="ADAL" clId="{554BA7E0-55EE-9746-83EC-F09BDB4BCF3A}" dt="2021-04-23T10:04:00.228" v="5212" actId="21"/>
          <ac:cxnSpMkLst>
            <pc:docMk/>
            <pc:sldMk cId="2517132393" sldId="659"/>
            <ac:cxnSpMk id="67" creationId="{E1F040C3-AEC1-7D4C-A1E5-D12767F01EA6}"/>
          </ac:cxnSpMkLst>
        </pc:cxnChg>
        <pc:cxnChg chg="add del mod">
          <ac:chgData name="Daly Donnacha HSLU I" userId="0f22e960-400a-43ff-baeb-4828c8f5cd3a" providerId="ADAL" clId="{554BA7E0-55EE-9746-83EC-F09BDB4BCF3A}" dt="2021-04-23T10:04:00.228" v="5212" actId="21"/>
          <ac:cxnSpMkLst>
            <pc:docMk/>
            <pc:sldMk cId="2517132393" sldId="659"/>
            <ac:cxnSpMk id="68" creationId="{3DC76436-427F-B44B-83B9-5BF7C8235A03}"/>
          </ac:cxnSpMkLst>
        </pc:cxnChg>
        <pc:cxnChg chg="add del mod">
          <ac:chgData name="Daly Donnacha HSLU I" userId="0f22e960-400a-43ff-baeb-4828c8f5cd3a" providerId="ADAL" clId="{554BA7E0-55EE-9746-83EC-F09BDB4BCF3A}" dt="2021-04-23T10:04:00.228" v="5212" actId="21"/>
          <ac:cxnSpMkLst>
            <pc:docMk/>
            <pc:sldMk cId="2517132393" sldId="659"/>
            <ac:cxnSpMk id="69" creationId="{028EEEAE-10A5-EE40-8170-8E686448CCEF}"/>
          </ac:cxnSpMkLst>
        </pc:cxnChg>
        <pc:cxnChg chg="add del mod">
          <ac:chgData name="Daly Donnacha HSLU I" userId="0f22e960-400a-43ff-baeb-4828c8f5cd3a" providerId="ADAL" clId="{554BA7E0-55EE-9746-83EC-F09BDB4BCF3A}" dt="2021-04-23T10:00:39.165" v="5134"/>
          <ac:cxnSpMkLst>
            <pc:docMk/>
            <pc:sldMk cId="2517132393" sldId="659"/>
            <ac:cxnSpMk id="84" creationId="{AF851949-B343-B644-A131-0AABC243E6B3}"/>
          </ac:cxnSpMkLst>
        </pc:cxnChg>
        <pc:cxnChg chg="add del mod">
          <ac:chgData name="Daly Donnacha HSLU I" userId="0f22e960-400a-43ff-baeb-4828c8f5cd3a" providerId="ADAL" clId="{554BA7E0-55EE-9746-83EC-F09BDB4BCF3A}" dt="2021-04-23T10:00:39.165" v="5134"/>
          <ac:cxnSpMkLst>
            <pc:docMk/>
            <pc:sldMk cId="2517132393" sldId="659"/>
            <ac:cxnSpMk id="85" creationId="{E52DA8E9-51DB-D04C-8142-118C3B907A45}"/>
          </ac:cxnSpMkLst>
        </pc:cxnChg>
        <pc:cxnChg chg="add del mod">
          <ac:chgData name="Daly Donnacha HSLU I" userId="0f22e960-400a-43ff-baeb-4828c8f5cd3a" providerId="ADAL" clId="{554BA7E0-55EE-9746-83EC-F09BDB4BCF3A}" dt="2021-04-23T10:00:39.165" v="5134"/>
          <ac:cxnSpMkLst>
            <pc:docMk/>
            <pc:sldMk cId="2517132393" sldId="659"/>
            <ac:cxnSpMk id="87" creationId="{89BE6441-3C23-B842-824E-9938B5C09400}"/>
          </ac:cxnSpMkLst>
        </pc:cxnChg>
        <pc:cxnChg chg="add del mod">
          <ac:chgData name="Daly Donnacha HSLU I" userId="0f22e960-400a-43ff-baeb-4828c8f5cd3a" providerId="ADAL" clId="{554BA7E0-55EE-9746-83EC-F09BDB4BCF3A}" dt="2021-04-23T10:00:39.165" v="5134"/>
          <ac:cxnSpMkLst>
            <pc:docMk/>
            <pc:sldMk cId="2517132393" sldId="659"/>
            <ac:cxnSpMk id="89" creationId="{74567064-7724-674C-9DDB-CBF9B1169820}"/>
          </ac:cxnSpMkLst>
        </pc:cxnChg>
        <pc:cxnChg chg="add del mod">
          <ac:chgData name="Daly Donnacha HSLU I" userId="0f22e960-400a-43ff-baeb-4828c8f5cd3a" providerId="ADAL" clId="{554BA7E0-55EE-9746-83EC-F09BDB4BCF3A}" dt="2021-04-23T10:00:39.165" v="5134"/>
          <ac:cxnSpMkLst>
            <pc:docMk/>
            <pc:sldMk cId="2517132393" sldId="659"/>
            <ac:cxnSpMk id="90" creationId="{004B8419-D18B-D34B-9996-1E20038FC15D}"/>
          </ac:cxnSpMkLst>
        </pc:cxnChg>
        <pc:cxnChg chg="add del mod">
          <ac:chgData name="Daly Donnacha HSLU I" userId="0f22e960-400a-43ff-baeb-4828c8f5cd3a" providerId="ADAL" clId="{554BA7E0-55EE-9746-83EC-F09BDB4BCF3A}" dt="2021-04-23T10:00:39.165" v="5134"/>
          <ac:cxnSpMkLst>
            <pc:docMk/>
            <pc:sldMk cId="2517132393" sldId="659"/>
            <ac:cxnSpMk id="91" creationId="{E7D6D8B7-0BAD-6447-99A0-536BD518C8AD}"/>
          </ac:cxnSpMkLst>
        </pc:cxnChg>
        <pc:cxnChg chg="add del mod">
          <ac:chgData name="Daly Donnacha HSLU I" userId="0f22e960-400a-43ff-baeb-4828c8f5cd3a" providerId="ADAL" clId="{554BA7E0-55EE-9746-83EC-F09BDB4BCF3A}" dt="2021-04-23T10:00:41.627" v="5136"/>
          <ac:cxnSpMkLst>
            <pc:docMk/>
            <pc:sldMk cId="2517132393" sldId="659"/>
            <ac:cxnSpMk id="102" creationId="{385460D2-9F67-EC41-AC03-139D3074D4E3}"/>
          </ac:cxnSpMkLst>
        </pc:cxnChg>
        <pc:cxnChg chg="add del mod">
          <ac:chgData name="Daly Donnacha HSLU I" userId="0f22e960-400a-43ff-baeb-4828c8f5cd3a" providerId="ADAL" clId="{554BA7E0-55EE-9746-83EC-F09BDB4BCF3A}" dt="2021-04-23T10:00:41.627" v="5136"/>
          <ac:cxnSpMkLst>
            <pc:docMk/>
            <pc:sldMk cId="2517132393" sldId="659"/>
            <ac:cxnSpMk id="103" creationId="{F5A3A462-5AFC-0747-8C17-FBBF30B2322E}"/>
          </ac:cxnSpMkLst>
        </pc:cxnChg>
        <pc:cxnChg chg="add del mod">
          <ac:chgData name="Daly Donnacha HSLU I" userId="0f22e960-400a-43ff-baeb-4828c8f5cd3a" providerId="ADAL" clId="{554BA7E0-55EE-9746-83EC-F09BDB4BCF3A}" dt="2021-04-23T10:00:41.627" v="5136"/>
          <ac:cxnSpMkLst>
            <pc:docMk/>
            <pc:sldMk cId="2517132393" sldId="659"/>
            <ac:cxnSpMk id="105" creationId="{23FA612B-D012-3B4B-80F3-7A079EE530A8}"/>
          </ac:cxnSpMkLst>
        </pc:cxnChg>
        <pc:cxnChg chg="add del mod">
          <ac:chgData name="Daly Donnacha HSLU I" userId="0f22e960-400a-43ff-baeb-4828c8f5cd3a" providerId="ADAL" clId="{554BA7E0-55EE-9746-83EC-F09BDB4BCF3A}" dt="2021-04-23T10:00:41.627" v="5136"/>
          <ac:cxnSpMkLst>
            <pc:docMk/>
            <pc:sldMk cId="2517132393" sldId="659"/>
            <ac:cxnSpMk id="107" creationId="{D957B1E7-761C-BB44-B111-9E7EF8CA8486}"/>
          </ac:cxnSpMkLst>
        </pc:cxnChg>
        <pc:cxnChg chg="add del mod">
          <ac:chgData name="Daly Donnacha HSLU I" userId="0f22e960-400a-43ff-baeb-4828c8f5cd3a" providerId="ADAL" clId="{554BA7E0-55EE-9746-83EC-F09BDB4BCF3A}" dt="2021-04-23T10:00:41.627" v="5136"/>
          <ac:cxnSpMkLst>
            <pc:docMk/>
            <pc:sldMk cId="2517132393" sldId="659"/>
            <ac:cxnSpMk id="108" creationId="{0DC9EC50-F8CE-3D4D-8F56-9584D4ED2A59}"/>
          </ac:cxnSpMkLst>
        </pc:cxnChg>
        <pc:cxnChg chg="add del mod">
          <ac:chgData name="Daly Donnacha HSLU I" userId="0f22e960-400a-43ff-baeb-4828c8f5cd3a" providerId="ADAL" clId="{554BA7E0-55EE-9746-83EC-F09BDB4BCF3A}" dt="2021-04-23T10:00:41.627" v="5136"/>
          <ac:cxnSpMkLst>
            <pc:docMk/>
            <pc:sldMk cId="2517132393" sldId="659"/>
            <ac:cxnSpMk id="109" creationId="{CFF90FE5-29F9-2C45-9E60-9B44B70ABF3B}"/>
          </ac:cxnSpMkLst>
        </pc:cxnChg>
        <pc:cxnChg chg="add del mod">
          <ac:chgData name="Daly Donnacha HSLU I" userId="0f22e960-400a-43ff-baeb-4828c8f5cd3a" providerId="ADAL" clId="{554BA7E0-55EE-9746-83EC-F09BDB4BCF3A}" dt="2021-04-23T10:05:17.149" v="5235" actId="478"/>
          <ac:cxnSpMkLst>
            <pc:docMk/>
            <pc:sldMk cId="2517132393" sldId="659"/>
            <ac:cxnSpMk id="122" creationId="{2F70155E-BAE6-434C-AC30-1F32D22BA527}"/>
          </ac:cxnSpMkLst>
        </pc:cxnChg>
        <pc:cxnChg chg="add del mod">
          <ac:chgData name="Daly Donnacha HSLU I" userId="0f22e960-400a-43ff-baeb-4828c8f5cd3a" providerId="ADAL" clId="{554BA7E0-55EE-9746-83EC-F09BDB4BCF3A}" dt="2021-04-23T10:14:13.799" v="5430" actId="478"/>
          <ac:cxnSpMkLst>
            <pc:docMk/>
            <pc:sldMk cId="2517132393" sldId="659"/>
            <ac:cxnSpMk id="130" creationId="{CB2A6136-8C3F-934C-866F-FBDF1BE7F216}"/>
          </ac:cxnSpMkLst>
        </pc:cxnChg>
        <pc:cxnChg chg="add mod">
          <ac:chgData name="Daly Donnacha HSLU I" userId="0f22e960-400a-43ff-baeb-4828c8f5cd3a" providerId="ADAL" clId="{554BA7E0-55EE-9746-83EC-F09BDB4BCF3A}" dt="2021-04-23T14:08:40.786" v="7390" actId="478"/>
          <ac:cxnSpMkLst>
            <pc:docMk/>
            <pc:sldMk cId="2517132393" sldId="659"/>
            <ac:cxnSpMk id="146" creationId="{4D280F79-A453-5348-B9C2-4E39CB2DB66C}"/>
          </ac:cxnSpMkLst>
        </pc:cxnChg>
        <pc:cxnChg chg="add del mod">
          <ac:chgData name="Daly Donnacha HSLU I" userId="0f22e960-400a-43ff-baeb-4828c8f5cd3a" providerId="ADAL" clId="{554BA7E0-55EE-9746-83EC-F09BDB4BCF3A}" dt="2021-04-23T10:13:03.111" v="5385" actId="478"/>
          <ac:cxnSpMkLst>
            <pc:docMk/>
            <pc:sldMk cId="2517132393" sldId="659"/>
            <ac:cxnSpMk id="148" creationId="{13F44021-CDA7-0A41-9AF6-CC7B879054EB}"/>
          </ac:cxnSpMkLst>
        </pc:cxnChg>
        <pc:cxnChg chg="add del mod">
          <ac:chgData name="Daly Donnacha HSLU I" userId="0f22e960-400a-43ff-baeb-4828c8f5cd3a" providerId="ADAL" clId="{554BA7E0-55EE-9746-83EC-F09BDB4BCF3A}" dt="2021-04-23T10:12:02.223" v="5337" actId="478"/>
          <ac:cxnSpMkLst>
            <pc:docMk/>
            <pc:sldMk cId="2517132393" sldId="659"/>
            <ac:cxnSpMk id="152" creationId="{291669E4-B13D-E144-B1FF-C972D8A91E9D}"/>
          </ac:cxnSpMkLst>
        </pc:cxnChg>
        <pc:cxnChg chg="add del mod">
          <ac:chgData name="Daly Donnacha HSLU I" userId="0f22e960-400a-43ff-baeb-4828c8f5cd3a" providerId="ADAL" clId="{554BA7E0-55EE-9746-83EC-F09BDB4BCF3A}" dt="2021-04-23T10:12:02.223" v="5337" actId="478"/>
          <ac:cxnSpMkLst>
            <pc:docMk/>
            <pc:sldMk cId="2517132393" sldId="659"/>
            <ac:cxnSpMk id="154" creationId="{2EC5FFFC-A7A1-8E4F-AA99-F04663CAC224}"/>
          </ac:cxnSpMkLst>
        </pc:cxnChg>
        <pc:cxnChg chg="add mod">
          <ac:chgData name="Daly Donnacha HSLU I" userId="0f22e960-400a-43ff-baeb-4828c8f5cd3a" providerId="ADAL" clId="{554BA7E0-55EE-9746-83EC-F09BDB4BCF3A}" dt="2021-04-23T14:08:53.015" v="7392" actId="478"/>
          <ac:cxnSpMkLst>
            <pc:docMk/>
            <pc:sldMk cId="2517132393" sldId="659"/>
            <ac:cxnSpMk id="159" creationId="{364582B8-3E80-DB40-9017-2669CE6D098B}"/>
          </ac:cxnSpMkLst>
        </pc:cxnChg>
        <pc:cxnChg chg="add del mod">
          <ac:chgData name="Daly Donnacha HSLU I" userId="0f22e960-400a-43ff-baeb-4828c8f5cd3a" providerId="ADAL" clId="{554BA7E0-55EE-9746-83EC-F09BDB4BCF3A}" dt="2021-04-23T10:15:03.983" v="5443" actId="478"/>
          <ac:cxnSpMkLst>
            <pc:docMk/>
            <pc:sldMk cId="2517132393" sldId="659"/>
            <ac:cxnSpMk id="164" creationId="{29356AB6-564A-C648-93BE-743D3D3A4910}"/>
          </ac:cxnSpMkLst>
        </pc:cxnChg>
        <pc:cxnChg chg="add mod">
          <ac:chgData name="Daly Donnacha HSLU I" userId="0f22e960-400a-43ff-baeb-4828c8f5cd3a" providerId="ADAL" clId="{554BA7E0-55EE-9746-83EC-F09BDB4BCF3A}" dt="2021-04-23T10:16:54.974" v="5459" actId="164"/>
          <ac:cxnSpMkLst>
            <pc:docMk/>
            <pc:sldMk cId="2517132393" sldId="659"/>
            <ac:cxnSpMk id="166" creationId="{6F333570-0540-3649-B0E1-942FB59DFDDC}"/>
          </ac:cxnSpMkLst>
        </pc:cxnChg>
        <pc:cxnChg chg="add mod">
          <ac:chgData name="Daly Donnacha HSLU I" userId="0f22e960-400a-43ff-baeb-4828c8f5cd3a" providerId="ADAL" clId="{554BA7E0-55EE-9746-83EC-F09BDB4BCF3A}" dt="2021-04-23T10:16:54.974" v="5459" actId="164"/>
          <ac:cxnSpMkLst>
            <pc:docMk/>
            <pc:sldMk cId="2517132393" sldId="659"/>
            <ac:cxnSpMk id="167" creationId="{1C8BF941-3223-A64D-89B1-45926ABD8F52}"/>
          </ac:cxnSpMkLst>
        </pc:cxnChg>
        <pc:cxnChg chg="add del mod">
          <ac:chgData name="Daly Donnacha HSLU I" userId="0f22e960-400a-43ff-baeb-4828c8f5cd3a" providerId="ADAL" clId="{554BA7E0-55EE-9746-83EC-F09BDB4BCF3A}" dt="2021-04-23T10:16:05.512" v="5452" actId="478"/>
          <ac:cxnSpMkLst>
            <pc:docMk/>
            <pc:sldMk cId="2517132393" sldId="659"/>
            <ac:cxnSpMk id="170" creationId="{2F8D0875-4F64-D14A-8368-6290619DA96C}"/>
          </ac:cxnSpMkLst>
        </pc:cxnChg>
        <pc:cxnChg chg="add mod">
          <ac:chgData name="Daly Donnacha HSLU I" userId="0f22e960-400a-43ff-baeb-4828c8f5cd3a" providerId="ADAL" clId="{554BA7E0-55EE-9746-83EC-F09BDB4BCF3A}" dt="2021-04-23T10:16:54.974" v="5459" actId="164"/>
          <ac:cxnSpMkLst>
            <pc:docMk/>
            <pc:sldMk cId="2517132393" sldId="659"/>
            <ac:cxnSpMk id="171" creationId="{394DCB21-EB12-B64C-B996-1B1C764355AC}"/>
          </ac:cxnSpMkLst>
        </pc:cxnChg>
        <pc:cxnChg chg="mod">
          <ac:chgData name="Daly Donnacha HSLU I" userId="0f22e960-400a-43ff-baeb-4828c8f5cd3a" providerId="ADAL" clId="{554BA7E0-55EE-9746-83EC-F09BDB4BCF3A}" dt="2021-04-23T10:16:56.844" v="5460"/>
          <ac:cxnSpMkLst>
            <pc:docMk/>
            <pc:sldMk cId="2517132393" sldId="659"/>
            <ac:cxnSpMk id="178" creationId="{FB1837EA-5A83-814A-8ED3-8A330A813626}"/>
          </ac:cxnSpMkLst>
        </pc:cxnChg>
        <pc:cxnChg chg="mod">
          <ac:chgData name="Daly Donnacha HSLU I" userId="0f22e960-400a-43ff-baeb-4828c8f5cd3a" providerId="ADAL" clId="{554BA7E0-55EE-9746-83EC-F09BDB4BCF3A}" dt="2021-04-23T10:16:56.844" v="5460"/>
          <ac:cxnSpMkLst>
            <pc:docMk/>
            <pc:sldMk cId="2517132393" sldId="659"/>
            <ac:cxnSpMk id="179" creationId="{B12CED9F-B99A-F54F-9B6F-B79DCBEED347}"/>
          </ac:cxnSpMkLst>
        </pc:cxnChg>
        <pc:cxnChg chg="mod">
          <ac:chgData name="Daly Donnacha HSLU I" userId="0f22e960-400a-43ff-baeb-4828c8f5cd3a" providerId="ADAL" clId="{554BA7E0-55EE-9746-83EC-F09BDB4BCF3A}" dt="2021-04-23T10:16:56.844" v="5460"/>
          <ac:cxnSpMkLst>
            <pc:docMk/>
            <pc:sldMk cId="2517132393" sldId="659"/>
            <ac:cxnSpMk id="180" creationId="{61373466-0F03-DF4D-AA33-1BBEFC0E762D}"/>
          </ac:cxnSpMkLst>
        </pc:cxnChg>
      </pc:sldChg>
      <pc:sldChg chg="addSp delSp modSp add mod ord">
        <pc:chgData name="Daly Donnacha HSLU I" userId="0f22e960-400a-43ff-baeb-4828c8f5cd3a" providerId="ADAL" clId="{554BA7E0-55EE-9746-83EC-F09BDB4BCF3A}" dt="2021-04-23T14:07:45.389" v="7387" actId="20578"/>
        <pc:sldMkLst>
          <pc:docMk/>
          <pc:sldMk cId="3367850565" sldId="660"/>
        </pc:sldMkLst>
        <pc:spChg chg="mod">
          <ac:chgData name="Daly Donnacha HSLU I" userId="0f22e960-400a-43ff-baeb-4828c8f5cd3a" providerId="ADAL" clId="{554BA7E0-55EE-9746-83EC-F09BDB4BCF3A}" dt="2021-04-23T10:53:37.665" v="5893" actId="20577"/>
          <ac:spMkLst>
            <pc:docMk/>
            <pc:sldMk cId="3367850565" sldId="660"/>
            <ac:spMk id="2" creationId="{7F5CB8F0-0BDE-6640-B807-21A02CA7F5DD}"/>
          </ac:spMkLst>
        </pc:spChg>
        <pc:spChg chg="add mod">
          <ac:chgData name="Daly Donnacha HSLU I" userId="0f22e960-400a-43ff-baeb-4828c8f5cd3a" providerId="ADAL" clId="{554BA7E0-55EE-9746-83EC-F09BDB4BCF3A}" dt="2021-04-23T10:54:51.919" v="5943" actId="2085"/>
          <ac:spMkLst>
            <pc:docMk/>
            <pc:sldMk cId="3367850565" sldId="660"/>
            <ac:spMk id="11" creationId="{A8B81CCB-2963-9C45-8C2B-2A90584BE7B4}"/>
          </ac:spMkLst>
        </pc:spChg>
        <pc:spChg chg="add mod">
          <ac:chgData name="Daly Donnacha HSLU I" userId="0f22e960-400a-43ff-baeb-4828c8f5cd3a" providerId="ADAL" clId="{554BA7E0-55EE-9746-83EC-F09BDB4BCF3A}" dt="2021-04-23T10:56:37.674" v="5953" actId="1076"/>
          <ac:spMkLst>
            <pc:docMk/>
            <pc:sldMk cId="3367850565" sldId="660"/>
            <ac:spMk id="12" creationId="{D72C0672-E41A-3541-9D9D-7F13613E8C6E}"/>
          </ac:spMkLst>
        </pc:spChg>
        <pc:spChg chg="add mod">
          <ac:chgData name="Daly Donnacha HSLU I" userId="0f22e960-400a-43ff-baeb-4828c8f5cd3a" providerId="ADAL" clId="{554BA7E0-55EE-9746-83EC-F09BDB4BCF3A}" dt="2021-04-23T10:56:52.256" v="5957" actId="14100"/>
          <ac:spMkLst>
            <pc:docMk/>
            <pc:sldMk cId="3367850565" sldId="660"/>
            <ac:spMk id="33" creationId="{79BCDEDA-7F96-5D4C-856A-8DC1AF80FA00}"/>
          </ac:spMkLst>
        </pc:spChg>
        <pc:spChg chg="del">
          <ac:chgData name="Daly Donnacha HSLU I" userId="0f22e960-400a-43ff-baeb-4828c8f5cd3a" providerId="ADAL" clId="{554BA7E0-55EE-9746-83EC-F09BDB4BCF3A}" dt="2021-04-23T10:44:55.580" v="5792" actId="478"/>
          <ac:spMkLst>
            <pc:docMk/>
            <pc:sldMk cId="3367850565" sldId="660"/>
            <ac:spMk id="58" creationId="{4BF652F3-B0CE-B444-BAF4-4599173607B9}"/>
          </ac:spMkLst>
        </pc:spChg>
        <pc:spChg chg="del">
          <ac:chgData name="Daly Donnacha HSLU I" userId="0f22e960-400a-43ff-baeb-4828c8f5cd3a" providerId="ADAL" clId="{554BA7E0-55EE-9746-83EC-F09BDB4BCF3A}" dt="2021-04-23T10:44:55.580" v="5792" actId="478"/>
          <ac:spMkLst>
            <pc:docMk/>
            <pc:sldMk cId="3367850565" sldId="660"/>
            <ac:spMk id="59" creationId="{4A91C1C9-1815-A14A-AC07-F45E60A13878}"/>
          </ac:spMkLst>
        </pc:spChg>
        <pc:spChg chg="del">
          <ac:chgData name="Daly Donnacha HSLU I" userId="0f22e960-400a-43ff-baeb-4828c8f5cd3a" providerId="ADAL" clId="{554BA7E0-55EE-9746-83EC-F09BDB4BCF3A}" dt="2021-04-23T10:44:55.580" v="5792" actId="478"/>
          <ac:spMkLst>
            <pc:docMk/>
            <pc:sldMk cId="3367850565" sldId="660"/>
            <ac:spMk id="60" creationId="{A9B756E8-3050-604D-880A-4A6637B61958}"/>
          </ac:spMkLst>
        </pc:spChg>
        <pc:spChg chg="del">
          <ac:chgData name="Daly Donnacha HSLU I" userId="0f22e960-400a-43ff-baeb-4828c8f5cd3a" providerId="ADAL" clId="{554BA7E0-55EE-9746-83EC-F09BDB4BCF3A}" dt="2021-04-23T10:44:55.580" v="5792" actId="478"/>
          <ac:spMkLst>
            <pc:docMk/>
            <pc:sldMk cId="3367850565" sldId="660"/>
            <ac:spMk id="61" creationId="{F2325DEA-CB9F-7A49-A936-E8A2CB7C6AC0}"/>
          </ac:spMkLst>
        </pc:spChg>
        <pc:spChg chg="del">
          <ac:chgData name="Daly Donnacha HSLU I" userId="0f22e960-400a-43ff-baeb-4828c8f5cd3a" providerId="ADAL" clId="{554BA7E0-55EE-9746-83EC-F09BDB4BCF3A}" dt="2021-04-23T10:44:55.580" v="5792" actId="478"/>
          <ac:spMkLst>
            <pc:docMk/>
            <pc:sldMk cId="3367850565" sldId="660"/>
            <ac:spMk id="64" creationId="{FABD785A-EC9C-5541-8949-2D75B5A0C01B}"/>
          </ac:spMkLst>
        </pc:spChg>
        <pc:spChg chg="del mod">
          <ac:chgData name="Daly Donnacha HSLU I" userId="0f22e960-400a-43ff-baeb-4828c8f5cd3a" providerId="ADAL" clId="{554BA7E0-55EE-9746-83EC-F09BDB4BCF3A}" dt="2021-04-23T10:44:55.580" v="5792" actId="478"/>
          <ac:spMkLst>
            <pc:docMk/>
            <pc:sldMk cId="3367850565" sldId="660"/>
            <ac:spMk id="66" creationId="{FCED3A20-1CF0-BC4F-8DA1-2CC2E7981BDD}"/>
          </ac:spMkLst>
        </pc:spChg>
        <pc:picChg chg="add del mod">
          <ac:chgData name="Daly Donnacha HSLU I" userId="0f22e960-400a-43ff-baeb-4828c8f5cd3a" providerId="ADAL" clId="{554BA7E0-55EE-9746-83EC-F09BDB4BCF3A}" dt="2021-04-23T10:49:57.951" v="5799" actId="478"/>
          <ac:picMkLst>
            <pc:docMk/>
            <pc:sldMk cId="3367850565" sldId="660"/>
            <ac:picMk id="3" creationId="{5A3E91CB-B792-634F-A01A-625DA11A519F}"/>
          </ac:picMkLst>
        </pc:picChg>
        <pc:picChg chg="add mod">
          <ac:chgData name="Daly Donnacha HSLU I" userId="0f22e960-400a-43ff-baeb-4828c8f5cd3a" providerId="ADAL" clId="{554BA7E0-55EE-9746-83EC-F09BDB4BCF3A}" dt="2021-04-23T10:52:51.861" v="5855" actId="1076"/>
          <ac:picMkLst>
            <pc:docMk/>
            <pc:sldMk cId="3367850565" sldId="660"/>
            <ac:picMk id="4" creationId="{42363A2D-EBDA-D74D-A2F1-FD3D04062B77}"/>
          </ac:picMkLst>
        </pc:picChg>
        <pc:picChg chg="add mod">
          <ac:chgData name="Daly Donnacha HSLU I" userId="0f22e960-400a-43ff-baeb-4828c8f5cd3a" providerId="ADAL" clId="{554BA7E0-55EE-9746-83EC-F09BDB4BCF3A}" dt="2021-04-23T10:54:14.623" v="5935" actId="1076"/>
          <ac:picMkLst>
            <pc:docMk/>
            <pc:sldMk cId="3367850565" sldId="660"/>
            <ac:picMk id="5" creationId="{C0DC8AD9-7EAB-C949-BED2-B9B992A7F07A}"/>
          </ac:picMkLst>
        </pc:picChg>
        <pc:picChg chg="add mod">
          <ac:chgData name="Daly Donnacha HSLU I" userId="0f22e960-400a-43ff-baeb-4828c8f5cd3a" providerId="ADAL" clId="{554BA7E0-55EE-9746-83EC-F09BDB4BCF3A}" dt="2021-04-23T10:54:20.899" v="5937" actId="1076"/>
          <ac:picMkLst>
            <pc:docMk/>
            <pc:sldMk cId="3367850565" sldId="660"/>
            <ac:picMk id="6" creationId="{EA50C22B-438E-854D-A8B8-482BEB60E6C6}"/>
          </ac:picMkLst>
        </pc:picChg>
        <pc:picChg chg="add mod">
          <ac:chgData name="Daly Donnacha HSLU I" userId="0f22e960-400a-43ff-baeb-4828c8f5cd3a" providerId="ADAL" clId="{554BA7E0-55EE-9746-83EC-F09BDB4BCF3A}" dt="2021-04-23T10:54:19.425" v="5936" actId="1076"/>
          <ac:picMkLst>
            <pc:docMk/>
            <pc:sldMk cId="3367850565" sldId="660"/>
            <ac:picMk id="7" creationId="{D6EEBE9D-4753-C642-9DF1-D8EB36FC3AD0}"/>
          </ac:picMkLst>
        </pc:picChg>
        <pc:picChg chg="add del mod">
          <ac:chgData name="Daly Donnacha HSLU I" userId="0f22e960-400a-43ff-baeb-4828c8f5cd3a" providerId="ADAL" clId="{554BA7E0-55EE-9746-83EC-F09BDB4BCF3A}" dt="2021-04-23T10:51:41.761" v="5838"/>
          <ac:picMkLst>
            <pc:docMk/>
            <pc:sldMk cId="3367850565" sldId="660"/>
            <ac:picMk id="8" creationId="{3A2BD856-37D4-3042-8A35-D94B881511E9}"/>
          </ac:picMkLst>
        </pc:picChg>
        <pc:picChg chg="add mod">
          <ac:chgData name="Daly Donnacha HSLU I" userId="0f22e960-400a-43ff-baeb-4828c8f5cd3a" providerId="ADAL" clId="{554BA7E0-55EE-9746-83EC-F09BDB4BCF3A}" dt="2021-04-23T10:54:28.371" v="5940" actId="1076"/>
          <ac:picMkLst>
            <pc:docMk/>
            <pc:sldMk cId="3367850565" sldId="660"/>
            <ac:picMk id="9" creationId="{432B1CA0-24F6-EA4E-A5DF-AFBC2B627A11}"/>
          </ac:picMkLst>
        </pc:picChg>
        <pc:picChg chg="add mod">
          <ac:chgData name="Daly Donnacha HSLU I" userId="0f22e960-400a-43ff-baeb-4828c8f5cd3a" providerId="ADAL" clId="{554BA7E0-55EE-9746-83EC-F09BDB4BCF3A}" dt="2021-04-23T10:57:06.625" v="5960" actId="14100"/>
          <ac:picMkLst>
            <pc:docMk/>
            <pc:sldMk cId="3367850565" sldId="660"/>
            <ac:picMk id="10" creationId="{E4A608B8-14D3-FD40-88A6-001DF513462A}"/>
          </ac:picMkLst>
        </pc:picChg>
        <pc:picChg chg="mod modCrop">
          <ac:chgData name="Daly Donnacha HSLU I" userId="0f22e960-400a-43ff-baeb-4828c8f5cd3a" providerId="ADAL" clId="{554BA7E0-55EE-9746-83EC-F09BDB4BCF3A}" dt="2021-04-23T14:05:43.506" v="7360" actId="732"/>
          <ac:picMkLst>
            <pc:docMk/>
            <pc:sldMk cId="3367850565" sldId="660"/>
            <ac:picMk id="39" creationId="{536C0CF6-93AC-6248-948A-0F94EFA06156}"/>
          </ac:picMkLst>
        </pc:picChg>
        <pc:picChg chg="del">
          <ac:chgData name="Daly Donnacha HSLU I" userId="0f22e960-400a-43ff-baeb-4828c8f5cd3a" providerId="ADAL" clId="{554BA7E0-55EE-9746-83EC-F09BDB4BCF3A}" dt="2021-04-23T10:44:55.580" v="5792" actId="478"/>
          <ac:picMkLst>
            <pc:docMk/>
            <pc:sldMk cId="3367850565" sldId="660"/>
            <ac:picMk id="75" creationId="{4E2A5ADC-348C-C94A-8813-53F7D1973ED2}"/>
          </ac:picMkLst>
        </pc:picChg>
        <pc:picChg chg="del">
          <ac:chgData name="Daly Donnacha HSLU I" userId="0f22e960-400a-43ff-baeb-4828c8f5cd3a" providerId="ADAL" clId="{554BA7E0-55EE-9746-83EC-F09BDB4BCF3A}" dt="2021-04-23T10:44:55.580" v="5792" actId="478"/>
          <ac:picMkLst>
            <pc:docMk/>
            <pc:sldMk cId="3367850565" sldId="660"/>
            <ac:picMk id="76" creationId="{F3CFF9CC-1090-054B-9AE0-C4EFF620471F}"/>
          </ac:picMkLst>
        </pc:picChg>
        <pc:picChg chg="del">
          <ac:chgData name="Daly Donnacha HSLU I" userId="0f22e960-400a-43ff-baeb-4828c8f5cd3a" providerId="ADAL" clId="{554BA7E0-55EE-9746-83EC-F09BDB4BCF3A}" dt="2021-04-23T10:44:55.580" v="5792" actId="478"/>
          <ac:picMkLst>
            <pc:docMk/>
            <pc:sldMk cId="3367850565" sldId="660"/>
            <ac:picMk id="77" creationId="{1DF3148F-E3D5-4F47-B477-DD05C547081E}"/>
          </ac:picMkLst>
        </pc:picChg>
        <pc:picChg chg="del">
          <ac:chgData name="Daly Donnacha HSLU I" userId="0f22e960-400a-43ff-baeb-4828c8f5cd3a" providerId="ADAL" clId="{554BA7E0-55EE-9746-83EC-F09BDB4BCF3A}" dt="2021-04-23T10:44:55.580" v="5792" actId="478"/>
          <ac:picMkLst>
            <pc:docMk/>
            <pc:sldMk cId="3367850565" sldId="660"/>
            <ac:picMk id="78" creationId="{DD02C9F9-21C8-CA47-84D6-F64E40BF041A}"/>
          </ac:picMkLst>
        </pc:picChg>
        <pc:picChg chg="del">
          <ac:chgData name="Daly Donnacha HSLU I" userId="0f22e960-400a-43ff-baeb-4828c8f5cd3a" providerId="ADAL" clId="{554BA7E0-55EE-9746-83EC-F09BDB4BCF3A}" dt="2021-04-23T10:44:55.580" v="5792" actId="478"/>
          <ac:picMkLst>
            <pc:docMk/>
            <pc:sldMk cId="3367850565" sldId="660"/>
            <ac:picMk id="79" creationId="{F8265DBD-F6E8-4D43-8545-1BFD8A41EDD4}"/>
          </ac:picMkLst>
        </pc:picChg>
        <pc:picChg chg="del">
          <ac:chgData name="Daly Donnacha HSLU I" userId="0f22e960-400a-43ff-baeb-4828c8f5cd3a" providerId="ADAL" clId="{554BA7E0-55EE-9746-83EC-F09BDB4BCF3A}" dt="2021-04-23T10:44:52.959" v="5791" actId="478"/>
          <ac:picMkLst>
            <pc:docMk/>
            <pc:sldMk cId="3367850565" sldId="660"/>
            <ac:picMk id="116" creationId="{C8E1414A-DC84-BA4D-895D-6B5E2605AD4A}"/>
          </ac:picMkLst>
        </pc:picChg>
        <pc:picChg chg="del mod">
          <ac:chgData name="Daly Donnacha HSLU I" userId="0f22e960-400a-43ff-baeb-4828c8f5cd3a" providerId="ADAL" clId="{554BA7E0-55EE-9746-83EC-F09BDB4BCF3A}" dt="2021-04-23T10:44:55.580" v="5792" actId="478"/>
          <ac:picMkLst>
            <pc:docMk/>
            <pc:sldMk cId="3367850565" sldId="660"/>
            <ac:picMk id="117" creationId="{3FC66A31-C6DE-8045-BEC0-27A429CB33EC}"/>
          </ac:picMkLst>
        </pc:picChg>
        <pc:cxnChg chg="del">
          <ac:chgData name="Daly Donnacha HSLU I" userId="0f22e960-400a-43ff-baeb-4828c8f5cd3a" providerId="ADAL" clId="{554BA7E0-55EE-9746-83EC-F09BDB4BCF3A}" dt="2021-04-23T10:44:55.580" v="5792" actId="478"/>
          <ac:cxnSpMkLst>
            <pc:docMk/>
            <pc:sldMk cId="3367850565" sldId="660"/>
            <ac:cxnSpMk id="62" creationId="{99371EFB-F8B0-4447-A066-0701AC87C6CD}"/>
          </ac:cxnSpMkLst>
        </pc:cxnChg>
        <pc:cxnChg chg="del">
          <ac:chgData name="Daly Donnacha HSLU I" userId="0f22e960-400a-43ff-baeb-4828c8f5cd3a" providerId="ADAL" clId="{554BA7E0-55EE-9746-83EC-F09BDB4BCF3A}" dt="2021-04-23T10:44:55.580" v="5792" actId="478"/>
          <ac:cxnSpMkLst>
            <pc:docMk/>
            <pc:sldMk cId="3367850565" sldId="660"/>
            <ac:cxnSpMk id="63" creationId="{88001CC3-E837-4749-ABC4-EDAB2C0DB60F}"/>
          </ac:cxnSpMkLst>
        </pc:cxnChg>
        <pc:cxnChg chg="del mod">
          <ac:chgData name="Daly Donnacha HSLU I" userId="0f22e960-400a-43ff-baeb-4828c8f5cd3a" providerId="ADAL" clId="{554BA7E0-55EE-9746-83EC-F09BDB4BCF3A}" dt="2021-04-23T10:44:55.580" v="5792" actId="478"/>
          <ac:cxnSpMkLst>
            <pc:docMk/>
            <pc:sldMk cId="3367850565" sldId="660"/>
            <ac:cxnSpMk id="65" creationId="{4029FCA5-59F5-3B40-A608-FF49D47DDF0C}"/>
          </ac:cxnSpMkLst>
        </pc:cxnChg>
        <pc:cxnChg chg="del">
          <ac:chgData name="Daly Donnacha HSLU I" userId="0f22e960-400a-43ff-baeb-4828c8f5cd3a" providerId="ADAL" clId="{554BA7E0-55EE-9746-83EC-F09BDB4BCF3A}" dt="2021-04-23T10:44:55.580" v="5792" actId="478"/>
          <ac:cxnSpMkLst>
            <pc:docMk/>
            <pc:sldMk cId="3367850565" sldId="660"/>
            <ac:cxnSpMk id="67" creationId="{E1F040C3-AEC1-7D4C-A1E5-D12767F01EA6}"/>
          </ac:cxnSpMkLst>
        </pc:cxnChg>
        <pc:cxnChg chg="del mod">
          <ac:chgData name="Daly Donnacha HSLU I" userId="0f22e960-400a-43ff-baeb-4828c8f5cd3a" providerId="ADAL" clId="{554BA7E0-55EE-9746-83EC-F09BDB4BCF3A}" dt="2021-04-23T10:44:55.580" v="5792" actId="478"/>
          <ac:cxnSpMkLst>
            <pc:docMk/>
            <pc:sldMk cId="3367850565" sldId="660"/>
            <ac:cxnSpMk id="68" creationId="{3DC76436-427F-B44B-83B9-5BF7C8235A03}"/>
          </ac:cxnSpMkLst>
        </pc:cxnChg>
        <pc:cxnChg chg="del mod">
          <ac:chgData name="Daly Donnacha HSLU I" userId="0f22e960-400a-43ff-baeb-4828c8f5cd3a" providerId="ADAL" clId="{554BA7E0-55EE-9746-83EC-F09BDB4BCF3A}" dt="2021-04-23T10:44:55.580" v="5792" actId="478"/>
          <ac:cxnSpMkLst>
            <pc:docMk/>
            <pc:sldMk cId="3367850565" sldId="660"/>
            <ac:cxnSpMk id="69" creationId="{028EEEAE-10A5-EE40-8170-8E686448CCEF}"/>
          </ac:cxnSpMkLst>
        </pc:cxnChg>
      </pc:sldChg>
      <pc:sldChg chg="addSp delSp modSp add mod">
        <pc:chgData name="Daly Donnacha HSLU I" userId="0f22e960-400a-43ff-baeb-4828c8f5cd3a" providerId="ADAL" clId="{554BA7E0-55EE-9746-83EC-F09BDB4BCF3A}" dt="2021-04-23T13:09:49.270" v="6438"/>
        <pc:sldMkLst>
          <pc:docMk/>
          <pc:sldMk cId="3432976208" sldId="661"/>
        </pc:sldMkLst>
        <pc:spChg chg="mod">
          <ac:chgData name="Daly Donnacha HSLU I" userId="0f22e960-400a-43ff-baeb-4828c8f5cd3a" providerId="ADAL" clId="{554BA7E0-55EE-9746-83EC-F09BDB4BCF3A}" dt="2021-04-23T10:22:33.570" v="5638" actId="20577"/>
          <ac:spMkLst>
            <pc:docMk/>
            <pc:sldMk cId="3432976208" sldId="661"/>
            <ac:spMk id="2" creationId="{7F5CB8F0-0BDE-6640-B807-21A02CA7F5DD}"/>
          </ac:spMkLst>
        </pc:spChg>
        <pc:spChg chg="add mod">
          <ac:chgData name="Daly Donnacha HSLU I" userId="0f22e960-400a-43ff-baeb-4828c8f5cd3a" providerId="ADAL" clId="{554BA7E0-55EE-9746-83EC-F09BDB4BCF3A}" dt="2021-04-23T12:15:21.311" v="6061" actId="164"/>
          <ac:spMkLst>
            <pc:docMk/>
            <pc:sldMk cId="3432976208" sldId="661"/>
            <ac:spMk id="28" creationId="{734CF44F-B813-E545-A17B-12672A3C1908}"/>
          </ac:spMkLst>
        </pc:spChg>
        <pc:spChg chg="mod">
          <ac:chgData name="Daly Donnacha HSLU I" userId="0f22e960-400a-43ff-baeb-4828c8f5cd3a" providerId="ADAL" clId="{554BA7E0-55EE-9746-83EC-F09BDB4BCF3A}" dt="2021-04-23T12:39:53.850" v="6295" actId="6549"/>
          <ac:spMkLst>
            <pc:docMk/>
            <pc:sldMk cId="3432976208" sldId="661"/>
            <ac:spMk id="138" creationId="{BB86BC62-A15B-2D47-B8CF-FD5A109E4E51}"/>
          </ac:spMkLst>
        </pc:spChg>
        <pc:spChg chg="mod">
          <ac:chgData name="Daly Donnacha HSLU I" userId="0f22e960-400a-43ff-baeb-4828c8f5cd3a" providerId="ADAL" clId="{554BA7E0-55EE-9746-83EC-F09BDB4BCF3A}" dt="2021-04-23T12:39:57.730" v="6297" actId="6549"/>
          <ac:spMkLst>
            <pc:docMk/>
            <pc:sldMk cId="3432976208" sldId="661"/>
            <ac:spMk id="139" creationId="{BFB6D4B7-0FCD-7645-B8A1-08AEB919F61A}"/>
          </ac:spMkLst>
        </pc:spChg>
        <pc:spChg chg="mod">
          <ac:chgData name="Daly Donnacha HSLU I" userId="0f22e960-400a-43ff-baeb-4828c8f5cd3a" providerId="ADAL" clId="{554BA7E0-55EE-9746-83EC-F09BDB4BCF3A}" dt="2021-04-23T12:40:26.305" v="6316" actId="113"/>
          <ac:spMkLst>
            <pc:docMk/>
            <pc:sldMk cId="3432976208" sldId="661"/>
            <ac:spMk id="144" creationId="{3945D014-1A7A-2543-AC62-595873D7E239}"/>
          </ac:spMkLst>
        </pc:spChg>
        <pc:spChg chg="mod">
          <ac:chgData name="Daly Donnacha HSLU I" userId="0f22e960-400a-43ff-baeb-4828c8f5cd3a" providerId="ADAL" clId="{554BA7E0-55EE-9746-83EC-F09BDB4BCF3A}" dt="2021-04-23T12:40:48.858" v="6323" actId="6549"/>
          <ac:spMkLst>
            <pc:docMk/>
            <pc:sldMk cId="3432976208" sldId="661"/>
            <ac:spMk id="145" creationId="{2F4F7768-798A-6B44-A24B-1C7A5D50512A}"/>
          </ac:spMkLst>
        </pc:spChg>
        <pc:spChg chg="del">
          <ac:chgData name="Daly Donnacha HSLU I" userId="0f22e960-400a-43ff-baeb-4828c8f5cd3a" providerId="ADAL" clId="{554BA7E0-55EE-9746-83EC-F09BDB4BCF3A}" dt="2021-04-23T10:22:39.857" v="5639" actId="478"/>
          <ac:spMkLst>
            <pc:docMk/>
            <pc:sldMk cId="3432976208" sldId="661"/>
            <ac:spMk id="181" creationId="{6E41B91A-F972-1A4F-AE20-434204588E6B}"/>
          </ac:spMkLst>
        </pc:spChg>
        <pc:grpChg chg="add mod">
          <ac:chgData name="Daly Donnacha HSLU I" userId="0f22e960-400a-43ff-baeb-4828c8f5cd3a" providerId="ADAL" clId="{554BA7E0-55EE-9746-83EC-F09BDB4BCF3A}" dt="2021-04-23T12:15:26.955" v="6062" actId="1076"/>
          <ac:grpSpMkLst>
            <pc:docMk/>
            <pc:sldMk cId="3432976208" sldId="661"/>
            <ac:grpSpMk id="4" creationId="{ABD56550-755C-F841-BF30-1A47165F9912}"/>
          </ac:grpSpMkLst>
        </pc:grpChg>
        <pc:picChg chg="add mod">
          <ac:chgData name="Daly Donnacha HSLU I" userId="0f22e960-400a-43ff-baeb-4828c8f5cd3a" providerId="ADAL" clId="{554BA7E0-55EE-9746-83EC-F09BDB4BCF3A}" dt="2021-04-23T12:14:31.411" v="6037" actId="1038"/>
          <ac:picMkLst>
            <pc:docMk/>
            <pc:sldMk cId="3432976208" sldId="661"/>
            <ac:picMk id="3" creationId="{EC7AEAD2-E3E4-5345-81BF-60AFE3B23C4C}"/>
          </ac:picMkLst>
        </pc:picChg>
        <pc:picChg chg="add del">
          <ac:chgData name="Daly Donnacha HSLU I" userId="0f22e960-400a-43ff-baeb-4828c8f5cd3a" providerId="ADAL" clId="{554BA7E0-55EE-9746-83EC-F09BDB4BCF3A}" dt="2021-04-23T13:09:49.270" v="6438"/>
          <ac:picMkLst>
            <pc:docMk/>
            <pc:sldMk cId="3432976208" sldId="661"/>
            <ac:picMk id="5" creationId="{76FFA00A-4996-3649-A412-05D280186CB7}"/>
          </ac:picMkLst>
        </pc:picChg>
        <pc:picChg chg="add mod modCrop">
          <ac:chgData name="Daly Donnacha HSLU I" userId="0f22e960-400a-43ff-baeb-4828c8f5cd3a" providerId="ADAL" clId="{554BA7E0-55EE-9746-83EC-F09BDB4BCF3A}" dt="2021-04-23T12:15:21.311" v="6061" actId="164"/>
          <ac:picMkLst>
            <pc:docMk/>
            <pc:sldMk cId="3432976208" sldId="661"/>
            <ac:picMk id="27" creationId="{967CB7AB-6AB5-4B48-8066-45AEFE2DB984}"/>
          </ac:picMkLst>
        </pc:picChg>
      </pc:sldChg>
      <pc:sldChg chg="addSp delSp modSp new mod">
        <pc:chgData name="Daly Donnacha HSLU I" userId="0f22e960-400a-43ff-baeb-4828c8f5cd3a" providerId="ADAL" clId="{554BA7E0-55EE-9746-83EC-F09BDB4BCF3A}" dt="2021-04-23T14:09:34.874" v="7397" actId="14100"/>
        <pc:sldMkLst>
          <pc:docMk/>
          <pc:sldMk cId="3516583076" sldId="662"/>
        </pc:sldMkLst>
        <pc:spChg chg="mod">
          <ac:chgData name="Daly Donnacha HSLU I" userId="0f22e960-400a-43ff-baeb-4828c8f5cd3a" providerId="ADAL" clId="{554BA7E0-55EE-9746-83EC-F09BDB4BCF3A}" dt="2021-04-23T12:19:19.407" v="6096" actId="20577"/>
          <ac:spMkLst>
            <pc:docMk/>
            <pc:sldMk cId="3516583076" sldId="662"/>
            <ac:spMk id="2" creationId="{F2411BE7-96C6-5D42-8B28-5613C4D3F624}"/>
          </ac:spMkLst>
        </pc:spChg>
        <pc:spChg chg="add mod">
          <ac:chgData name="Daly Donnacha HSLU I" userId="0f22e960-400a-43ff-baeb-4828c8f5cd3a" providerId="ADAL" clId="{554BA7E0-55EE-9746-83EC-F09BDB4BCF3A}" dt="2021-04-23T13:15:48.475" v="6672" actId="114"/>
          <ac:spMkLst>
            <pc:docMk/>
            <pc:sldMk cId="3516583076" sldId="662"/>
            <ac:spMk id="5" creationId="{0709027F-E290-0E4C-8725-B95AC65EE273}"/>
          </ac:spMkLst>
        </pc:spChg>
        <pc:spChg chg="add mod">
          <ac:chgData name="Daly Donnacha HSLU I" userId="0f22e960-400a-43ff-baeb-4828c8f5cd3a" providerId="ADAL" clId="{554BA7E0-55EE-9746-83EC-F09BDB4BCF3A}" dt="2021-04-23T12:38:07.800" v="6282"/>
          <ac:spMkLst>
            <pc:docMk/>
            <pc:sldMk cId="3516583076" sldId="662"/>
            <ac:spMk id="7" creationId="{4101157A-39ED-C341-B460-EE8CF5D05E58}"/>
          </ac:spMkLst>
        </pc:spChg>
        <pc:spChg chg="add mod">
          <ac:chgData name="Daly Donnacha HSLU I" userId="0f22e960-400a-43ff-baeb-4828c8f5cd3a" providerId="ADAL" clId="{554BA7E0-55EE-9746-83EC-F09BDB4BCF3A}" dt="2021-04-23T13:10:18.387" v="6491" actId="1035"/>
          <ac:spMkLst>
            <pc:docMk/>
            <pc:sldMk cId="3516583076" sldId="662"/>
            <ac:spMk id="9" creationId="{F7A86985-E7B9-3347-B690-3A4B793BD5AD}"/>
          </ac:spMkLst>
        </pc:spChg>
        <pc:spChg chg="add mod">
          <ac:chgData name="Daly Donnacha HSLU I" userId="0f22e960-400a-43ff-baeb-4828c8f5cd3a" providerId="ADAL" clId="{554BA7E0-55EE-9746-83EC-F09BDB4BCF3A}" dt="2021-04-23T13:10:21.541" v="6492" actId="1076"/>
          <ac:spMkLst>
            <pc:docMk/>
            <pc:sldMk cId="3516583076" sldId="662"/>
            <ac:spMk id="10" creationId="{294E1B6A-3C98-6041-A99C-A9781E5CC378}"/>
          </ac:spMkLst>
        </pc:spChg>
        <pc:spChg chg="add mod">
          <ac:chgData name="Daly Donnacha HSLU I" userId="0f22e960-400a-43ff-baeb-4828c8f5cd3a" providerId="ADAL" clId="{554BA7E0-55EE-9746-83EC-F09BDB4BCF3A}" dt="2021-04-23T13:10:00.645" v="6439"/>
          <ac:spMkLst>
            <pc:docMk/>
            <pc:sldMk cId="3516583076" sldId="662"/>
            <ac:spMk id="11" creationId="{7E15AD71-816A-BB48-B0DE-A9062CEC9BE4}"/>
          </ac:spMkLst>
        </pc:spChg>
        <pc:spChg chg="add mod">
          <ac:chgData name="Daly Donnacha HSLU I" userId="0f22e960-400a-43ff-baeb-4828c8f5cd3a" providerId="ADAL" clId="{554BA7E0-55EE-9746-83EC-F09BDB4BCF3A}" dt="2021-04-23T13:10:00.645" v="6439"/>
          <ac:spMkLst>
            <pc:docMk/>
            <pc:sldMk cId="3516583076" sldId="662"/>
            <ac:spMk id="12" creationId="{9BC931C3-B1D0-AD46-A8C6-F2F31151B475}"/>
          </ac:spMkLst>
        </pc:spChg>
        <pc:spChg chg="add mod">
          <ac:chgData name="Daly Donnacha HSLU I" userId="0f22e960-400a-43ff-baeb-4828c8f5cd3a" providerId="ADAL" clId="{554BA7E0-55EE-9746-83EC-F09BDB4BCF3A}" dt="2021-04-23T13:10:00.645" v="6439"/>
          <ac:spMkLst>
            <pc:docMk/>
            <pc:sldMk cId="3516583076" sldId="662"/>
            <ac:spMk id="13" creationId="{2CFBBF2D-BB04-2B4A-B530-7FD5C6E38B68}"/>
          </ac:spMkLst>
        </pc:spChg>
        <pc:spChg chg="add mod">
          <ac:chgData name="Daly Donnacha HSLU I" userId="0f22e960-400a-43ff-baeb-4828c8f5cd3a" providerId="ADAL" clId="{554BA7E0-55EE-9746-83EC-F09BDB4BCF3A}" dt="2021-04-23T13:10:54.323" v="6498" actId="1076"/>
          <ac:spMkLst>
            <pc:docMk/>
            <pc:sldMk cId="3516583076" sldId="662"/>
            <ac:spMk id="19" creationId="{E058F558-F36F-924B-882A-A32E86D53EE9}"/>
          </ac:spMkLst>
        </pc:spChg>
        <pc:spChg chg="add mod">
          <ac:chgData name="Daly Donnacha HSLU I" userId="0f22e960-400a-43ff-baeb-4828c8f5cd3a" providerId="ADAL" clId="{554BA7E0-55EE-9746-83EC-F09BDB4BCF3A}" dt="2021-04-23T14:09:34.874" v="7397" actId="14100"/>
          <ac:spMkLst>
            <pc:docMk/>
            <pc:sldMk cId="3516583076" sldId="662"/>
            <ac:spMk id="20" creationId="{E7FF0C3C-A3AA-7348-9236-6C94B60C5CD5}"/>
          </ac:spMkLst>
        </pc:spChg>
        <pc:spChg chg="add mod">
          <ac:chgData name="Daly Donnacha HSLU I" userId="0f22e960-400a-43ff-baeb-4828c8f5cd3a" providerId="ADAL" clId="{554BA7E0-55EE-9746-83EC-F09BDB4BCF3A}" dt="2021-04-23T13:11:40.440" v="6548" actId="1076"/>
          <ac:spMkLst>
            <pc:docMk/>
            <pc:sldMk cId="3516583076" sldId="662"/>
            <ac:spMk id="21" creationId="{8883F604-509A-C444-AE65-C7305BA12104}"/>
          </ac:spMkLst>
        </pc:spChg>
        <pc:spChg chg="add mod">
          <ac:chgData name="Daly Donnacha HSLU I" userId="0f22e960-400a-43ff-baeb-4828c8f5cd3a" providerId="ADAL" clId="{554BA7E0-55EE-9746-83EC-F09BDB4BCF3A}" dt="2021-04-23T13:11:57.136" v="6568" actId="1076"/>
          <ac:spMkLst>
            <pc:docMk/>
            <pc:sldMk cId="3516583076" sldId="662"/>
            <ac:spMk id="22" creationId="{973D3266-2CF8-E947-AD55-54D616A12985}"/>
          </ac:spMkLst>
        </pc:spChg>
        <pc:grpChg chg="add mod">
          <ac:chgData name="Daly Donnacha HSLU I" userId="0f22e960-400a-43ff-baeb-4828c8f5cd3a" providerId="ADAL" clId="{554BA7E0-55EE-9746-83EC-F09BDB4BCF3A}" dt="2021-04-23T13:10:00.645" v="6439"/>
          <ac:grpSpMkLst>
            <pc:docMk/>
            <pc:sldMk cId="3516583076" sldId="662"/>
            <ac:grpSpMk id="15" creationId="{CDBC73ED-A3C9-764A-A61C-ACDE32C74ED5}"/>
          </ac:grpSpMkLst>
        </pc:grpChg>
        <pc:picChg chg="add del mod">
          <ac:chgData name="Daly Donnacha HSLU I" userId="0f22e960-400a-43ff-baeb-4828c8f5cd3a" providerId="ADAL" clId="{554BA7E0-55EE-9746-83EC-F09BDB4BCF3A}" dt="2021-04-23T11:01:25.771" v="5989" actId="478"/>
          <ac:picMkLst>
            <pc:docMk/>
            <pc:sldMk cId="3516583076" sldId="662"/>
            <ac:picMk id="3" creationId="{72690129-3755-8D46-8B17-5EC4DD9E7FDF}"/>
          </ac:picMkLst>
        </pc:picChg>
        <pc:picChg chg="add mod">
          <ac:chgData name="Daly Donnacha HSLU I" userId="0f22e960-400a-43ff-baeb-4828c8f5cd3a" providerId="ADAL" clId="{554BA7E0-55EE-9746-83EC-F09BDB4BCF3A}" dt="2021-04-23T11:01:33.163" v="5990"/>
          <ac:picMkLst>
            <pc:docMk/>
            <pc:sldMk cId="3516583076" sldId="662"/>
            <ac:picMk id="4" creationId="{E63DFC5C-97F9-5D45-8D5C-D8146A2E0D50}"/>
          </ac:picMkLst>
        </pc:picChg>
        <pc:picChg chg="add mod">
          <ac:chgData name="Daly Donnacha HSLU I" userId="0f22e960-400a-43ff-baeb-4828c8f5cd3a" providerId="ADAL" clId="{554BA7E0-55EE-9746-83EC-F09BDB4BCF3A}" dt="2021-04-23T12:38:07.800" v="6282"/>
          <ac:picMkLst>
            <pc:docMk/>
            <pc:sldMk cId="3516583076" sldId="662"/>
            <ac:picMk id="6" creationId="{5CE10ED0-1AB5-5044-86D6-4454D7766295}"/>
          </ac:picMkLst>
        </pc:picChg>
        <pc:picChg chg="add mod">
          <ac:chgData name="Daly Donnacha HSLU I" userId="0f22e960-400a-43ff-baeb-4828c8f5cd3a" providerId="ADAL" clId="{554BA7E0-55EE-9746-83EC-F09BDB4BCF3A}" dt="2021-04-23T13:10:10.267" v="6478" actId="1037"/>
          <ac:picMkLst>
            <pc:docMk/>
            <pc:sldMk cId="3516583076" sldId="662"/>
            <ac:picMk id="8" creationId="{40817C51-2D55-6A45-9A90-1E72D7863185}"/>
          </ac:picMkLst>
        </pc:picChg>
        <pc:cxnChg chg="add mod">
          <ac:chgData name="Daly Donnacha HSLU I" userId="0f22e960-400a-43ff-baeb-4828c8f5cd3a" providerId="ADAL" clId="{554BA7E0-55EE-9746-83EC-F09BDB4BCF3A}" dt="2021-04-23T13:10:00.645" v="6439"/>
          <ac:cxnSpMkLst>
            <pc:docMk/>
            <pc:sldMk cId="3516583076" sldId="662"/>
            <ac:cxnSpMk id="14" creationId="{480B4254-9CDA-744B-AD4C-9E9DF05A873A}"/>
          </ac:cxnSpMkLst>
        </pc:cxnChg>
        <pc:cxnChg chg="mod">
          <ac:chgData name="Daly Donnacha HSLU I" userId="0f22e960-400a-43ff-baeb-4828c8f5cd3a" providerId="ADAL" clId="{554BA7E0-55EE-9746-83EC-F09BDB4BCF3A}" dt="2021-04-23T13:10:00.645" v="6439"/>
          <ac:cxnSpMkLst>
            <pc:docMk/>
            <pc:sldMk cId="3516583076" sldId="662"/>
            <ac:cxnSpMk id="16" creationId="{5B5C4A6F-8F40-F747-867E-5F7FDAB114E5}"/>
          </ac:cxnSpMkLst>
        </pc:cxnChg>
        <pc:cxnChg chg="mod">
          <ac:chgData name="Daly Donnacha HSLU I" userId="0f22e960-400a-43ff-baeb-4828c8f5cd3a" providerId="ADAL" clId="{554BA7E0-55EE-9746-83EC-F09BDB4BCF3A}" dt="2021-04-23T13:10:00.645" v="6439"/>
          <ac:cxnSpMkLst>
            <pc:docMk/>
            <pc:sldMk cId="3516583076" sldId="662"/>
            <ac:cxnSpMk id="17" creationId="{2F3F4ECD-D9EE-9543-8382-0F544F73D153}"/>
          </ac:cxnSpMkLst>
        </pc:cxnChg>
        <pc:cxnChg chg="mod">
          <ac:chgData name="Daly Donnacha HSLU I" userId="0f22e960-400a-43ff-baeb-4828c8f5cd3a" providerId="ADAL" clId="{554BA7E0-55EE-9746-83EC-F09BDB4BCF3A}" dt="2021-04-23T13:10:00.645" v="6439"/>
          <ac:cxnSpMkLst>
            <pc:docMk/>
            <pc:sldMk cId="3516583076" sldId="662"/>
            <ac:cxnSpMk id="18" creationId="{63B0A9E6-24E7-894A-9901-40A8A0CB074D}"/>
          </ac:cxnSpMkLst>
        </pc:cxnChg>
      </pc:sldChg>
      <pc:sldChg chg="addSp delSp modSp new del mod ord">
        <pc:chgData name="Daly Donnacha HSLU I" userId="0f22e960-400a-43ff-baeb-4828c8f5cd3a" providerId="ADAL" clId="{554BA7E0-55EE-9746-83EC-F09BDB4BCF3A}" dt="2021-04-23T10:53:43.843" v="5894" actId="2696"/>
        <pc:sldMkLst>
          <pc:docMk/>
          <pc:sldMk cId="4142713213" sldId="662"/>
        </pc:sldMkLst>
        <pc:spChg chg="mod">
          <ac:chgData name="Daly Donnacha HSLU I" userId="0f22e960-400a-43ff-baeb-4828c8f5cd3a" providerId="ADAL" clId="{554BA7E0-55EE-9746-83EC-F09BDB4BCF3A}" dt="2021-04-23T10:43:04.263" v="5789" actId="2711"/>
          <ac:spMkLst>
            <pc:docMk/>
            <pc:sldMk cId="4142713213" sldId="662"/>
            <ac:spMk id="2" creationId="{76D898C0-B87A-EC4F-BB41-F646F2E39B8B}"/>
          </ac:spMkLst>
        </pc:spChg>
        <pc:picChg chg="add del mod">
          <ac:chgData name="Daly Donnacha HSLU I" userId="0f22e960-400a-43ff-baeb-4828c8f5cd3a" providerId="ADAL" clId="{554BA7E0-55EE-9746-83EC-F09BDB4BCF3A}" dt="2021-04-23T10:42:31.174" v="5737" actId="478"/>
          <ac:picMkLst>
            <pc:docMk/>
            <pc:sldMk cId="4142713213" sldId="662"/>
            <ac:picMk id="3" creationId="{33BAAFB6-E3BF-DC4A-878A-07CD938C7A20}"/>
          </ac:picMkLst>
        </pc:picChg>
        <pc:picChg chg="add mod">
          <ac:chgData name="Daly Donnacha HSLU I" userId="0f22e960-400a-43ff-baeb-4828c8f5cd3a" providerId="ADAL" clId="{554BA7E0-55EE-9746-83EC-F09BDB4BCF3A}" dt="2021-04-23T10:42:40.170" v="5753" actId="1038"/>
          <ac:picMkLst>
            <pc:docMk/>
            <pc:sldMk cId="4142713213" sldId="662"/>
            <ac:picMk id="4" creationId="{10E7FB89-AB77-8C45-AAF0-B6B254083246}"/>
          </ac:picMkLst>
        </pc:picChg>
      </pc:sldChg>
      <pc:sldChg chg="addSp delSp modSp new mod">
        <pc:chgData name="Daly Donnacha HSLU I" userId="0f22e960-400a-43ff-baeb-4828c8f5cd3a" providerId="ADAL" clId="{554BA7E0-55EE-9746-83EC-F09BDB4BCF3A}" dt="2021-04-23T17:52:19.966" v="8508" actId="1038"/>
        <pc:sldMkLst>
          <pc:docMk/>
          <pc:sldMk cId="908086488" sldId="663"/>
        </pc:sldMkLst>
        <pc:spChg chg="mod">
          <ac:chgData name="Daly Donnacha HSLU I" userId="0f22e960-400a-43ff-baeb-4828c8f5cd3a" providerId="ADAL" clId="{554BA7E0-55EE-9746-83EC-F09BDB4BCF3A}" dt="2021-04-23T13:48:06.006" v="7124" actId="20577"/>
          <ac:spMkLst>
            <pc:docMk/>
            <pc:sldMk cId="908086488" sldId="663"/>
            <ac:spMk id="2" creationId="{520917BE-74FB-C94A-A214-FE4129D3E0C9}"/>
          </ac:spMkLst>
        </pc:spChg>
        <pc:spChg chg="add del mod">
          <ac:chgData name="Daly Donnacha HSLU I" userId="0f22e960-400a-43ff-baeb-4828c8f5cd3a" providerId="ADAL" clId="{554BA7E0-55EE-9746-83EC-F09BDB4BCF3A}" dt="2021-04-23T13:07:23.750" v="6402" actId="478"/>
          <ac:spMkLst>
            <pc:docMk/>
            <pc:sldMk cId="908086488" sldId="663"/>
            <ac:spMk id="4" creationId="{41838ADC-D744-8E48-914C-548BD63C2757}"/>
          </ac:spMkLst>
        </pc:spChg>
        <pc:spChg chg="add mod">
          <ac:chgData name="Daly Donnacha HSLU I" userId="0f22e960-400a-43ff-baeb-4828c8f5cd3a" providerId="ADAL" clId="{554BA7E0-55EE-9746-83EC-F09BDB4BCF3A}" dt="2021-04-23T13:18:21.949" v="6859" actId="208"/>
          <ac:spMkLst>
            <pc:docMk/>
            <pc:sldMk cId="908086488" sldId="663"/>
            <ac:spMk id="6" creationId="{66B41F30-2E6D-D747-9052-8AFC3395878B}"/>
          </ac:spMkLst>
        </pc:spChg>
        <pc:spChg chg="add mod">
          <ac:chgData name="Daly Donnacha HSLU I" userId="0f22e960-400a-43ff-baeb-4828c8f5cd3a" providerId="ADAL" clId="{554BA7E0-55EE-9746-83EC-F09BDB4BCF3A}" dt="2021-04-23T13:18:21.949" v="6859" actId="208"/>
          <ac:spMkLst>
            <pc:docMk/>
            <pc:sldMk cId="908086488" sldId="663"/>
            <ac:spMk id="7" creationId="{88F68087-4471-0E40-8CF6-E61A1B4C4B28}"/>
          </ac:spMkLst>
        </pc:spChg>
        <pc:spChg chg="add mod">
          <ac:chgData name="Daly Donnacha HSLU I" userId="0f22e960-400a-43ff-baeb-4828c8f5cd3a" providerId="ADAL" clId="{554BA7E0-55EE-9746-83EC-F09BDB4BCF3A}" dt="2021-04-23T13:13:06.902" v="6588" actId="208"/>
          <ac:spMkLst>
            <pc:docMk/>
            <pc:sldMk cId="908086488" sldId="663"/>
            <ac:spMk id="8" creationId="{AD37C36F-28C3-D94F-9CB1-77A3272AF288}"/>
          </ac:spMkLst>
        </pc:spChg>
        <pc:spChg chg="add mod">
          <ac:chgData name="Daly Donnacha HSLU I" userId="0f22e960-400a-43ff-baeb-4828c8f5cd3a" providerId="ADAL" clId="{554BA7E0-55EE-9746-83EC-F09BDB4BCF3A}" dt="2021-04-23T17:52:19.966" v="8508" actId="1038"/>
          <ac:spMkLst>
            <pc:docMk/>
            <pc:sldMk cId="908086488" sldId="663"/>
            <ac:spMk id="9" creationId="{F8EB58CF-157B-5443-9905-5911297AAE17}"/>
          </ac:spMkLst>
        </pc:spChg>
        <pc:spChg chg="add del mod">
          <ac:chgData name="Daly Donnacha HSLU I" userId="0f22e960-400a-43ff-baeb-4828c8f5cd3a" providerId="ADAL" clId="{554BA7E0-55EE-9746-83EC-F09BDB4BCF3A}" dt="2021-04-23T13:15:02.737" v="6599" actId="478"/>
          <ac:spMkLst>
            <pc:docMk/>
            <pc:sldMk cId="908086488" sldId="663"/>
            <ac:spMk id="16" creationId="{2224338E-6541-2D4E-8777-A58D4CE7108C}"/>
          </ac:spMkLst>
        </pc:spChg>
        <pc:spChg chg="add mod">
          <ac:chgData name="Daly Donnacha HSLU I" userId="0f22e960-400a-43ff-baeb-4828c8f5cd3a" providerId="ADAL" clId="{554BA7E0-55EE-9746-83EC-F09BDB4BCF3A}" dt="2021-04-23T13:48:35.683" v="7130" actId="1036"/>
          <ac:spMkLst>
            <pc:docMk/>
            <pc:sldMk cId="908086488" sldId="663"/>
            <ac:spMk id="17" creationId="{0069C303-DCBE-6241-A377-73B71C4ADB21}"/>
          </ac:spMkLst>
        </pc:spChg>
        <pc:spChg chg="add mod">
          <ac:chgData name="Daly Donnacha HSLU I" userId="0f22e960-400a-43ff-baeb-4828c8f5cd3a" providerId="ADAL" clId="{554BA7E0-55EE-9746-83EC-F09BDB4BCF3A}" dt="2021-04-23T13:17:34.315" v="6850" actId="1076"/>
          <ac:spMkLst>
            <pc:docMk/>
            <pc:sldMk cId="908086488" sldId="663"/>
            <ac:spMk id="18" creationId="{70EDF9AF-7702-EA4E-9286-7A5C3BE10532}"/>
          </ac:spMkLst>
        </pc:spChg>
        <pc:spChg chg="add mod">
          <ac:chgData name="Daly Donnacha HSLU I" userId="0f22e960-400a-43ff-baeb-4828c8f5cd3a" providerId="ADAL" clId="{554BA7E0-55EE-9746-83EC-F09BDB4BCF3A}" dt="2021-04-23T13:19:34.171" v="6885" actId="1076"/>
          <ac:spMkLst>
            <pc:docMk/>
            <pc:sldMk cId="908086488" sldId="663"/>
            <ac:spMk id="19" creationId="{4B7D8DBC-2799-9A4E-B899-C4BCCD859784}"/>
          </ac:spMkLst>
        </pc:spChg>
        <pc:spChg chg="add mod">
          <ac:chgData name="Daly Donnacha HSLU I" userId="0f22e960-400a-43ff-baeb-4828c8f5cd3a" providerId="ADAL" clId="{554BA7E0-55EE-9746-83EC-F09BDB4BCF3A}" dt="2021-04-23T13:18:37.839" v="6863" actId="208"/>
          <ac:spMkLst>
            <pc:docMk/>
            <pc:sldMk cId="908086488" sldId="663"/>
            <ac:spMk id="24" creationId="{93FDF5E8-3024-A743-8573-EB866D74C4D5}"/>
          </ac:spMkLst>
        </pc:spChg>
        <pc:spChg chg="add mod">
          <ac:chgData name="Daly Donnacha HSLU I" userId="0f22e960-400a-43ff-baeb-4828c8f5cd3a" providerId="ADAL" clId="{554BA7E0-55EE-9746-83EC-F09BDB4BCF3A}" dt="2021-04-23T13:18:50.395" v="6867" actId="14100"/>
          <ac:spMkLst>
            <pc:docMk/>
            <pc:sldMk cId="908086488" sldId="663"/>
            <ac:spMk id="26" creationId="{EC252C76-362F-C043-9C80-59F74333A8D5}"/>
          </ac:spMkLst>
        </pc:spChg>
        <pc:spChg chg="add mod">
          <ac:chgData name="Daly Donnacha HSLU I" userId="0f22e960-400a-43ff-baeb-4828c8f5cd3a" providerId="ADAL" clId="{554BA7E0-55EE-9746-83EC-F09BDB4BCF3A}" dt="2021-04-23T13:19:06.233" v="6872" actId="14100"/>
          <ac:spMkLst>
            <pc:docMk/>
            <pc:sldMk cId="908086488" sldId="663"/>
            <ac:spMk id="27" creationId="{FF719DEC-BEF7-184D-9F3C-3F595C641A59}"/>
          </ac:spMkLst>
        </pc:spChg>
        <pc:spChg chg="add mod">
          <ac:chgData name="Daly Donnacha HSLU I" userId="0f22e960-400a-43ff-baeb-4828c8f5cd3a" providerId="ADAL" clId="{554BA7E0-55EE-9746-83EC-F09BDB4BCF3A}" dt="2021-04-23T13:19:17.895" v="6876" actId="1076"/>
          <ac:spMkLst>
            <pc:docMk/>
            <pc:sldMk cId="908086488" sldId="663"/>
            <ac:spMk id="28" creationId="{2359CF4A-ACA4-224D-81F3-A1CB773AD29F}"/>
          </ac:spMkLst>
        </pc:spChg>
        <pc:picChg chg="add mod">
          <ac:chgData name="Daly Donnacha HSLU I" userId="0f22e960-400a-43ff-baeb-4828c8f5cd3a" providerId="ADAL" clId="{554BA7E0-55EE-9746-83EC-F09BDB4BCF3A}" dt="2021-04-23T17:52:03.607" v="8497" actId="1038"/>
          <ac:picMkLst>
            <pc:docMk/>
            <pc:sldMk cId="908086488" sldId="663"/>
            <ac:picMk id="3" creationId="{0B0D2275-67FD-F14F-A571-5394992AF2D5}"/>
          </ac:picMkLst>
        </pc:picChg>
        <pc:picChg chg="add del mod">
          <ac:chgData name="Daly Donnacha HSLU I" userId="0f22e960-400a-43ff-baeb-4828c8f5cd3a" providerId="ADAL" clId="{554BA7E0-55EE-9746-83EC-F09BDB4BCF3A}" dt="2021-04-23T13:08:34.173" v="6403" actId="478"/>
          <ac:picMkLst>
            <pc:docMk/>
            <pc:sldMk cId="908086488" sldId="663"/>
            <ac:picMk id="3" creationId="{C9F159BC-1A3D-E749-8A4B-5AA3AA8188DE}"/>
          </ac:picMkLst>
        </pc:picChg>
        <pc:picChg chg="add del mod modCrop">
          <ac:chgData name="Daly Donnacha HSLU I" userId="0f22e960-400a-43ff-baeb-4828c8f5cd3a" providerId="ADAL" clId="{554BA7E0-55EE-9746-83EC-F09BDB4BCF3A}" dt="2021-04-23T17:51:10.960" v="8460" actId="478"/>
          <ac:picMkLst>
            <pc:docMk/>
            <pc:sldMk cId="908086488" sldId="663"/>
            <ac:picMk id="5" creationId="{B6B219F3-F7C5-5B4C-AE22-5018C177C095}"/>
          </ac:picMkLst>
        </pc:picChg>
        <pc:cxnChg chg="add mod">
          <ac:chgData name="Daly Donnacha HSLU I" userId="0f22e960-400a-43ff-baeb-4828c8f5cd3a" providerId="ADAL" clId="{554BA7E0-55EE-9746-83EC-F09BDB4BCF3A}" dt="2021-04-23T13:18:21.949" v="6859" actId="208"/>
          <ac:cxnSpMkLst>
            <pc:docMk/>
            <pc:sldMk cId="908086488" sldId="663"/>
            <ac:cxnSpMk id="11" creationId="{421FA747-37E6-C449-BAA9-05071F9F1D34}"/>
          </ac:cxnSpMkLst>
        </pc:cxnChg>
        <pc:cxnChg chg="add mod">
          <ac:chgData name="Daly Donnacha HSLU I" userId="0f22e960-400a-43ff-baeb-4828c8f5cd3a" providerId="ADAL" clId="{554BA7E0-55EE-9746-83EC-F09BDB4BCF3A}" dt="2021-04-23T17:52:19.966" v="8508" actId="1038"/>
          <ac:cxnSpMkLst>
            <pc:docMk/>
            <pc:sldMk cId="908086488" sldId="663"/>
            <ac:cxnSpMk id="12" creationId="{7FE80D1D-19A7-F54C-8E2D-D2F3FC5B8265}"/>
          </ac:cxnSpMkLst>
        </pc:cxnChg>
        <pc:cxnChg chg="add mod">
          <ac:chgData name="Daly Donnacha HSLU I" userId="0f22e960-400a-43ff-baeb-4828c8f5cd3a" providerId="ADAL" clId="{554BA7E0-55EE-9746-83EC-F09BDB4BCF3A}" dt="2021-04-23T13:18:41.615" v="6864" actId="14100"/>
          <ac:cxnSpMkLst>
            <pc:docMk/>
            <pc:sldMk cId="908086488" sldId="663"/>
            <ac:cxnSpMk id="21" creationId="{8065E8D8-E957-554D-9202-A33C5432B7CE}"/>
          </ac:cxnSpMkLst>
        </pc:cxnChg>
        <pc:cxnChg chg="add mod">
          <ac:chgData name="Daly Donnacha HSLU I" userId="0f22e960-400a-43ff-baeb-4828c8f5cd3a" providerId="ADAL" clId="{554BA7E0-55EE-9746-83EC-F09BDB4BCF3A}" dt="2021-04-23T13:19:31.294" v="6883" actId="14100"/>
          <ac:cxnSpMkLst>
            <pc:docMk/>
            <pc:sldMk cId="908086488" sldId="663"/>
            <ac:cxnSpMk id="29" creationId="{7803A4F4-7335-064B-8D2E-ABBFBF1E4713}"/>
          </ac:cxnSpMkLst>
        </pc:cxnChg>
        <pc:cxnChg chg="add mod">
          <ac:chgData name="Daly Donnacha HSLU I" userId="0f22e960-400a-43ff-baeb-4828c8f5cd3a" providerId="ADAL" clId="{554BA7E0-55EE-9746-83EC-F09BDB4BCF3A}" dt="2021-04-23T13:19:41.533" v="6887" actId="14100"/>
          <ac:cxnSpMkLst>
            <pc:docMk/>
            <pc:sldMk cId="908086488" sldId="663"/>
            <ac:cxnSpMk id="30" creationId="{079DBC9B-E95A-6644-A3DE-4905BA3722DD}"/>
          </ac:cxnSpMkLst>
        </pc:cxnChg>
        <pc:cxnChg chg="add mod">
          <ac:chgData name="Daly Donnacha HSLU I" userId="0f22e960-400a-43ff-baeb-4828c8f5cd3a" providerId="ADAL" clId="{554BA7E0-55EE-9746-83EC-F09BDB4BCF3A}" dt="2021-04-23T13:19:25.557" v="6881" actId="14100"/>
          <ac:cxnSpMkLst>
            <pc:docMk/>
            <pc:sldMk cId="908086488" sldId="663"/>
            <ac:cxnSpMk id="31" creationId="{218DF8E2-CBFF-AC45-BE6C-16067E66B232}"/>
          </ac:cxnSpMkLst>
        </pc:cxnChg>
      </pc:sldChg>
      <pc:sldChg chg="addSp delSp modSp add mod">
        <pc:chgData name="Daly Donnacha HSLU I" userId="0f22e960-400a-43ff-baeb-4828c8f5cd3a" providerId="ADAL" clId="{554BA7E0-55EE-9746-83EC-F09BDB4BCF3A}" dt="2021-04-23T13:47:30.698" v="7097" actId="14100"/>
        <pc:sldMkLst>
          <pc:docMk/>
          <pc:sldMk cId="2696441899" sldId="664"/>
        </pc:sldMkLst>
        <pc:spChg chg="mod">
          <ac:chgData name="Daly Donnacha HSLU I" userId="0f22e960-400a-43ff-baeb-4828c8f5cd3a" providerId="ADAL" clId="{554BA7E0-55EE-9746-83EC-F09BDB4BCF3A}" dt="2021-04-23T13:20:48.727" v="6908" actId="20577"/>
          <ac:spMkLst>
            <pc:docMk/>
            <pc:sldMk cId="2696441899" sldId="664"/>
            <ac:spMk id="2" creationId="{7F5CB8F0-0BDE-6640-B807-21A02CA7F5DD}"/>
          </ac:spMkLst>
        </pc:spChg>
        <pc:spChg chg="add mod">
          <ac:chgData name="Daly Donnacha HSLU I" userId="0f22e960-400a-43ff-baeb-4828c8f5cd3a" providerId="ADAL" clId="{554BA7E0-55EE-9746-83EC-F09BDB4BCF3A}" dt="2021-04-23T13:46:00.748" v="7067" actId="207"/>
          <ac:spMkLst>
            <pc:docMk/>
            <pc:sldMk cId="2696441899" sldId="664"/>
            <ac:spMk id="12" creationId="{2BF905E4-1BB6-3B48-BEDE-30D4ABD1247F}"/>
          </ac:spMkLst>
        </pc:spChg>
        <pc:spChg chg="add mod">
          <ac:chgData name="Daly Donnacha HSLU I" userId="0f22e960-400a-43ff-baeb-4828c8f5cd3a" providerId="ADAL" clId="{554BA7E0-55EE-9746-83EC-F09BDB4BCF3A}" dt="2021-04-23T13:46:43.132" v="7083" actId="14100"/>
          <ac:spMkLst>
            <pc:docMk/>
            <pc:sldMk cId="2696441899" sldId="664"/>
            <ac:spMk id="13" creationId="{3B0AA48A-335B-1A40-BBE8-8AD69CA41656}"/>
          </ac:spMkLst>
        </pc:spChg>
        <pc:spChg chg="add mod">
          <ac:chgData name="Daly Donnacha HSLU I" userId="0f22e960-400a-43ff-baeb-4828c8f5cd3a" providerId="ADAL" clId="{554BA7E0-55EE-9746-83EC-F09BDB4BCF3A}" dt="2021-04-23T13:45:47.003" v="7064" actId="14100"/>
          <ac:spMkLst>
            <pc:docMk/>
            <pc:sldMk cId="2696441899" sldId="664"/>
            <ac:spMk id="37" creationId="{7FA5CA90-81D7-794C-9F20-48666E65A613}"/>
          </ac:spMkLst>
        </pc:spChg>
        <pc:spChg chg="add mod">
          <ac:chgData name="Daly Donnacha HSLU I" userId="0f22e960-400a-43ff-baeb-4828c8f5cd3a" providerId="ADAL" clId="{554BA7E0-55EE-9746-83EC-F09BDB4BCF3A}" dt="2021-04-23T13:46:50.530" v="7086" actId="14100"/>
          <ac:spMkLst>
            <pc:docMk/>
            <pc:sldMk cId="2696441899" sldId="664"/>
            <ac:spMk id="40" creationId="{E6340953-1158-004D-A00B-7516CE5EC10D}"/>
          </ac:spMkLst>
        </pc:spChg>
        <pc:spChg chg="del">
          <ac:chgData name="Daly Donnacha HSLU I" userId="0f22e960-400a-43ff-baeb-4828c8f5cd3a" providerId="ADAL" clId="{554BA7E0-55EE-9746-83EC-F09BDB4BCF3A}" dt="2021-04-23T13:21:25.147" v="6909" actId="478"/>
          <ac:spMkLst>
            <pc:docMk/>
            <pc:sldMk cId="2696441899" sldId="664"/>
            <ac:spMk id="125" creationId="{6A4CBDB3-99BF-ED4F-A4FC-ECB703E03AFF}"/>
          </ac:spMkLst>
        </pc:spChg>
        <pc:spChg chg="del">
          <ac:chgData name="Daly Donnacha HSLU I" userId="0f22e960-400a-43ff-baeb-4828c8f5cd3a" providerId="ADAL" clId="{554BA7E0-55EE-9746-83EC-F09BDB4BCF3A}" dt="2021-04-23T13:21:25.147" v="6909" actId="478"/>
          <ac:spMkLst>
            <pc:docMk/>
            <pc:sldMk cId="2696441899" sldId="664"/>
            <ac:spMk id="126" creationId="{5A1EB0FA-5973-3245-BE08-8460C4F093F5}"/>
          </ac:spMkLst>
        </pc:spChg>
        <pc:spChg chg="del">
          <ac:chgData name="Daly Donnacha HSLU I" userId="0f22e960-400a-43ff-baeb-4828c8f5cd3a" providerId="ADAL" clId="{554BA7E0-55EE-9746-83EC-F09BDB4BCF3A}" dt="2021-04-23T13:21:25.147" v="6909" actId="478"/>
          <ac:spMkLst>
            <pc:docMk/>
            <pc:sldMk cId="2696441899" sldId="664"/>
            <ac:spMk id="127" creationId="{DFE081ED-C507-8449-AE42-1A47A527819B}"/>
          </ac:spMkLst>
        </pc:spChg>
        <pc:spChg chg="del">
          <ac:chgData name="Daly Donnacha HSLU I" userId="0f22e960-400a-43ff-baeb-4828c8f5cd3a" providerId="ADAL" clId="{554BA7E0-55EE-9746-83EC-F09BDB4BCF3A}" dt="2021-04-23T13:21:25.147" v="6909" actId="478"/>
          <ac:spMkLst>
            <pc:docMk/>
            <pc:sldMk cId="2696441899" sldId="664"/>
            <ac:spMk id="137" creationId="{0F123406-4585-4E47-BB83-4BF48FE227FF}"/>
          </ac:spMkLst>
        </pc:spChg>
        <pc:spChg chg="del">
          <ac:chgData name="Daly Donnacha HSLU I" userId="0f22e960-400a-43ff-baeb-4828c8f5cd3a" providerId="ADAL" clId="{554BA7E0-55EE-9746-83EC-F09BDB4BCF3A}" dt="2021-04-23T13:21:25.147" v="6909" actId="478"/>
          <ac:spMkLst>
            <pc:docMk/>
            <pc:sldMk cId="2696441899" sldId="664"/>
            <ac:spMk id="138" creationId="{BB86BC62-A15B-2D47-B8CF-FD5A109E4E51}"/>
          </ac:spMkLst>
        </pc:spChg>
        <pc:spChg chg="del">
          <ac:chgData name="Daly Donnacha HSLU I" userId="0f22e960-400a-43ff-baeb-4828c8f5cd3a" providerId="ADAL" clId="{554BA7E0-55EE-9746-83EC-F09BDB4BCF3A}" dt="2021-04-23T13:21:25.147" v="6909" actId="478"/>
          <ac:spMkLst>
            <pc:docMk/>
            <pc:sldMk cId="2696441899" sldId="664"/>
            <ac:spMk id="139" creationId="{BFB6D4B7-0FCD-7645-B8A1-08AEB919F61A}"/>
          </ac:spMkLst>
        </pc:spChg>
        <pc:spChg chg="del">
          <ac:chgData name="Daly Donnacha HSLU I" userId="0f22e960-400a-43ff-baeb-4828c8f5cd3a" providerId="ADAL" clId="{554BA7E0-55EE-9746-83EC-F09BDB4BCF3A}" dt="2021-04-23T13:21:25.147" v="6909" actId="478"/>
          <ac:spMkLst>
            <pc:docMk/>
            <pc:sldMk cId="2696441899" sldId="664"/>
            <ac:spMk id="143" creationId="{761A94C8-4CC2-824F-B564-4881A1B6A736}"/>
          </ac:spMkLst>
        </pc:spChg>
        <pc:spChg chg="del">
          <ac:chgData name="Daly Donnacha HSLU I" userId="0f22e960-400a-43ff-baeb-4828c8f5cd3a" providerId="ADAL" clId="{554BA7E0-55EE-9746-83EC-F09BDB4BCF3A}" dt="2021-04-23T13:21:25.147" v="6909" actId="478"/>
          <ac:spMkLst>
            <pc:docMk/>
            <pc:sldMk cId="2696441899" sldId="664"/>
            <ac:spMk id="144" creationId="{3945D014-1A7A-2543-AC62-595873D7E239}"/>
          </ac:spMkLst>
        </pc:spChg>
        <pc:spChg chg="del">
          <ac:chgData name="Daly Donnacha HSLU I" userId="0f22e960-400a-43ff-baeb-4828c8f5cd3a" providerId="ADAL" clId="{554BA7E0-55EE-9746-83EC-F09BDB4BCF3A}" dt="2021-04-23T13:21:25.147" v="6909" actId="478"/>
          <ac:spMkLst>
            <pc:docMk/>
            <pc:sldMk cId="2696441899" sldId="664"/>
            <ac:spMk id="145" creationId="{2F4F7768-798A-6B44-A24B-1C7A5D50512A}"/>
          </ac:spMkLst>
        </pc:spChg>
        <pc:grpChg chg="del">
          <ac:chgData name="Daly Donnacha HSLU I" userId="0f22e960-400a-43ff-baeb-4828c8f5cd3a" providerId="ADAL" clId="{554BA7E0-55EE-9746-83EC-F09BDB4BCF3A}" dt="2021-04-23T13:21:25.147" v="6909" actId="478"/>
          <ac:grpSpMkLst>
            <pc:docMk/>
            <pc:sldMk cId="2696441899" sldId="664"/>
            <ac:grpSpMk id="4" creationId="{ABD56550-755C-F841-BF30-1A47165F9912}"/>
          </ac:grpSpMkLst>
        </pc:grpChg>
        <pc:grpChg chg="del">
          <ac:chgData name="Daly Donnacha HSLU I" userId="0f22e960-400a-43ff-baeb-4828c8f5cd3a" providerId="ADAL" clId="{554BA7E0-55EE-9746-83EC-F09BDB4BCF3A}" dt="2021-04-23T13:21:25.147" v="6909" actId="478"/>
          <ac:grpSpMkLst>
            <pc:docMk/>
            <pc:sldMk cId="2696441899" sldId="664"/>
            <ac:grpSpMk id="176" creationId="{80B5570D-5EB0-D14F-AD97-D6A7EEB2E027}"/>
          </ac:grpSpMkLst>
        </pc:grpChg>
        <pc:grpChg chg="del">
          <ac:chgData name="Daly Donnacha HSLU I" userId="0f22e960-400a-43ff-baeb-4828c8f5cd3a" providerId="ADAL" clId="{554BA7E0-55EE-9746-83EC-F09BDB4BCF3A}" dt="2021-04-23T13:21:25.147" v="6909" actId="478"/>
          <ac:grpSpMkLst>
            <pc:docMk/>
            <pc:sldMk cId="2696441899" sldId="664"/>
            <ac:grpSpMk id="177" creationId="{86F65E61-C7C7-0E4D-BBD4-37CB6605BBA0}"/>
          </ac:grpSpMkLst>
        </pc:grpChg>
        <pc:picChg chg="del">
          <ac:chgData name="Daly Donnacha HSLU I" userId="0f22e960-400a-43ff-baeb-4828c8f5cd3a" providerId="ADAL" clId="{554BA7E0-55EE-9746-83EC-F09BDB4BCF3A}" dt="2021-04-23T13:21:25.147" v="6909" actId="478"/>
          <ac:picMkLst>
            <pc:docMk/>
            <pc:sldMk cId="2696441899" sldId="664"/>
            <ac:picMk id="3" creationId="{EC7AEAD2-E3E4-5345-81BF-60AFE3B23C4C}"/>
          </ac:picMkLst>
        </pc:picChg>
        <pc:picChg chg="add del mod">
          <ac:chgData name="Daly Donnacha HSLU I" userId="0f22e960-400a-43ff-baeb-4828c8f5cd3a" providerId="ADAL" clId="{554BA7E0-55EE-9746-83EC-F09BDB4BCF3A}" dt="2021-04-23T13:43:05.664" v="6919" actId="478"/>
          <ac:picMkLst>
            <pc:docMk/>
            <pc:sldMk cId="2696441899" sldId="664"/>
            <ac:picMk id="5" creationId="{D81D8E64-D293-D14A-AC58-7D49F250CDEA}"/>
          </ac:picMkLst>
        </pc:picChg>
        <pc:picChg chg="add del mod">
          <ac:chgData name="Daly Donnacha HSLU I" userId="0f22e960-400a-43ff-baeb-4828c8f5cd3a" providerId="ADAL" clId="{554BA7E0-55EE-9746-83EC-F09BDB4BCF3A}" dt="2021-04-23T13:43:05.193" v="6918" actId="478"/>
          <ac:picMkLst>
            <pc:docMk/>
            <pc:sldMk cId="2696441899" sldId="664"/>
            <ac:picMk id="6" creationId="{39C1AC6F-2CE3-1248-9FEA-7060C2311AA6}"/>
          </ac:picMkLst>
        </pc:picChg>
        <pc:picChg chg="add del mod">
          <ac:chgData name="Daly Donnacha HSLU I" userId="0f22e960-400a-43ff-baeb-4828c8f5cd3a" providerId="ADAL" clId="{554BA7E0-55EE-9746-83EC-F09BDB4BCF3A}" dt="2021-04-23T13:43:04.685" v="6917" actId="478"/>
          <ac:picMkLst>
            <pc:docMk/>
            <pc:sldMk cId="2696441899" sldId="664"/>
            <ac:picMk id="7" creationId="{DDE26B75-256D-9F4F-BCC1-1BD1F25F331C}"/>
          </ac:picMkLst>
        </pc:picChg>
        <pc:picChg chg="add mod">
          <ac:chgData name="Daly Donnacha HSLU I" userId="0f22e960-400a-43ff-baeb-4828c8f5cd3a" providerId="ADAL" clId="{554BA7E0-55EE-9746-83EC-F09BDB4BCF3A}" dt="2021-04-23T13:46:14.040" v="7070" actId="1076"/>
          <ac:picMkLst>
            <pc:docMk/>
            <pc:sldMk cId="2696441899" sldId="664"/>
            <ac:picMk id="8" creationId="{04040856-28EC-2849-8E1F-8A14EF478323}"/>
          </ac:picMkLst>
        </pc:picChg>
        <pc:picChg chg="add mod">
          <ac:chgData name="Daly Donnacha HSLU I" userId="0f22e960-400a-43ff-baeb-4828c8f5cd3a" providerId="ADAL" clId="{554BA7E0-55EE-9746-83EC-F09BDB4BCF3A}" dt="2021-04-23T13:46:19.755" v="7078" actId="1037"/>
          <ac:picMkLst>
            <pc:docMk/>
            <pc:sldMk cId="2696441899" sldId="664"/>
            <ac:picMk id="9" creationId="{108AF468-B90D-C448-9FCE-3E1553F7EE9F}"/>
          </ac:picMkLst>
        </pc:picChg>
        <pc:picChg chg="add mod">
          <ac:chgData name="Daly Donnacha HSLU I" userId="0f22e960-400a-43ff-baeb-4828c8f5cd3a" providerId="ADAL" clId="{554BA7E0-55EE-9746-83EC-F09BDB4BCF3A}" dt="2021-04-23T13:46:07.011" v="7068" actId="1076"/>
          <ac:picMkLst>
            <pc:docMk/>
            <pc:sldMk cId="2696441899" sldId="664"/>
            <ac:picMk id="10" creationId="{D9E5DA44-6146-4A46-ADD5-8609F55E3489}"/>
          </ac:picMkLst>
        </pc:picChg>
        <pc:picChg chg="add mod">
          <ac:chgData name="Daly Donnacha HSLU I" userId="0f22e960-400a-43ff-baeb-4828c8f5cd3a" providerId="ADAL" clId="{554BA7E0-55EE-9746-83EC-F09BDB4BCF3A}" dt="2021-04-23T13:45:49.122" v="7065" actId="1076"/>
          <ac:picMkLst>
            <pc:docMk/>
            <pc:sldMk cId="2696441899" sldId="664"/>
            <ac:picMk id="11" creationId="{59E32E03-A6A4-4D47-A78E-D99DA7D1ECAF}"/>
          </ac:picMkLst>
        </pc:picChg>
        <pc:picChg chg="add mod">
          <ac:chgData name="Daly Donnacha HSLU I" userId="0f22e960-400a-43ff-baeb-4828c8f5cd3a" providerId="ADAL" clId="{554BA7E0-55EE-9746-83EC-F09BDB4BCF3A}" dt="2021-04-23T13:30:54.226" v="6910"/>
          <ac:picMkLst>
            <pc:docMk/>
            <pc:sldMk cId="2696441899" sldId="664"/>
            <ac:picMk id="29" creationId="{C9A19BB5-BFF4-FA41-B932-6FA38ADFAF1C}"/>
          </ac:picMkLst>
        </pc:picChg>
        <pc:picChg chg="del">
          <ac:chgData name="Daly Donnacha HSLU I" userId="0f22e960-400a-43ff-baeb-4828c8f5cd3a" providerId="ADAL" clId="{554BA7E0-55EE-9746-83EC-F09BDB4BCF3A}" dt="2021-04-23T13:21:25.147" v="6909" actId="478"/>
          <ac:picMkLst>
            <pc:docMk/>
            <pc:sldMk cId="2696441899" sldId="664"/>
            <ac:picMk id="39" creationId="{536C0CF6-93AC-6248-948A-0F94EFA06156}"/>
          </ac:picMkLst>
        </pc:picChg>
        <pc:picChg chg="del">
          <ac:chgData name="Daly Donnacha HSLU I" userId="0f22e960-400a-43ff-baeb-4828c8f5cd3a" providerId="ADAL" clId="{554BA7E0-55EE-9746-83EC-F09BDB4BCF3A}" dt="2021-04-23T13:21:25.147" v="6909" actId="478"/>
          <ac:picMkLst>
            <pc:docMk/>
            <pc:sldMk cId="2696441899" sldId="664"/>
            <ac:picMk id="116" creationId="{C8E1414A-DC84-BA4D-895D-6B5E2605AD4A}"/>
          </ac:picMkLst>
        </pc:picChg>
        <pc:picChg chg="del">
          <ac:chgData name="Daly Donnacha HSLU I" userId="0f22e960-400a-43ff-baeb-4828c8f5cd3a" providerId="ADAL" clId="{554BA7E0-55EE-9746-83EC-F09BDB4BCF3A}" dt="2021-04-23T13:21:25.147" v="6909" actId="478"/>
          <ac:picMkLst>
            <pc:docMk/>
            <pc:sldMk cId="2696441899" sldId="664"/>
            <ac:picMk id="120" creationId="{3800E2FD-E3A1-4944-8583-4A8F1AF21D11}"/>
          </ac:picMkLst>
        </pc:picChg>
        <pc:cxnChg chg="add mod">
          <ac:chgData name="Daly Donnacha HSLU I" userId="0f22e960-400a-43ff-baeb-4828c8f5cd3a" providerId="ADAL" clId="{554BA7E0-55EE-9746-83EC-F09BDB4BCF3A}" dt="2021-04-23T13:47:02.527" v="7088" actId="208"/>
          <ac:cxnSpMkLst>
            <pc:docMk/>
            <pc:sldMk cId="2696441899" sldId="664"/>
            <ac:cxnSpMk id="15" creationId="{D1C8B966-6B17-4C4E-9C09-77CF8F46D350}"/>
          </ac:cxnSpMkLst>
        </pc:cxnChg>
        <pc:cxnChg chg="add mod">
          <ac:chgData name="Daly Donnacha HSLU I" userId="0f22e960-400a-43ff-baeb-4828c8f5cd3a" providerId="ADAL" clId="{554BA7E0-55EE-9746-83EC-F09BDB4BCF3A}" dt="2021-04-23T13:47:10.069" v="7091" actId="14100"/>
          <ac:cxnSpMkLst>
            <pc:docMk/>
            <pc:sldMk cId="2696441899" sldId="664"/>
            <ac:cxnSpMk id="43" creationId="{167D5909-6FB2-004B-B875-4834F9B4B52C}"/>
          </ac:cxnSpMkLst>
        </pc:cxnChg>
        <pc:cxnChg chg="add mod">
          <ac:chgData name="Daly Donnacha HSLU I" userId="0f22e960-400a-43ff-baeb-4828c8f5cd3a" providerId="ADAL" clId="{554BA7E0-55EE-9746-83EC-F09BDB4BCF3A}" dt="2021-04-23T13:47:23.798" v="7094" actId="14100"/>
          <ac:cxnSpMkLst>
            <pc:docMk/>
            <pc:sldMk cId="2696441899" sldId="664"/>
            <ac:cxnSpMk id="46" creationId="{CBDF20EB-7EB3-3441-B77B-2BA494964891}"/>
          </ac:cxnSpMkLst>
        </pc:cxnChg>
        <pc:cxnChg chg="add mod">
          <ac:chgData name="Daly Donnacha HSLU I" userId="0f22e960-400a-43ff-baeb-4828c8f5cd3a" providerId="ADAL" clId="{554BA7E0-55EE-9746-83EC-F09BDB4BCF3A}" dt="2021-04-23T13:47:30.698" v="7097" actId="14100"/>
          <ac:cxnSpMkLst>
            <pc:docMk/>
            <pc:sldMk cId="2696441899" sldId="664"/>
            <ac:cxnSpMk id="48" creationId="{8F1FFEEE-5BD0-374A-8B91-1E88F2754EAC}"/>
          </ac:cxnSpMkLst>
        </pc:cxnChg>
        <pc:cxnChg chg="del mod">
          <ac:chgData name="Daly Donnacha HSLU I" userId="0f22e960-400a-43ff-baeb-4828c8f5cd3a" providerId="ADAL" clId="{554BA7E0-55EE-9746-83EC-F09BDB4BCF3A}" dt="2021-04-23T13:21:25.147" v="6909" actId="478"/>
          <ac:cxnSpMkLst>
            <pc:docMk/>
            <pc:sldMk cId="2696441899" sldId="664"/>
            <ac:cxnSpMk id="146" creationId="{4D280F79-A453-5348-B9C2-4E39CB2DB66C}"/>
          </ac:cxnSpMkLst>
        </pc:cxnChg>
        <pc:cxnChg chg="del mod">
          <ac:chgData name="Daly Donnacha HSLU I" userId="0f22e960-400a-43ff-baeb-4828c8f5cd3a" providerId="ADAL" clId="{554BA7E0-55EE-9746-83EC-F09BDB4BCF3A}" dt="2021-04-23T13:21:25.147" v="6909" actId="478"/>
          <ac:cxnSpMkLst>
            <pc:docMk/>
            <pc:sldMk cId="2696441899" sldId="664"/>
            <ac:cxnSpMk id="159" creationId="{364582B8-3E80-DB40-9017-2669CE6D098B}"/>
          </ac:cxnSpMkLst>
        </pc:cxnChg>
      </pc:sldChg>
      <pc:sldChg chg="addSp delSp modSp new mod ord">
        <pc:chgData name="Daly Donnacha HSLU I" userId="0f22e960-400a-43ff-baeb-4828c8f5cd3a" providerId="ADAL" clId="{554BA7E0-55EE-9746-83EC-F09BDB4BCF3A}" dt="2021-04-23T14:36:09.214" v="8052"/>
        <pc:sldMkLst>
          <pc:docMk/>
          <pc:sldMk cId="2041803274" sldId="665"/>
        </pc:sldMkLst>
        <pc:spChg chg="mod">
          <ac:chgData name="Daly Donnacha HSLU I" userId="0f22e960-400a-43ff-baeb-4828c8f5cd3a" providerId="ADAL" clId="{554BA7E0-55EE-9746-83EC-F09BDB4BCF3A}" dt="2021-04-23T14:13:16.051" v="7400" actId="20577"/>
          <ac:spMkLst>
            <pc:docMk/>
            <pc:sldMk cId="2041803274" sldId="665"/>
            <ac:spMk id="2" creationId="{DBEC417E-F3C9-8145-A84A-7C895CE55F0B}"/>
          </ac:spMkLst>
        </pc:spChg>
        <pc:spChg chg="add del mod">
          <ac:chgData name="Daly Donnacha HSLU I" userId="0f22e960-400a-43ff-baeb-4828c8f5cd3a" providerId="ADAL" clId="{554BA7E0-55EE-9746-83EC-F09BDB4BCF3A}" dt="2021-04-23T14:12:33.314" v="7399"/>
          <ac:spMkLst>
            <pc:docMk/>
            <pc:sldMk cId="2041803274" sldId="665"/>
            <ac:spMk id="3" creationId="{DC6E350E-3813-AD45-A8FA-92DC8DC4E676}"/>
          </ac:spMkLst>
        </pc:spChg>
        <pc:spChg chg="add del mod">
          <ac:chgData name="Daly Donnacha HSLU I" userId="0f22e960-400a-43ff-baeb-4828c8f5cd3a" providerId="ADAL" clId="{554BA7E0-55EE-9746-83EC-F09BDB4BCF3A}" dt="2021-04-23T14:12:33.314" v="7399"/>
          <ac:spMkLst>
            <pc:docMk/>
            <pc:sldMk cId="2041803274" sldId="665"/>
            <ac:spMk id="4" creationId="{67E1BDC5-7823-6E44-8FEC-2A7106538B8A}"/>
          </ac:spMkLst>
        </pc:spChg>
        <pc:spChg chg="add mod">
          <ac:chgData name="Daly Donnacha HSLU I" userId="0f22e960-400a-43ff-baeb-4828c8f5cd3a" providerId="ADAL" clId="{554BA7E0-55EE-9746-83EC-F09BDB4BCF3A}" dt="2021-04-23T14:19:18.373" v="7816" actId="167"/>
          <ac:spMkLst>
            <pc:docMk/>
            <pc:sldMk cId="2041803274" sldId="665"/>
            <ac:spMk id="6" creationId="{62F260C9-C390-0449-80D7-11B7375181A7}"/>
          </ac:spMkLst>
        </pc:spChg>
        <pc:spChg chg="add mod">
          <ac:chgData name="Daly Donnacha HSLU I" userId="0f22e960-400a-43ff-baeb-4828c8f5cd3a" providerId="ADAL" clId="{554BA7E0-55EE-9746-83EC-F09BDB4BCF3A}" dt="2021-04-23T14:19:36.876" v="7834" actId="1038"/>
          <ac:spMkLst>
            <pc:docMk/>
            <pc:sldMk cId="2041803274" sldId="665"/>
            <ac:spMk id="7" creationId="{B1A3F805-38C4-2249-967B-F4B25A2EFFEC}"/>
          </ac:spMkLst>
        </pc:spChg>
        <pc:spChg chg="add del mod">
          <ac:chgData name="Daly Donnacha HSLU I" userId="0f22e960-400a-43ff-baeb-4828c8f5cd3a" providerId="ADAL" clId="{554BA7E0-55EE-9746-83EC-F09BDB4BCF3A}" dt="2021-04-23T14:18:30.004" v="7754" actId="478"/>
          <ac:spMkLst>
            <pc:docMk/>
            <pc:sldMk cId="2041803274" sldId="665"/>
            <ac:spMk id="8" creationId="{418F32D5-3A45-B445-9590-AEA06AC5F1B1}"/>
          </ac:spMkLst>
        </pc:spChg>
        <pc:spChg chg="add mod">
          <ac:chgData name="Daly Donnacha HSLU I" userId="0f22e960-400a-43ff-baeb-4828c8f5cd3a" providerId="ADAL" clId="{554BA7E0-55EE-9746-83EC-F09BDB4BCF3A}" dt="2021-04-23T14:19:33.268" v="7830" actId="1038"/>
          <ac:spMkLst>
            <pc:docMk/>
            <pc:sldMk cId="2041803274" sldId="665"/>
            <ac:spMk id="9" creationId="{78E53EF4-3A24-2A45-887D-43CAEE2EBB2A}"/>
          </ac:spMkLst>
        </pc:spChg>
        <pc:spChg chg="add mod">
          <ac:chgData name="Daly Donnacha HSLU I" userId="0f22e960-400a-43ff-baeb-4828c8f5cd3a" providerId="ADAL" clId="{554BA7E0-55EE-9746-83EC-F09BDB4BCF3A}" dt="2021-04-23T14:33:05.539" v="8026" actId="948"/>
          <ac:spMkLst>
            <pc:docMk/>
            <pc:sldMk cId="2041803274" sldId="665"/>
            <ac:spMk id="11" creationId="{02F1F0E3-596B-084B-B3CC-F7529437BAE3}"/>
          </ac:spMkLst>
        </pc:spChg>
        <pc:spChg chg="add del mod">
          <ac:chgData name="Daly Donnacha HSLU I" userId="0f22e960-400a-43ff-baeb-4828c8f5cd3a" providerId="ADAL" clId="{554BA7E0-55EE-9746-83EC-F09BDB4BCF3A}" dt="2021-04-23T14:36:09.214" v="8052"/>
          <ac:spMkLst>
            <pc:docMk/>
            <pc:sldMk cId="2041803274" sldId="665"/>
            <ac:spMk id="13" creationId="{C3B70AE0-5607-1744-A99F-FC4226C53ADA}"/>
          </ac:spMkLst>
        </pc:spChg>
        <pc:picChg chg="add mod">
          <ac:chgData name="Daly Donnacha HSLU I" userId="0f22e960-400a-43ff-baeb-4828c8f5cd3a" providerId="ADAL" clId="{554BA7E0-55EE-9746-83EC-F09BDB4BCF3A}" dt="2021-04-23T14:19:28.204" v="7827" actId="1037"/>
          <ac:picMkLst>
            <pc:docMk/>
            <pc:sldMk cId="2041803274" sldId="665"/>
            <ac:picMk id="5" creationId="{3C556D25-9614-AC46-852C-5F47532017F6}"/>
          </ac:picMkLst>
        </pc:picChg>
        <pc:picChg chg="add del mod">
          <ac:chgData name="Daly Donnacha HSLU I" userId="0f22e960-400a-43ff-baeb-4828c8f5cd3a" providerId="ADAL" clId="{554BA7E0-55EE-9746-83EC-F09BDB4BCF3A}" dt="2021-04-23T14:16:45.236" v="7661" actId="478"/>
          <ac:picMkLst>
            <pc:docMk/>
            <pc:sldMk cId="2041803274" sldId="665"/>
            <ac:picMk id="10" creationId="{654F54FB-3542-7448-975E-9CAF98EF4BF0}"/>
          </ac:picMkLst>
        </pc:picChg>
        <pc:picChg chg="add mod">
          <ac:chgData name="Daly Donnacha HSLU I" userId="0f22e960-400a-43ff-baeb-4828c8f5cd3a" providerId="ADAL" clId="{554BA7E0-55EE-9746-83EC-F09BDB4BCF3A}" dt="2021-04-23T14:33:11.441" v="8027" actId="1076"/>
          <ac:picMkLst>
            <pc:docMk/>
            <pc:sldMk cId="2041803274" sldId="665"/>
            <ac:picMk id="12" creationId="{943A67D1-59FF-134D-8C87-D58005618D82}"/>
          </ac:picMkLst>
        </pc:picChg>
        <pc:picChg chg="add mod">
          <ac:chgData name="Daly Donnacha HSLU I" userId="0f22e960-400a-43ff-baeb-4828c8f5cd3a" providerId="ADAL" clId="{554BA7E0-55EE-9746-83EC-F09BDB4BCF3A}" dt="2021-04-23T14:36:05.908" v="8050" actId="1076"/>
          <ac:picMkLst>
            <pc:docMk/>
            <pc:sldMk cId="2041803274" sldId="665"/>
            <ac:picMk id="14" creationId="{AC283F08-C920-B54F-AE6F-B5A23E987352}"/>
          </ac:picMkLst>
        </pc:picChg>
      </pc:sldChg>
      <pc:sldChg chg="addSp delSp modSp new mod">
        <pc:chgData name="Daly Donnacha HSLU I" userId="0f22e960-400a-43ff-baeb-4828c8f5cd3a" providerId="ADAL" clId="{554BA7E0-55EE-9746-83EC-F09BDB4BCF3A}" dt="2021-04-23T15:08:44.846" v="8439" actId="20577"/>
        <pc:sldMkLst>
          <pc:docMk/>
          <pc:sldMk cId="2691985661" sldId="666"/>
        </pc:sldMkLst>
        <pc:spChg chg="mod">
          <ac:chgData name="Daly Donnacha HSLU I" userId="0f22e960-400a-43ff-baeb-4828c8f5cd3a" providerId="ADAL" clId="{554BA7E0-55EE-9746-83EC-F09BDB4BCF3A}" dt="2021-04-23T14:37:14.929" v="8099" actId="6549"/>
          <ac:spMkLst>
            <pc:docMk/>
            <pc:sldMk cId="2691985661" sldId="666"/>
            <ac:spMk id="2" creationId="{556F93AC-1F7F-0249-9C25-D532622E96FC}"/>
          </ac:spMkLst>
        </pc:spChg>
        <pc:spChg chg="add del mod">
          <ac:chgData name="Daly Donnacha HSLU I" userId="0f22e960-400a-43ff-baeb-4828c8f5cd3a" providerId="ADAL" clId="{554BA7E0-55EE-9746-83EC-F09BDB4BCF3A}" dt="2021-04-23T14:37:43.758" v="8101"/>
          <ac:spMkLst>
            <pc:docMk/>
            <pc:sldMk cId="2691985661" sldId="666"/>
            <ac:spMk id="38" creationId="{F9963878-CD8A-7C44-A6D4-E2FA116934EF}"/>
          </ac:spMkLst>
        </pc:spChg>
        <pc:spChg chg="add del mod">
          <ac:chgData name="Daly Donnacha HSLU I" userId="0f22e960-400a-43ff-baeb-4828c8f5cd3a" providerId="ADAL" clId="{554BA7E0-55EE-9746-83EC-F09BDB4BCF3A}" dt="2021-04-23T14:37:43.758" v="8101"/>
          <ac:spMkLst>
            <pc:docMk/>
            <pc:sldMk cId="2691985661" sldId="666"/>
            <ac:spMk id="39" creationId="{BB9F8636-DDFD-0F46-BD6C-393492FDE192}"/>
          </ac:spMkLst>
        </pc:spChg>
        <pc:spChg chg="add del mod">
          <ac:chgData name="Daly Donnacha HSLU I" userId="0f22e960-400a-43ff-baeb-4828c8f5cd3a" providerId="ADAL" clId="{554BA7E0-55EE-9746-83EC-F09BDB4BCF3A}" dt="2021-04-23T14:37:43.758" v="8101"/>
          <ac:spMkLst>
            <pc:docMk/>
            <pc:sldMk cId="2691985661" sldId="666"/>
            <ac:spMk id="40" creationId="{8EA39230-2426-D341-8ADE-FCB9F0D64FD3}"/>
          </ac:spMkLst>
        </pc:spChg>
        <pc:spChg chg="add del mod">
          <ac:chgData name="Daly Donnacha HSLU I" userId="0f22e960-400a-43ff-baeb-4828c8f5cd3a" providerId="ADAL" clId="{554BA7E0-55EE-9746-83EC-F09BDB4BCF3A}" dt="2021-04-23T14:37:43.758" v="8101"/>
          <ac:spMkLst>
            <pc:docMk/>
            <pc:sldMk cId="2691985661" sldId="666"/>
            <ac:spMk id="41" creationId="{096C8AB6-4C07-2E40-8CD9-8A9D7592FA3F}"/>
          </ac:spMkLst>
        </pc:spChg>
        <pc:spChg chg="mod">
          <ac:chgData name="Daly Donnacha HSLU I" userId="0f22e960-400a-43ff-baeb-4828c8f5cd3a" providerId="ADAL" clId="{554BA7E0-55EE-9746-83EC-F09BDB4BCF3A}" dt="2021-04-23T14:37:35.708" v="8100"/>
          <ac:spMkLst>
            <pc:docMk/>
            <pc:sldMk cId="2691985661" sldId="666"/>
            <ac:spMk id="43" creationId="{768BCD65-3042-8142-8CD4-0E8FBDAE3617}"/>
          </ac:spMkLst>
        </pc:spChg>
        <pc:spChg chg="mod">
          <ac:chgData name="Daly Donnacha HSLU I" userId="0f22e960-400a-43ff-baeb-4828c8f5cd3a" providerId="ADAL" clId="{554BA7E0-55EE-9746-83EC-F09BDB4BCF3A}" dt="2021-04-23T14:37:35.708" v="8100"/>
          <ac:spMkLst>
            <pc:docMk/>
            <pc:sldMk cId="2691985661" sldId="666"/>
            <ac:spMk id="46" creationId="{EC1137C0-D027-244D-B44E-A575A0ED9E6D}"/>
          </ac:spMkLst>
        </pc:spChg>
        <pc:spChg chg="mod">
          <ac:chgData name="Daly Donnacha HSLU I" userId="0f22e960-400a-43ff-baeb-4828c8f5cd3a" providerId="ADAL" clId="{554BA7E0-55EE-9746-83EC-F09BDB4BCF3A}" dt="2021-04-23T14:37:35.708" v="8100"/>
          <ac:spMkLst>
            <pc:docMk/>
            <pc:sldMk cId="2691985661" sldId="666"/>
            <ac:spMk id="49" creationId="{0656AC46-21F7-D14A-AFEE-54DF8716B43E}"/>
          </ac:spMkLst>
        </pc:spChg>
        <pc:spChg chg="mod">
          <ac:chgData name="Daly Donnacha HSLU I" userId="0f22e960-400a-43ff-baeb-4828c8f5cd3a" providerId="ADAL" clId="{554BA7E0-55EE-9746-83EC-F09BDB4BCF3A}" dt="2021-04-23T14:37:35.708" v="8100"/>
          <ac:spMkLst>
            <pc:docMk/>
            <pc:sldMk cId="2691985661" sldId="666"/>
            <ac:spMk id="52" creationId="{0E6F17F1-6DC9-F84C-9EC4-ED2FA3487A7F}"/>
          </ac:spMkLst>
        </pc:spChg>
        <pc:spChg chg="add del mod">
          <ac:chgData name="Daly Donnacha HSLU I" userId="0f22e960-400a-43ff-baeb-4828c8f5cd3a" providerId="ADAL" clId="{554BA7E0-55EE-9746-83EC-F09BDB4BCF3A}" dt="2021-04-23T14:37:43.758" v="8101"/>
          <ac:spMkLst>
            <pc:docMk/>
            <pc:sldMk cId="2691985661" sldId="666"/>
            <ac:spMk id="63" creationId="{0021B4FF-464B-9545-9FA2-4584EA02050B}"/>
          </ac:spMkLst>
        </pc:spChg>
        <pc:spChg chg="add del mod">
          <ac:chgData name="Daly Donnacha HSLU I" userId="0f22e960-400a-43ff-baeb-4828c8f5cd3a" providerId="ADAL" clId="{554BA7E0-55EE-9746-83EC-F09BDB4BCF3A}" dt="2021-04-23T14:37:43.758" v="8101"/>
          <ac:spMkLst>
            <pc:docMk/>
            <pc:sldMk cId="2691985661" sldId="666"/>
            <ac:spMk id="64" creationId="{6CC8F8F2-A5BA-BB4D-A268-CFC7B205C104}"/>
          </ac:spMkLst>
        </pc:spChg>
        <pc:spChg chg="add mod">
          <ac:chgData name="Daly Donnacha HSLU I" userId="0f22e960-400a-43ff-baeb-4828c8f5cd3a" providerId="ADAL" clId="{554BA7E0-55EE-9746-83EC-F09BDB4BCF3A}" dt="2021-04-23T14:54:47.139" v="8265" actId="1036"/>
          <ac:spMkLst>
            <pc:docMk/>
            <pc:sldMk cId="2691985661" sldId="666"/>
            <ac:spMk id="70" creationId="{EB591291-4477-C945-9740-6F7A6C88C7F1}"/>
          </ac:spMkLst>
        </pc:spChg>
        <pc:spChg chg="add del mod">
          <ac:chgData name="Daly Donnacha HSLU I" userId="0f22e960-400a-43ff-baeb-4828c8f5cd3a" providerId="ADAL" clId="{554BA7E0-55EE-9746-83EC-F09BDB4BCF3A}" dt="2021-04-23T14:43:24.529" v="8238" actId="478"/>
          <ac:spMkLst>
            <pc:docMk/>
            <pc:sldMk cId="2691985661" sldId="666"/>
            <ac:spMk id="71" creationId="{B7050817-39EF-124E-B1FD-BA0A604B09A4}"/>
          </ac:spMkLst>
        </pc:spChg>
        <pc:spChg chg="add mod">
          <ac:chgData name="Daly Donnacha HSLU I" userId="0f22e960-400a-43ff-baeb-4828c8f5cd3a" providerId="ADAL" clId="{554BA7E0-55EE-9746-83EC-F09BDB4BCF3A}" dt="2021-04-23T14:44:07.322" v="8245" actId="14100"/>
          <ac:spMkLst>
            <pc:docMk/>
            <pc:sldMk cId="2691985661" sldId="666"/>
            <ac:spMk id="72" creationId="{D2AD9C43-FF7E-4641-BC69-A9CB88E9AB36}"/>
          </ac:spMkLst>
        </pc:spChg>
        <pc:spChg chg="add mod">
          <ac:chgData name="Daly Donnacha HSLU I" userId="0f22e960-400a-43ff-baeb-4828c8f5cd3a" providerId="ADAL" clId="{554BA7E0-55EE-9746-83EC-F09BDB4BCF3A}" dt="2021-04-23T15:08:44.846" v="8439" actId="20577"/>
          <ac:spMkLst>
            <pc:docMk/>
            <pc:sldMk cId="2691985661" sldId="666"/>
            <ac:spMk id="79" creationId="{E530273D-9CF8-3745-A08E-E74B2885CD7D}"/>
          </ac:spMkLst>
        </pc:spChg>
        <pc:grpChg chg="add del mod">
          <ac:chgData name="Daly Donnacha HSLU I" userId="0f22e960-400a-43ff-baeb-4828c8f5cd3a" providerId="ADAL" clId="{554BA7E0-55EE-9746-83EC-F09BDB4BCF3A}" dt="2021-04-23T14:37:43.758" v="8101"/>
          <ac:grpSpMkLst>
            <pc:docMk/>
            <pc:sldMk cId="2691985661" sldId="666"/>
            <ac:grpSpMk id="42" creationId="{A83339AB-D0CC-7C44-8F0D-AAAD26CFF423}"/>
          </ac:grpSpMkLst>
        </pc:grpChg>
        <pc:grpChg chg="add del mod">
          <ac:chgData name="Daly Donnacha HSLU I" userId="0f22e960-400a-43ff-baeb-4828c8f5cd3a" providerId="ADAL" clId="{554BA7E0-55EE-9746-83EC-F09BDB4BCF3A}" dt="2021-04-23T14:37:43.758" v="8101"/>
          <ac:grpSpMkLst>
            <pc:docMk/>
            <pc:sldMk cId="2691985661" sldId="666"/>
            <ac:grpSpMk id="45" creationId="{1FEBBA7F-CB0E-9A45-9C33-D533CD493BF3}"/>
          </ac:grpSpMkLst>
        </pc:grpChg>
        <pc:grpChg chg="add del mod">
          <ac:chgData name="Daly Donnacha HSLU I" userId="0f22e960-400a-43ff-baeb-4828c8f5cd3a" providerId="ADAL" clId="{554BA7E0-55EE-9746-83EC-F09BDB4BCF3A}" dt="2021-04-23T14:37:43.758" v="8101"/>
          <ac:grpSpMkLst>
            <pc:docMk/>
            <pc:sldMk cId="2691985661" sldId="666"/>
            <ac:grpSpMk id="48" creationId="{0E8FB4A2-1FAC-7A46-9ECA-1C962C084696}"/>
          </ac:grpSpMkLst>
        </pc:grpChg>
        <pc:grpChg chg="add del mod">
          <ac:chgData name="Daly Donnacha HSLU I" userId="0f22e960-400a-43ff-baeb-4828c8f5cd3a" providerId="ADAL" clId="{554BA7E0-55EE-9746-83EC-F09BDB4BCF3A}" dt="2021-04-23T14:37:43.758" v="8101"/>
          <ac:grpSpMkLst>
            <pc:docMk/>
            <pc:sldMk cId="2691985661" sldId="666"/>
            <ac:grpSpMk id="51" creationId="{6FDBE28C-FAC2-8645-89BE-BC6DA26915BA}"/>
          </ac:grpSpMkLst>
        </pc:grpChg>
        <pc:picChg chg="add del mod">
          <ac:chgData name="Daly Donnacha HSLU I" userId="0f22e960-400a-43ff-baeb-4828c8f5cd3a" providerId="ADAL" clId="{554BA7E0-55EE-9746-83EC-F09BDB4BCF3A}" dt="2021-04-23T14:37:43.758" v="8101"/>
          <ac:picMkLst>
            <pc:docMk/>
            <pc:sldMk cId="2691985661" sldId="666"/>
            <ac:picMk id="3" creationId="{7E7E6787-B180-624D-98F5-0552D2BA90AB}"/>
          </ac:picMkLst>
        </pc:picChg>
        <pc:picChg chg="add del mod">
          <ac:chgData name="Daly Donnacha HSLU I" userId="0f22e960-400a-43ff-baeb-4828c8f5cd3a" providerId="ADAL" clId="{554BA7E0-55EE-9746-83EC-F09BDB4BCF3A}" dt="2021-04-23T14:37:43.758" v="8101"/>
          <ac:picMkLst>
            <pc:docMk/>
            <pc:sldMk cId="2691985661" sldId="666"/>
            <ac:picMk id="4" creationId="{2F89AD58-ADBE-CB44-89A3-6A2BEB844656}"/>
          </ac:picMkLst>
        </pc:picChg>
        <pc:picChg chg="add del mod">
          <ac:chgData name="Daly Donnacha HSLU I" userId="0f22e960-400a-43ff-baeb-4828c8f5cd3a" providerId="ADAL" clId="{554BA7E0-55EE-9746-83EC-F09BDB4BCF3A}" dt="2021-04-23T14:37:43.758" v="8101"/>
          <ac:picMkLst>
            <pc:docMk/>
            <pc:sldMk cId="2691985661" sldId="666"/>
            <ac:picMk id="5" creationId="{B42DBFF7-6131-DA4A-B66F-5E8D9DC80457}"/>
          </ac:picMkLst>
        </pc:picChg>
        <pc:picChg chg="add del mod">
          <ac:chgData name="Daly Donnacha HSLU I" userId="0f22e960-400a-43ff-baeb-4828c8f5cd3a" providerId="ADAL" clId="{554BA7E0-55EE-9746-83EC-F09BDB4BCF3A}" dt="2021-04-23T14:37:43.758" v="8101"/>
          <ac:picMkLst>
            <pc:docMk/>
            <pc:sldMk cId="2691985661" sldId="666"/>
            <ac:picMk id="6" creationId="{74542951-817F-6F48-B5A0-1DAEB0F793D4}"/>
          </ac:picMkLst>
        </pc:picChg>
        <pc:picChg chg="add del mod">
          <ac:chgData name="Daly Donnacha HSLU I" userId="0f22e960-400a-43ff-baeb-4828c8f5cd3a" providerId="ADAL" clId="{554BA7E0-55EE-9746-83EC-F09BDB4BCF3A}" dt="2021-04-23T14:37:43.758" v="8101"/>
          <ac:picMkLst>
            <pc:docMk/>
            <pc:sldMk cId="2691985661" sldId="666"/>
            <ac:picMk id="29" creationId="{97097AF5-CB15-4A4A-9A7F-C82C26851D78}"/>
          </ac:picMkLst>
        </pc:picChg>
        <pc:picChg chg="add del mod">
          <ac:chgData name="Daly Donnacha HSLU I" userId="0f22e960-400a-43ff-baeb-4828c8f5cd3a" providerId="ADAL" clId="{554BA7E0-55EE-9746-83EC-F09BDB4BCF3A}" dt="2021-04-23T14:37:43.758" v="8101"/>
          <ac:picMkLst>
            <pc:docMk/>
            <pc:sldMk cId="2691985661" sldId="666"/>
            <ac:picMk id="30" creationId="{150BC296-8D08-F54D-A6A8-02A5DE51A7C9}"/>
          </ac:picMkLst>
        </pc:picChg>
        <pc:picChg chg="add del mod">
          <ac:chgData name="Daly Donnacha HSLU I" userId="0f22e960-400a-43ff-baeb-4828c8f5cd3a" providerId="ADAL" clId="{554BA7E0-55EE-9746-83EC-F09BDB4BCF3A}" dt="2021-04-23T14:37:43.758" v="8101"/>
          <ac:picMkLst>
            <pc:docMk/>
            <pc:sldMk cId="2691985661" sldId="666"/>
            <ac:picMk id="31" creationId="{2A00FA44-0C7C-9244-8C5B-2E1538EF5B40}"/>
          </ac:picMkLst>
        </pc:picChg>
        <pc:picChg chg="add del mod">
          <ac:chgData name="Daly Donnacha HSLU I" userId="0f22e960-400a-43ff-baeb-4828c8f5cd3a" providerId="ADAL" clId="{554BA7E0-55EE-9746-83EC-F09BDB4BCF3A}" dt="2021-04-23T14:37:43.758" v="8101"/>
          <ac:picMkLst>
            <pc:docMk/>
            <pc:sldMk cId="2691985661" sldId="666"/>
            <ac:picMk id="32" creationId="{96C61ABC-0144-274A-A0F8-823452E7EC09}"/>
          </ac:picMkLst>
        </pc:picChg>
        <pc:picChg chg="add del mod">
          <ac:chgData name="Daly Donnacha HSLU I" userId="0f22e960-400a-43ff-baeb-4828c8f5cd3a" providerId="ADAL" clId="{554BA7E0-55EE-9746-83EC-F09BDB4BCF3A}" dt="2021-04-23T14:37:43.758" v="8101"/>
          <ac:picMkLst>
            <pc:docMk/>
            <pc:sldMk cId="2691985661" sldId="666"/>
            <ac:picMk id="33" creationId="{6BF3ECF3-9268-4F40-AA94-1AC92A4C401A}"/>
          </ac:picMkLst>
        </pc:picChg>
        <pc:picChg chg="mod">
          <ac:chgData name="Daly Donnacha HSLU I" userId="0f22e960-400a-43ff-baeb-4828c8f5cd3a" providerId="ADAL" clId="{554BA7E0-55EE-9746-83EC-F09BDB4BCF3A}" dt="2021-04-23T14:37:35.708" v="8100"/>
          <ac:picMkLst>
            <pc:docMk/>
            <pc:sldMk cId="2691985661" sldId="666"/>
            <ac:picMk id="44" creationId="{48D4651D-7853-084A-9B65-42F3230B4062}"/>
          </ac:picMkLst>
        </pc:picChg>
        <pc:picChg chg="mod">
          <ac:chgData name="Daly Donnacha HSLU I" userId="0f22e960-400a-43ff-baeb-4828c8f5cd3a" providerId="ADAL" clId="{554BA7E0-55EE-9746-83EC-F09BDB4BCF3A}" dt="2021-04-23T14:37:35.708" v="8100"/>
          <ac:picMkLst>
            <pc:docMk/>
            <pc:sldMk cId="2691985661" sldId="666"/>
            <ac:picMk id="47" creationId="{83B6E17A-66F0-0E4F-8453-AF9F74F377A7}"/>
          </ac:picMkLst>
        </pc:picChg>
        <pc:picChg chg="mod">
          <ac:chgData name="Daly Donnacha HSLU I" userId="0f22e960-400a-43ff-baeb-4828c8f5cd3a" providerId="ADAL" clId="{554BA7E0-55EE-9746-83EC-F09BDB4BCF3A}" dt="2021-04-23T14:37:35.708" v="8100"/>
          <ac:picMkLst>
            <pc:docMk/>
            <pc:sldMk cId="2691985661" sldId="666"/>
            <ac:picMk id="50" creationId="{349517AD-E2F6-8B48-8CA8-D2443C56696B}"/>
          </ac:picMkLst>
        </pc:picChg>
        <pc:picChg chg="mod">
          <ac:chgData name="Daly Donnacha HSLU I" userId="0f22e960-400a-43ff-baeb-4828c8f5cd3a" providerId="ADAL" clId="{554BA7E0-55EE-9746-83EC-F09BDB4BCF3A}" dt="2021-04-23T14:37:35.708" v="8100"/>
          <ac:picMkLst>
            <pc:docMk/>
            <pc:sldMk cId="2691985661" sldId="666"/>
            <ac:picMk id="53" creationId="{5EF322D0-9148-FA41-B1E0-AC47DDD51C7A}"/>
          </ac:picMkLst>
        </pc:picChg>
        <pc:picChg chg="add del mod">
          <ac:chgData name="Daly Donnacha HSLU I" userId="0f22e960-400a-43ff-baeb-4828c8f5cd3a" providerId="ADAL" clId="{554BA7E0-55EE-9746-83EC-F09BDB4BCF3A}" dt="2021-04-23T14:37:43.758" v="8101"/>
          <ac:picMkLst>
            <pc:docMk/>
            <pc:sldMk cId="2691985661" sldId="666"/>
            <ac:picMk id="58" creationId="{8A22101F-EBEC-A549-B069-ECD3A85AA44A}"/>
          </ac:picMkLst>
        </pc:picChg>
        <pc:picChg chg="add del mod">
          <ac:chgData name="Daly Donnacha HSLU I" userId="0f22e960-400a-43ff-baeb-4828c8f5cd3a" providerId="ADAL" clId="{554BA7E0-55EE-9746-83EC-F09BDB4BCF3A}" dt="2021-04-23T14:37:43.758" v="8101"/>
          <ac:picMkLst>
            <pc:docMk/>
            <pc:sldMk cId="2691985661" sldId="666"/>
            <ac:picMk id="59" creationId="{8EDF4D1E-48A8-F741-A4EA-EBC661BA62D3}"/>
          </ac:picMkLst>
        </pc:picChg>
        <pc:picChg chg="add del mod">
          <ac:chgData name="Daly Donnacha HSLU I" userId="0f22e960-400a-43ff-baeb-4828c8f5cd3a" providerId="ADAL" clId="{554BA7E0-55EE-9746-83EC-F09BDB4BCF3A}" dt="2021-04-23T14:37:43.758" v="8101"/>
          <ac:picMkLst>
            <pc:docMk/>
            <pc:sldMk cId="2691985661" sldId="666"/>
            <ac:picMk id="60" creationId="{E4B901EF-3131-6844-A099-DBAD3A1206BA}"/>
          </ac:picMkLst>
        </pc:picChg>
        <pc:picChg chg="add del mod">
          <ac:chgData name="Daly Donnacha HSLU I" userId="0f22e960-400a-43ff-baeb-4828c8f5cd3a" providerId="ADAL" clId="{554BA7E0-55EE-9746-83EC-F09BDB4BCF3A}" dt="2021-04-23T14:37:43.758" v="8101"/>
          <ac:picMkLst>
            <pc:docMk/>
            <pc:sldMk cId="2691985661" sldId="666"/>
            <ac:picMk id="61" creationId="{34B6399B-3070-5041-AFA5-017166C9B216}"/>
          </ac:picMkLst>
        </pc:picChg>
        <pc:picChg chg="add del mod">
          <ac:chgData name="Daly Donnacha HSLU I" userId="0f22e960-400a-43ff-baeb-4828c8f5cd3a" providerId="ADAL" clId="{554BA7E0-55EE-9746-83EC-F09BDB4BCF3A}" dt="2021-04-23T14:37:43.758" v="8101"/>
          <ac:picMkLst>
            <pc:docMk/>
            <pc:sldMk cId="2691985661" sldId="666"/>
            <ac:picMk id="62" creationId="{4C2EDA6F-4AE7-BC4B-BB90-1F5193CDD7FD}"/>
          </ac:picMkLst>
        </pc:picChg>
        <pc:picChg chg="add mod">
          <ac:chgData name="Daly Donnacha HSLU I" userId="0f22e960-400a-43ff-baeb-4828c8f5cd3a" providerId="ADAL" clId="{554BA7E0-55EE-9746-83EC-F09BDB4BCF3A}" dt="2021-04-23T14:37:51.013" v="8102"/>
          <ac:picMkLst>
            <pc:docMk/>
            <pc:sldMk cId="2691985661" sldId="666"/>
            <ac:picMk id="65" creationId="{5E4D1FC8-6EA7-3B45-8669-461244BEB072}"/>
          </ac:picMkLst>
        </pc:picChg>
        <pc:picChg chg="add del mod">
          <ac:chgData name="Daly Donnacha HSLU I" userId="0f22e960-400a-43ff-baeb-4828c8f5cd3a" providerId="ADAL" clId="{554BA7E0-55EE-9746-83EC-F09BDB4BCF3A}" dt="2021-04-23T14:38:58.512" v="8104" actId="478"/>
          <ac:picMkLst>
            <pc:docMk/>
            <pc:sldMk cId="2691985661" sldId="666"/>
            <ac:picMk id="66" creationId="{55FF8385-0D05-2042-A199-736AF9DEF506}"/>
          </ac:picMkLst>
        </pc:picChg>
        <pc:picChg chg="add del mod">
          <ac:chgData name="Daly Donnacha HSLU I" userId="0f22e960-400a-43ff-baeb-4828c8f5cd3a" providerId="ADAL" clId="{554BA7E0-55EE-9746-83EC-F09BDB4BCF3A}" dt="2021-04-23T14:39:38.673" v="8107" actId="478"/>
          <ac:picMkLst>
            <pc:docMk/>
            <pc:sldMk cId="2691985661" sldId="666"/>
            <ac:picMk id="67" creationId="{A3343747-8A1B-C741-9DA3-5A1AA5533747}"/>
          </ac:picMkLst>
        </pc:picChg>
        <pc:picChg chg="add del mod">
          <ac:chgData name="Daly Donnacha HSLU I" userId="0f22e960-400a-43ff-baeb-4828c8f5cd3a" providerId="ADAL" clId="{554BA7E0-55EE-9746-83EC-F09BDB4BCF3A}" dt="2021-04-23T14:39:38.673" v="8107" actId="478"/>
          <ac:picMkLst>
            <pc:docMk/>
            <pc:sldMk cId="2691985661" sldId="666"/>
            <ac:picMk id="68" creationId="{CF79F421-DCC0-324B-B8BF-FB78367AE596}"/>
          </ac:picMkLst>
        </pc:picChg>
        <pc:picChg chg="add mod">
          <ac:chgData name="Daly Donnacha HSLU I" userId="0f22e960-400a-43ff-baeb-4828c8f5cd3a" providerId="ADAL" clId="{554BA7E0-55EE-9746-83EC-F09BDB4BCF3A}" dt="2021-04-23T14:40:03.327" v="8113" actId="1076"/>
          <ac:picMkLst>
            <pc:docMk/>
            <pc:sldMk cId="2691985661" sldId="666"/>
            <ac:picMk id="69" creationId="{AECDDF3C-CAA8-5C44-9BB1-42DFB0827DA9}"/>
          </ac:picMkLst>
        </pc:picChg>
        <pc:picChg chg="add del mod modCrop">
          <ac:chgData name="Daly Donnacha HSLU I" userId="0f22e960-400a-43ff-baeb-4828c8f5cd3a" providerId="ADAL" clId="{554BA7E0-55EE-9746-83EC-F09BDB4BCF3A}" dt="2021-04-23T14:54:21.042" v="8258" actId="478"/>
          <ac:picMkLst>
            <pc:docMk/>
            <pc:sldMk cId="2691985661" sldId="666"/>
            <ac:picMk id="76" creationId="{FED7B357-4423-3B47-8A11-9C3047EABBCD}"/>
          </ac:picMkLst>
        </pc:picChg>
        <pc:picChg chg="add mod">
          <ac:chgData name="Daly Donnacha HSLU I" userId="0f22e960-400a-43ff-baeb-4828c8f5cd3a" providerId="ADAL" clId="{554BA7E0-55EE-9746-83EC-F09BDB4BCF3A}" dt="2021-04-23T14:54:51.351" v="8268" actId="1035"/>
          <ac:picMkLst>
            <pc:docMk/>
            <pc:sldMk cId="2691985661" sldId="666"/>
            <ac:picMk id="78" creationId="{28D2B176-90AE-D94D-9D4C-B0876D53ADD1}"/>
          </ac:picMkLst>
        </pc:picChg>
        <pc:cxnChg chg="add del mod">
          <ac:chgData name="Daly Donnacha HSLU I" userId="0f22e960-400a-43ff-baeb-4828c8f5cd3a" providerId="ADAL" clId="{554BA7E0-55EE-9746-83EC-F09BDB4BCF3A}" dt="2021-04-23T14:37:43.758" v="8101"/>
          <ac:cxnSpMkLst>
            <pc:docMk/>
            <pc:sldMk cId="2691985661" sldId="666"/>
            <ac:cxnSpMk id="7" creationId="{A2DE12D4-8685-244E-A381-7F6820CCA340}"/>
          </ac:cxnSpMkLst>
        </pc:cxnChg>
        <pc:cxnChg chg="add del mod">
          <ac:chgData name="Daly Donnacha HSLU I" userId="0f22e960-400a-43ff-baeb-4828c8f5cd3a" providerId="ADAL" clId="{554BA7E0-55EE-9746-83EC-F09BDB4BCF3A}" dt="2021-04-23T14:37:43.758" v="8101"/>
          <ac:cxnSpMkLst>
            <pc:docMk/>
            <pc:sldMk cId="2691985661" sldId="666"/>
            <ac:cxnSpMk id="8" creationId="{10103FD1-0B52-914F-AC1F-CA93D1F49650}"/>
          </ac:cxnSpMkLst>
        </pc:cxnChg>
        <pc:cxnChg chg="add del mod">
          <ac:chgData name="Daly Donnacha HSLU I" userId="0f22e960-400a-43ff-baeb-4828c8f5cd3a" providerId="ADAL" clId="{554BA7E0-55EE-9746-83EC-F09BDB4BCF3A}" dt="2021-04-23T14:37:43.758" v="8101"/>
          <ac:cxnSpMkLst>
            <pc:docMk/>
            <pc:sldMk cId="2691985661" sldId="666"/>
            <ac:cxnSpMk id="9" creationId="{0304683F-630E-2741-A1A0-A173E8FCD3D8}"/>
          </ac:cxnSpMkLst>
        </pc:cxnChg>
        <pc:cxnChg chg="add del mod">
          <ac:chgData name="Daly Donnacha HSLU I" userId="0f22e960-400a-43ff-baeb-4828c8f5cd3a" providerId="ADAL" clId="{554BA7E0-55EE-9746-83EC-F09BDB4BCF3A}" dt="2021-04-23T14:37:43.758" v="8101"/>
          <ac:cxnSpMkLst>
            <pc:docMk/>
            <pc:sldMk cId="2691985661" sldId="666"/>
            <ac:cxnSpMk id="10" creationId="{018ED447-98D1-C94D-999F-6D65DC634E20}"/>
          </ac:cxnSpMkLst>
        </pc:cxnChg>
        <pc:cxnChg chg="add del mod">
          <ac:chgData name="Daly Donnacha HSLU I" userId="0f22e960-400a-43ff-baeb-4828c8f5cd3a" providerId="ADAL" clId="{554BA7E0-55EE-9746-83EC-F09BDB4BCF3A}" dt="2021-04-23T14:37:43.758" v="8101"/>
          <ac:cxnSpMkLst>
            <pc:docMk/>
            <pc:sldMk cId="2691985661" sldId="666"/>
            <ac:cxnSpMk id="11" creationId="{17230332-8747-E245-972F-0BE1CFAB8669}"/>
          </ac:cxnSpMkLst>
        </pc:cxnChg>
        <pc:cxnChg chg="add del mod">
          <ac:chgData name="Daly Donnacha HSLU I" userId="0f22e960-400a-43ff-baeb-4828c8f5cd3a" providerId="ADAL" clId="{554BA7E0-55EE-9746-83EC-F09BDB4BCF3A}" dt="2021-04-23T14:37:43.758" v="8101"/>
          <ac:cxnSpMkLst>
            <pc:docMk/>
            <pc:sldMk cId="2691985661" sldId="666"/>
            <ac:cxnSpMk id="12" creationId="{DAEEBE17-CE60-CE45-A443-8B3620C6ECC6}"/>
          </ac:cxnSpMkLst>
        </pc:cxnChg>
        <pc:cxnChg chg="add del mod">
          <ac:chgData name="Daly Donnacha HSLU I" userId="0f22e960-400a-43ff-baeb-4828c8f5cd3a" providerId="ADAL" clId="{554BA7E0-55EE-9746-83EC-F09BDB4BCF3A}" dt="2021-04-23T14:37:43.758" v="8101"/>
          <ac:cxnSpMkLst>
            <pc:docMk/>
            <pc:sldMk cId="2691985661" sldId="666"/>
            <ac:cxnSpMk id="13" creationId="{BCCB525E-635C-4940-8F89-CEF4F8C59D76}"/>
          </ac:cxnSpMkLst>
        </pc:cxnChg>
        <pc:cxnChg chg="add del mod">
          <ac:chgData name="Daly Donnacha HSLU I" userId="0f22e960-400a-43ff-baeb-4828c8f5cd3a" providerId="ADAL" clId="{554BA7E0-55EE-9746-83EC-F09BDB4BCF3A}" dt="2021-04-23T14:37:43.758" v="8101"/>
          <ac:cxnSpMkLst>
            <pc:docMk/>
            <pc:sldMk cId="2691985661" sldId="666"/>
            <ac:cxnSpMk id="14" creationId="{ED75353E-2110-EF42-8785-B6D01BF3E77A}"/>
          </ac:cxnSpMkLst>
        </pc:cxnChg>
        <pc:cxnChg chg="add del mod">
          <ac:chgData name="Daly Donnacha HSLU I" userId="0f22e960-400a-43ff-baeb-4828c8f5cd3a" providerId="ADAL" clId="{554BA7E0-55EE-9746-83EC-F09BDB4BCF3A}" dt="2021-04-23T14:37:43.758" v="8101"/>
          <ac:cxnSpMkLst>
            <pc:docMk/>
            <pc:sldMk cId="2691985661" sldId="666"/>
            <ac:cxnSpMk id="15" creationId="{E82409F9-AE6F-254F-B218-476FE3FE3755}"/>
          </ac:cxnSpMkLst>
        </pc:cxnChg>
        <pc:cxnChg chg="add del mod">
          <ac:chgData name="Daly Donnacha HSLU I" userId="0f22e960-400a-43ff-baeb-4828c8f5cd3a" providerId="ADAL" clId="{554BA7E0-55EE-9746-83EC-F09BDB4BCF3A}" dt="2021-04-23T14:37:43.758" v="8101"/>
          <ac:cxnSpMkLst>
            <pc:docMk/>
            <pc:sldMk cId="2691985661" sldId="666"/>
            <ac:cxnSpMk id="16" creationId="{313D3183-E871-A345-88F5-BA08F4244C73}"/>
          </ac:cxnSpMkLst>
        </pc:cxnChg>
        <pc:cxnChg chg="add del mod">
          <ac:chgData name="Daly Donnacha HSLU I" userId="0f22e960-400a-43ff-baeb-4828c8f5cd3a" providerId="ADAL" clId="{554BA7E0-55EE-9746-83EC-F09BDB4BCF3A}" dt="2021-04-23T14:37:43.758" v="8101"/>
          <ac:cxnSpMkLst>
            <pc:docMk/>
            <pc:sldMk cId="2691985661" sldId="666"/>
            <ac:cxnSpMk id="17" creationId="{EB2DC409-6527-AE4B-AC2F-14A10EB9FF7A}"/>
          </ac:cxnSpMkLst>
        </pc:cxnChg>
        <pc:cxnChg chg="add del mod">
          <ac:chgData name="Daly Donnacha HSLU I" userId="0f22e960-400a-43ff-baeb-4828c8f5cd3a" providerId="ADAL" clId="{554BA7E0-55EE-9746-83EC-F09BDB4BCF3A}" dt="2021-04-23T14:37:43.758" v="8101"/>
          <ac:cxnSpMkLst>
            <pc:docMk/>
            <pc:sldMk cId="2691985661" sldId="666"/>
            <ac:cxnSpMk id="18" creationId="{2DE4DA0F-8878-7948-8158-F1FB6B6CF4E4}"/>
          </ac:cxnSpMkLst>
        </pc:cxnChg>
        <pc:cxnChg chg="add del mod">
          <ac:chgData name="Daly Donnacha HSLU I" userId="0f22e960-400a-43ff-baeb-4828c8f5cd3a" providerId="ADAL" clId="{554BA7E0-55EE-9746-83EC-F09BDB4BCF3A}" dt="2021-04-23T14:37:43.758" v="8101"/>
          <ac:cxnSpMkLst>
            <pc:docMk/>
            <pc:sldMk cId="2691985661" sldId="666"/>
            <ac:cxnSpMk id="19" creationId="{43A02368-ED4E-D148-951A-88476F2A45ED}"/>
          </ac:cxnSpMkLst>
        </pc:cxnChg>
        <pc:cxnChg chg="add del mod">
          <ac:chgData name="Daly Donnacha HSLU I" userId="0f22e960-400a-43ff-baeb-4828c8f5cd3a" providerId="ADAL" clId="{554BA7E0-55EE-9746-83EC-F09BDB4BCF3A}" dt="2021-04-23T14:37:43.758" v="8101"/>
          <ac:cxnSpMkLst>
            <pc:docMk/>
            <pc:sldMk cId="2691985661" sldId="666"/>
            <ac:cxnSpMk id="20" creationId="{01A36CA3-8447-FC40-BF9C-E31BF09506C7}"/>
          </ac:cxnSpMkLst>
        </pc:cxnChg>
        <pc:cxnChg chg="add del mod">
          <ac:chgData name="Daly Donnacha HSLU I" userId="0f22e960-400a-43ff-baeb-4828c8f5cd3a" providerId="ADAL" clId="{554BA7E0-55EE-9746-83EC-F09BDB4BCF3A}" dt="2021-04-23T14:37:43.758" v="8101"/>
          <ac:cxnSpMkLst>
            <pc:docMk/>
            <pc:sldMk cId="2691985661" sldId="666"/>
            <ac:cxnSpMk id="21" creationId="{58210183-4BAC-D149-B5C5-9CFD1170A188}"/>
          </ac:cxnSpMkLst>
        </pc:cxnChg>
        <pc:cxnChg chg="add del mod">
          <ac:chgData name="Daly Donnacha HSLU I" userId="0f22e960-400a-43ff-baeb-4828c8f5cd3a" providerId="ADAL" clId="{554BA7E0-55EE-9746-83EC-F09BDB4BCF3A}" dt="2021-04-23T14:37:43.758" v="8101"/>
          <ac:cxnSpMkLst>
            <pc:docMk/>
            <pc:sldMk cId="2691985661" sldId="666"/>
            <ac:cxnSpMk id="22" creationId="{0DAFB3E2-8507-8F40-8B6F-537356B48C04}"/>
          </ac:cxnSpMkLst>
        </pc:cxnChg>
        <pc:cxnChg chg="add del mod">
          <ac:chgData name="Daly Donnacha HSLU I" userId="0f22e960-400a-43ff-baeb-4828c8f5cd3a" providerId="ADAL" clId="{554BA7E0-55EE-9746-83EC-F09BDB4BCF3A}" dt="2021-04-23T14:37:43.758" v="8101"/>
          <ac:cxnSpMkLst>
            <pc:docMk/>
            <pc:sldMk cId="2691985661" sldId="666"/>
            <ac:cxnSpMk id="23" creationId="{2ACEB778-2316-3544-9C8F-BE724AF472CF}"/>
          </ac:cxnSpMkLst>
        </pc:cxnChg>
        <pc:cxnChg chg="add del mod">
          <ac:chgData name="Daly Donnacha HSLU I" userId="0f22e960-400a-43ff-baeb-4828c8f5cd3a" providerId="ADAL" clId="{554BA7E0-55EE-9746-83EC-F09BDB4BCF3A}" dt="2021-04-23T14:37:43.758" v="8101"/>
          <ac:cxnSpMkLst>
            <pc:docMk/>
            <pc:sldMk cId="2691985661" sldId="666"/>
            <ac:cxnSpMk id="24" creationId="{DAC4DBEC-167A-8E4F-A8F8-D0DFF5AB4875}"/>
          </ac:cxnSpMkLst>
        </pc:cxnChg>
        <pc:cxnChg chg="add del mod">
          <ac:chgData name="Daly Donnacha HSLU I" userId="0f22e960-400a-43ff-baeb-4828c8f5cd3a" providerId="ADAL" clId="{554BA7E0-55EE-9746-83EC-F09BDB4BCF3A}" dt="2021-04-23T14:37:43.758" v="8101"/>
          <ac:cxnSpMkLst>
            <pc:docMk/>
            <pc:sldMk cId="2691985661" sldId="666"/>
            <ac:cxnSpMk id="25" creationId="{91CEB6F3-CDC9-594C-847D-CD45CED6A291}"/>
          </ac:cxnSpMkLst>
        </pc:cxnChg>
        <pc:cxnChg chg="add del mod">
          <ac:chgData name="Daly Donnacha HSLU I" userId="0f22e960-400a-43ff-baeb-4828c8f5cd3a" providerId="ADAL" clId="{554BA7E0-55EE-9746-83EC-F09BDB4BCF3A}" dt="2021-04-23T14:37:43.758" v="8101"/>
          <ac:cxnSpMkLst>
            <pc:docMk/>
            <pc:sldMk cId="2691985661" sldId="666"/>
            <ac:cxnSpMk id="26" creationId="{684C78A2-890E-CD49-B6A9-FEB2BF4FEE67}"/>
          </ac:cxnSpMkLst>
        </pc:cxnChg>
        <pc:cxnChg chg="add del mod">
          <ac:chgData name="Daly Donnacha HSLU I" userId="0f22e960-400a-43ff-baeb-4828c8f5cd3a" providerId="ADAL" clId="{554BA7E0-55EE-9746-83EC-F09BDB4BCF3A}" dt="2021-04-23T14:37:43.758" v="8101"/>
          <ac:cxnSpMkLst>
            <pc:docMk/>
            <pc:sldMk cId="2691985661" sldId="666"/>
            <ac:cxnSpMk id="27" creationId="{0FFB00A4-E171-EC44-B6A2-704B055F1534}"/>
          </ac:cxnSpMkLst>
        </pc:cxnChg>
        <pc:cxnChg chg="add del mod">
          <ac:chgData name="Daly Donnacha HSLU I" userId="0f22e960-400a-43ff-baeb-4828c8f5cd3a" providerId="ADAL" clId="{554BA7E0-55EE-9746-83EC-F09BDB4BCF3A}" dt="2021-04-23T14:37:43.758" v="8101"/>
          <ac:cxnSpMkLst>
            <pc:docMk/>
            <pc:sldMk cId="2691985661" sldId="666"/>
            <ac:cxnSpMk id="28" creationId="{A6EF8A9A-6D82-5147-B408-94FD8BB6D13E}"/>
          </ac:cxnSpMkLst>
        </pc:cxnChg>
        <pc:cxnChg chg="add del mod">
          <ac:chgData name="Daly Donnacha HSLU I" userId="0f22e960-400a-43ff-baeb-4828c8f5cd3a" providerId="ADAL" clId="{554BA7E0-55EE-9746-83EC-F09BDB4BCF3A}" dt="2021-04-23T14:37:43.758" v="8101"/>
          <ac:cxnSpMkLst>
            <pc:docMk/>
            <pc:sldMk cId="2691985661" sldId="666"/>
            <ac:cxnSpMk id="34" creationId="{F753BAE1-DFE5-B948-8A88-3C4983FDAC60}"/>
          </ac:cxnSpMkLst>
        </pc:cxnChg>
        <pc:cxnChg chg="add del mod">
          <ac:chgData name="Daly Donnacha HSLU I" userId="0f22e960-400a-43ff-baeb-4828c8f5cd3a" providerId="ADAL" clId="{554BA7E0-55EE-9746-83EC-F09BDB4BCF3A}" dt="2021-04-23T14:37:43.758" v="8101"/>
          <ac:cxnSpMkLst>
            <pc:docMk/>
            <pc:sldMk cId="2691985661" sldId="666"/>
            <ac:cxnSpMk id="35" creationId="{9A646FDC-2D62-6B4B-A21F-FA78604BF6E1}"/>
          </ac:cxnSpMkLst>
        </pc:cxnChg>
        <pc:cxnChg chg="add del mod">
          <ac:chgData name="Daly Donnacha HSLU I" userId="0f22e960-400a-43ff-baeb-4828c8f5cd3a" providerId="ADAL" clId="{554BA7E0-55EE-9746-83EC-F09BDB4BCF3A}" dt="2021-04-23T14:37:43.758" v="8101"/>
          <ac:cxnSpMkLst>
            <pc:docMk/>
            <pc:sldMk cId="2691985661" sldId="666"/>
            <ac:cxnSpMk id="36" creationId="{3C671B5A-E511-6E41-84CF-1ED460A1452F}"/>
          </ac:cxnSpMkLst>
        </pc:cxnChg>
        <pc:cxnChg chg="add del mod">
          <ac:chgData name="Daly Donnacha HSLU I" userId="0f22e960-400a-43ff-baeb-4828c8f5cd3a" providerId="ADAL" clId="{554BA7E0-55EE-9746-83EC-F09BDB4BCF3A}" dt="2021-04-23T14:37:43.758" v="8101"/>
          <ac:cxnSpMkLst>
            <pc:docMk/>
            <pc:sldMk cId="2691985661" sldId="666"/>
            <ac:cxnSpMk id="37" creationId="{E13E4D68-CEEA-5249-8791-8FAF779F35CA}"/>
          </ac:cxnSpMkLst>
        </pc:cxnChg>
        <pc:cxnChg chg="add del mod">
          <ac:chgData name="Daly Donnacha HSLU I" userId="0f22e960-400a-43ff-baeb-4828c8f5cd3a" providerId="ADAL" clId="{554BA7E0-55EE-9746-83EC-F09BDB4BCF3A}" dt="2021-04-23T14:37:43.758" v="8101"/>
          <ac:cxnSpMkLst>
            <pc:docMk/>
            <pc:sldMk cId="2691985661" sldId="666"/>
            <ac:cxnSpMk id="54" creationId="{936F2FD6-845F-B749-A236-17327E694BD7}"/>
          </ac:cxnSpMkLst>
        </pc:cxnChg>
        <pc:cxnChg chg="add del mod">
          <ac:chgData name="Daly Donnacha HSLU I" userId="0f22e960-400a-43ff-baeb-4828c8f5cd3a" providerId="ADAL" clId="{554BA7E0-55EE-9746-83EC-F09BDB4BCF3A}" dt="2021-04-23T14:37:43.758" v="8101"/>
          <ac:cxnSpMkLst>
            <pc:docMk/>
            <pc:sldMk cId="2691985661" sldId="666"/>
            <ac:cxnSpMk id="55" creationId="{17945CB5-9FC0-A341-9122-0F3B587F9217}"/>
          </ac:cxnSpMkLst>
        </pc:cxnChg>
        <pc:cxnChg chg="add del mod">
          <ac:chgData name="Daly Donnacha HSLU I" userId="0f22e960-400a-43ff-baeb-4828c8f5cd3a" providerId="ADAL" clId="{554BA7E0-55EE-9746-83EC-F09BDB4BCF3A}" dt="2021-04-23T14:37:43.758" v="8101"/>
          <ac:cxnSpMkLst>
            <pc:docMk/>
            <pc:sldMk cId="2691985661" sldId="666"/>
            <ac:cxnSpMk id="56" creationId="{E82FB74E-F14A-1540-BC0D-483B0F626C3A}"/>
          </ac:cxnSpMkLst>
        </pc:cxnChg>
        <pc:cxnChg chg="add del mod">
          <ac:chgData name="Daly Donnacha HSLU I" userId="0f22e960-400a-43ff-baeb-4828c8f5cd3a" providerId="ADAL" clId="{554BA7E0-55EE-9746-83EC-F09BDB4BCF3A}" dt="2021-04-23T14:37:43.758" v="8101"/>
          <ac:cxnSpMkLst>
            <pc:docMk/>
            <pc:sldMk cId="2691985661" sldId="666"/>
            <ac:cxnSpMk id="57" creationId="{0AC36E8D-84FF-5E44-9EA5-9FEE1F9770C2}"/>
          </ac:cxnSpMkLst>
        </pc:cxnChg>
        <pc:cxnChg chg="add mod">
          <ac:chgData name="Daly Donnacha HSLU I" userId="0f22e960-400a-43ff-baeb-4828c8f5cd3a" providerId="ADAL" clId="{554BA7E0-55EE-9746-83EC-F09BDB4BCF3A}" dt="2021-04-23T14:45:18.758" v="8256" actId="14100"/>
          <ac:cxnSpMkLst>
            <pc:docMk/>
            <pc:sldMk cId="2691985661" sldId="666"/>
            <ac:cxnSpMk id="73" creationId="{04F12599-022F-5D4C-860A-D83E7F309304}"/>
          </ac:cxnSpMkLst>
        </pc:cxnChg>
      </pc:sldChg>
    </pc:docChg>
  </pc:docChgLst>
  <pc:docChgLst>
    <pc:chgData name="Daly Donnacha HSLU I" userId="0f22e960-400a-43ff-baeb-4828c8f5cd3a" providerId="ADAL" clId="{55F1696D-224E-654D-8EE7-4CBBA757AA04}"/>
    <pc:docChg chg="undo redo custSel addSld delSld modSld sldOrd">
      <pc:chgData name="Daly Donnacha HSLU I" userId="0f22e960-400a-43ff-baeb-4828c8f5cd3a" providerId="ADAL" clId="{55F1696D-224E-654D-8EE7-4CBBA757AA04}" dt="2021-03-26T15:39:09.080" v="12266" actId="20577"/>
      <pc:docMkLst>
        <pc:docMk/>
      </pc:docMkLst>
      <pc:sldChg chg="modSp mod">
        <pc:chgData name="Daly Donnacha HSLU I" userId="0f22e960-400a-43ff-baeb-4828c8f5cd3a" providerId="ADAL" clId="{55F1696D-224E-654D-8EE7-4CBBA757AA04}" dt="2021-03-22T11:08:09.045" v="76" actId="20577"/>
        <pc:sldMkLst>
          <pc:docMk/>
          <pc:sldMk cId="0" sldId="256"/>
        </pc:sldMkLst>
        <pc:spChg chg="mod">
          <ac:chgData name="Daly Donnacha HSLU I" userId="0f22e960-400a-43ff-baeb-4828c8f5cd3a" providerId="ADAL" clId="{55F1696D-224E-654D-8EE7-4CBBA757AA04}" dt="2021-03-22T11:08:09.045" v="76" actId="20577"/>
          <ac:spMkLst>
            <pc:docMk/>
            <pc:sldMk cId="0" sldId="256"/>
            <ac:spMk id="3075" creationId="{00000000-0000-0000-0000-000000000000}"/>
          </ac:spMkLst>
        </pc:spChg>
      </pc:sldChg>
      <pc:sldChg chg="addSp delSp modSp mod">
        <pc:chgData name="Daly Donnacha HSLU I" userId="0f22e960-400a-43ff-baeb-4828c8f5cd3a" providerId="ADAL" clId="{55F1696D-224E-654D-8EE7-4CBBA757AA04}" dt="2021-03-26T09:08:35.346" v="9152" actId="20577"/>
        <pc:sldMkLst>
          <pc:docMk/>
          <pc:sldMk cId="2069180595" sldId="293"/>
        </pc:sldMkLst>
        <pc:spChg chg="mod">
          <ac:chgData name="Daly Donnacha HSLU I" userId="0f22e960-400a-43ff-baeb-4828c8f5cd3a" providerId="ADAL" clId="{55F1696D-224E-654D-8EE7-4CBBA757AA04}" dt="2021-03-26T09:08:35.346" v="9152" actId="20577"/>
          <ac:spMkLst>
            <pc:docMk/>
            <pc:sldMk cId="2069180595" sldId="293"/>
            <ac:spMk id="6" creationId="{C5894721-95A2-7141-8609-521552539517}"/>
          </ac:spMkLst>
        </pc:spChg>
        <pc:spChg chg="del">
          <ac:chgData name="Daly Donnacha HSLU I" userId="0f22e960-400a-43ff-baeb-4828c8f5cd3a" providerId="ADAL" clId="{55F1696D-224E-654D-8EE7-4CBBA757AA04}" dt="2021-03-22T11:08:25.249" v="78" actId="478"/>
          <ac:spMkLst>
            <pc:docMk/>
            <pc:sldMk cId="2069180595" sldId="293"/>
            <ac:spMk id="8" creationId="{BD2BFAB6-7E37-3A4E-B684-EA585DBB5A3E}"/>
          </ac:spMkLst>
        </pc:spChg>
        <pc:picChg chg="del">
          <ac:chgData name="Daly Donnacha HSLU I" userId="0f22e960-400a-43ff-baeb-4828c8f5cd3a" providerId="ADAL" clId="{55F1696D-224E-654D-8EE7-4CBBA757AA04}" dt="2021-03-22T11:08:22.349" v="77" actId="478"/>
          <ac:picMkLst>
            <pc:docMk/>
            <pc:sldMk cId="2069180595" sldId="293"/>
            <ac:picMk id="7" creationId="{2F5BE01C-81A9-4946-94FD-37E20474598D}"/>
          </ac:picMkLst>
        </pc:picChg>
        <pc:picChg chg="add mod">
          <ac:chgData name="Daly Donnacha HSLU I" userId="0f22e960-400a-43ff-baeb-4828c8f5cd3a" providerId="ADAL" clId="{55F1696D-224E-654D-8EE7-4CBBA757AA04}" dt="2021-03-22T11:49:07.071" v="438" actId="14100"/>
          <ac:picMkLst>
            <pc:docMk/>
            <pc:sldMk cId="2069180595" sldId="293"/>
            <ac:picMk id="9" creationId="{D27A3D15-2C6B-404E-995B-86416499B40E}"/>
          </ac:picMkLst>
        </pc:picChg>
      </pc:sldChg>
      <pc:sldChg chg="addSp delSp modSp mod">
        <pc:chgData name="Daly Donnacha HSLU I" userId="0f22e960-400a-43ff-baeb-4828c8f5cd3a" providerId="ADAL" clId="{55F1696D-224E-654D-8EE7-4CBBA757AA04}" dt="2021-03-26T11:42:40.765" v="12124" actId="14100"/>
        <pc:sldMkLst>
          <pc:docMk/>
          <pc:sldMk cId="1191410536" sldId="298"/>
        </pc:sldMkLst>
        <pc:spChg chg="add mod">
          <ac:chgData name="Daly Donnacha HSLU I" userId="0f22e960-400a-43ff-baeb-4828c8f5cd3a" providerId="ADAL" clId="{55F1696D-224E-654D-8EE7-4CBBA757AA04}" dt="2021-03-26T11:42:40.765" v="12124" actId="14100"/>
          <ac:spMkLst>
            <pc:docMk/>
            <pc:sldMk cId="1191410536" sldId="298"/>
            <ac:spMk id="3" creationId="{22B452A9-A5EE-5247-A707-361DAB4C9D70}"/>
          </ac:spMkLst>
        </pc:spChg>
        <pc:spChg chg="add mod">
          <ac:chgData name="Daly Donnacha HSLU I" userId="0f22e960-400a-43ff-baeb-4828c8f5cd3a" providerId="ADAL" clId="{55F1696D-224E-654D-8EE7-4CBBA757AA04}" dt="2021-03-26T09:09:14.400" v="9188"/>
          <ac:spMkLst>
            <pc:docMk/>
            <pc:sldMk cId="1191410536" sldId="298"/>
            <ac:spMk id="4" creationId="{39C2F65D-E21D-E04E-AF11-84B8B6EBD500}"/>
          </ac:spMkLst>
        </pc:spChg>
        <pc:spChg chg="add del mod">
          <ac:chgData name="Daly Donnacha HSLU I" userId="0f22e960-400a-43ff-baeb-4828c8f5cd3a" providerId="ADAL" clId="{55F1696D-224E-654D-8EE7-4CBBA757AA04}" dt="2021-03-26T09:09:14.156" v="9187" actId="478"/>
          <ac:spMkLst>
            <pc:docMk/>
            <pc:sldMk cId="1191410536" sldId="298"/>
            <ac:spMk id="6" creationId="{A8638B05-2EBE-4243-BB65-370DAB728DBD}"/>
          </ac:spMkLst>
        </pc:spChg>
        <pc:spChg chg="del mod">
          <ac:chgData name="Daly Donnacha HSLU I" userId="0f22e960-400a-43ff-baeb-4828c8f5cd3a" providerId="ADAL" clId="{55F1696D-224E-654D-8EE7-4CBBA757AA04}" dt="2021-03-22T11:38:52.988" v="434" actId="478"/>
          <ac:spMkLst>
            <pc:docMk/>
            <pc:sldMk cId="1191410536" sldId="298"/>
            <ac:spMk id="7" creationId="{BB202C82-DDFE-C44D-B9DF-B94AEFBC9916}"/>
          </ac:spMkLst>
        </pc:spChg>
        <pc:spChg chg="del">
          <ac:chgData name="Daly Donnacha HSLU I" userId="0f22e960-400a-43ff-baeb-4828c8f5cd3a" providerId="ADAL" clId="{55F1696D-224E-654D-8EE7-4CBBA757AA04}" dt="2021-03-22T11:08:54.839" v="81" actId="478"/>
          <ac:spMkLst>
            <pc:docMk/>
            <pc:sldMk cId="1191410536" sldId="298"/>
            <ac:spMk id="8" creationId="{003E815D-B0A3-8B42-983D-38FDFA4B9886}"/>
          </ac:spMkLst>
        </pc:spChg>
        <pc:picChg chg="del">
          <ac:chgData name="Daly Donnacha HSLU I" userId="0f22e960-400a-43ff-baeb-4828c8f5cd3a" providerId="ADAL" clId="{55F1696D-224E-654D-8EE7-4CBBA757AA04}" dt="2021-03-22T11:08:52.107" v="80" actId="478"/>
          <ac:picMkLst>
            <pc:docMk/>
            <pc:sldMk cId="1191410536" sldId="298"/>
            <ac:picMk id="5" creationId="{22DFAED9-DCA9-4541-82DA-5C8CC8CBFA7A}"/>
          </ac:picMkLst>
        </pc:picChg>
        <pc:picChg chg="add mod">
          <ac:chgData name="Daly Donnacha HSLU I" userId="0f22e960-400a-43ff-baeb-4828c8f5cd3a" providerId="ADAL" clId="{55F1696D-224E-654D-8EE7-4CBBA757AA04}" dt="2021-03-26T11:42:00.043" v="12116" actId="1076"/>
          <ac:picMkLst>
            <pc:docMk/>
            <pc:sldMk cId="1191410536" sldId="298"/>
            <ac:picMk id="1026" creationId="{19CA0BC6-492D-8D4E-9359-E9764FE88225}"/>
          </ac:picMkLst>
        </pc:picChg>
      </pc:sldChg>
      <pc:sldChg chg="addSp delSp modSp del mod">
        <pc:chgData name="Daly Donnacha HSLU I" userId="0f22e960-400a-43ff-baeb-4828c8f5cd3a" providerId="ADAL" clId="{55F1696D-224E-654D-8EE7-4CBBA757AA04}" dt="2021-03-26T11:40:48.486" v="12112" actId="2696"/>
        <pc:sldMkLst>
          <pc:docMk/>
          <pc:sldMk cId="3661452517" sldId="314"/>
        </pc:sldMkLst>
        <pc:spChg chg="mod">
          <ac:chgData name="Daly Donnacha HSLU I" userId="0f22e960-400a-43ff-baeb-4828c8f5cd3a" providerId="ADAL" clId="{55F1696D-224E-654D-8EE7-4CBBA757AA04}" dt="2021-03-22T11:33:52.631" v="350" actId="14100"/>
          <ac:spMkLst>
            <pc:docMk/>
            <pc:sldMk cId="3661452517" sldId="314"/>
            <ac:spMk id="2" creationId="{580C4649-222C-0943-8978-4267CD46F87F}"/>
          </ac:spMkLst>
        </pc:spChg>
        <pc:spChg chg="add mod">
          <ac:chgData name="Daly Donnacha HSLU I" userId="0f22e960-400a-43ff-baeb-4828c8f5cd3a" providerId="ADAL" clId="{55F1696D-224E-654D-8EE7-4CBBA757AA04}" dt="2021-03-22T11:33:49.510" v="348"/>
          <ac:spMkLst>
            <pc:docMk/>
            <pc:sldMk cId="3661452517" sldId="314"/>
            <ac:spMk id="6" creationId="{4F923CE6-782F-1E42-A51F-1F360055A1FC}"/>
          </ac:spMkLst>
        </pc:spChg>
        <pc:spChg chg="add mod">
          <ac:chgData name="Daly Donnacha HSLU I" userId="0f22e960-400a-43ff-baeb-4828c8f5cd3a" providerId="ADAL" clId="{55F1696D-224E-654D-8EE7-4CBBA757AA04}" dt="2021-03-22T11:33:49.510" v="348"/>
          <ac:spMkLst>
            <pc:docMk/>
            <pc:sldMk cId="3661452517" sldId="314"/>
            <ac:spMk id="8" creationId="{11D8D055-F5F1-7149-B284-C699DD2761FE}"/>
          </ac:spMkLst>
        </pc:spChg>
        <pc:spChg chg="add mod">
          <ac:chgData name="Daly Donnacha HSLU I" userId="0f22e960-400a-43ff-baeb-4828c8f5cd3a" providerId="ADAL" clId="{55F1696D-224E-654D-8EE7-4CBBA757AA04}" dt="2021-03-22T11:33:49.510" v="348"/>
          <ac:spMkLst>
            <pc:docMk/>
            <pc:sldMk cId="3661452517" sldId="314"/>
            <ac:spMk id="10" creationId="{AE7CD82D-7E04-694E-84EC-5DABC6C0B5CE}"/>
          </ac:spMkLst>
        </pc:spChg>
        <pc:spChg chg="del mod">
          <ac:chgData name="Daly Donnacha HSLU I" userId="0f22e960-400a-43ff-baeb-4828c8f5cd3a" providerId="ADAL" clId="{55F1696D-224E-654D-8EE7-4CBBA757AA04}" dt="2021-03-22T11:33:58.626" v="351" actId="478"/>
          <ac:spMkLst>
            <pc:docMk/>
            <pc:sldMk cId="3661452517" sldId="314"/>
            <ac:spMk id="35" creationId="{637C3971-2241-B242-B78A-14017D9E54BF}"/>
          </ac:spMkLst>
        </pc:spChg>
        <pc:spChg chg="del">
          <ac:chgData name="Daly Donnacha HSLU I" userId="0f22e960-400a-43ff-baeb-4828c8f5cd3a" providerId="ADAL" clId="{55F1696D-224E-654D-8EE7-4CBBA757AA04}" dt="2021-03-22T11:09:05.984" v="85" actId="478"/>
          <ac:spMkLst>
            <pc:docMk/>
            <pc:sldMk cId="3661452517" sldId="314"/>
            <ac:spMk id="37" creationId="{94CB89AB-69B3-4B46-A59F-5DBDC68C2FB1}"/>
          </ac:spMkLst>
        </pc:spChg>
        <pc:picChg chg="add mod">
          <ac:chgData name="Daly Donnacha HSLU I" userId="0f22e960-400a-43ff-baeb-4828c8f5cd3a" providerId="ADAL" clId="{55F1696D-224E-654D-8EE7-4CBBA757AA04}" dt="2021-03-22T11:33:49.510" v="348"/>
          <ac:picMkLst>
            <pc:docMk/>
            <pc:sldMk cId="3661452517" sldId="314"/>
            <ac:picMk id="7" creationId="{1B9A2796-4AFB-3C45-8FEC-90C6E401F75D}"/>
          </ac:picMkLst>
        </pc:picChg>
        <pc:picChg chg="add mod">
          <ac:chgData name="Daly Donnacha HSLU I" userId="0f22e960-400a-43ff-baeb-4828c8f5cd3a" providerId="ADAL" clId="{55F1696D-224E-654D-8EE7-4CBBA757AA04}" dt="2021-03-22T11:33:49.510" v="348"/>
          <ac:picMkLst>
            <pc:docMk/>
            <pc:sldMk cId="3661452517" sldId="314"/>
            <ac:picMk id="9" creationId="{5D255256-BFB9-AC4F-806E-0FB5F8460030}"/>
          </ac:picMkLst>
        </pc:picChg>
        <pc:picChg chg="del">
          <ac:chgData name="Daly Donnacha HSLU I" userId="0f22e960-400a-43ff-baeb-4828c8f5cd3a" providerId="ADAL" clId="{55F1696D-224E-654D-8EE7-4CBBA757AA04}" dt="2021-03-22T11:09:01.163" v="82" actId="478"/>
          <ac:picMkLst>
            <pc:docMk/>
            <pc:sldMk cId="3661452517" sldId="314"/>
            <ac:picMk id="38" creationId="{2DE470DE-EB89-C140-93FF-5C9423B5C2F1}"/>
          </ac:picMkLst>
        </pc:picChg>
      </pc:sldChg>
      <pc:sldChg chg="modSp mod">
        <pc:chgData name="Daly Donnacha HSLU I" userId="0f22e960-400a-43ff-baeb-4828c8f5cd3a" providerId="ADAL" clId="{55F1696D-224E-654D-8EE7-4CBBA757AA04}" dt="2021-03-22T11:25:22.278" v="256" actId="20577"/>
        <pc:sldMkLst>
          <pc:docMk/>
          <pc:sldMk cId="2208137706" sldId="315"/>
        </pc:sldMkLst>
        <pc:spChg chg="mod">
          <ac:chgData name="Daly Donnacha HSLU I" userId="0f22e960-400a-43ff-baeb-4828c8f5cd3a" providerId="ADAL" clId="{55F1696D-224E-654D-8EE7-4CBBA757AA04}" dt="2021-03-22T11:25:22.278" v="256" actId="20577"/>
          <ac:spMkLst>
            <pc:docMk/>
            <pc:sldMk cId="2208137706" sldId="315"/>
            <ac:spMk id="3" creationId="{63132F41-5235-6647-AE60-DA2A6069816C}"/>
          </ac:spMkLst>
        </pc:spChg>
      </pc:sldChg>
      <pc:sldChg chg="modSp add mod">
        <pc:chgData name="Daly Donnacha HSLU I" userId="0f22e960-400a-43ff-baeb-4828c8f5cd3a" providerId="ADAL" clId="{55F1696D-224E-654D-8EE7-4CBBA757AA04}" dt="2021-03-22T11:25:05.887" v="224" actId="20577"/>
        <pc:sldMkLst>
          <pc:docMk/>
          <pc:sldMk cId="1771167534" sldId="316"/>
        </pc:sldMkLst>
        <pc:spChg chg="mod">
          <ac:chgData name="Daly Donnacha HSLU I" userId="0f22e960-400a-43ff-baeb-4828c8f5cd3a" providerId="ADAL" clId="{55F1696D-224E-654D-8EE7-4CBBA757AA04}" dt="2021-03-22T11:09:37.583" v="97" actId="20577"/>
          <ac:spMkLst>
            <pc:docMk/>
            <pc:sldMk cId="1771167534" sldId="316"/>
            <ac:spMk id="2" creationId="{069B8F1E-027C-6440-9E6A-40BB8DAAAB65}"/>
          </ac:spMkLst>
        </pc:spChg>
        <pc:spChg chg="mod">
          <ac:chgData name="Daly Donnacha HSLU I" userId="0f22e960-400a-43ff-baeb-4828c8f5cd3a" providerId="ADAL" clId="{55F1696D-224E-654D-8EE7-4CBBA757AA04}" dt="2021-03-22T11:25:05.887" v="224" actId="20577"/>
          <ac:spMkLst>
            <pc:docMk/>
            <pc:sldMk cId="1771167534" sldId="316"/>
            <ac:spMk id="3" creationId="{63132F41-5235-6647-AE60-DA2A6069816C}"/>
          </ac:spMkLst>
        </pc:spChg>
      </pc:sldChg>
      <pc:sldChg chg="modSp add mod">
        <pc:chgData name="Daly Donnacha HSLU I" userId="0f22e960-400a-43ff-baeb-4828c8f5cd3a" providerId="ADAL" clId="{55F1696D-224E-654D-8EE7-4CBBA757AA04}" dt="2021-03-26T09:08:54.580" v="9174" actId="20577"/>
        <pc:sldMkLst>
          <pc:docMk/>
          <pc:sldMk cId="1683956279" sldId="317"/>
        </pc:sldMkLst>
        <pc:spChg chg="mod">
          <ac:chgData name="Daly Donnacha HSLU I" userId="0f22e960-400a-43ff-baeb-4828c8f5cd3a" providerId="ADAL" clId="{55F1696D-224E-654D-8EE7-4CBBA757AA04}" dt="2021-03-22T11:09:41.560" v="98" actId="20577"/>
          <ac:spMkLst>
            <pc:docMk/>
            <pc:sldMk cId="1683956279" sldId="317"/>
            <ac:spMk id="2" creationId="{069B8F1E-027C-6440-9E6A-40BB8DAAAB65}"/>
          </ac:spMkLst>
        </pc:spChg>
        <pc:spChg chg="mod">
          <ac:chgData name="Daly Donnacha HSLU I" userId="0f22e960-400a-43ff-baeb-4828c8f5cd3a" providerId="ADAL" clId="{55F1696D-224E-654D-8EE7-4CBBA757AA04}" dt="2021-03-26T09:08:54.580" v="9174" actId="20577"/>
          <ac:spMkLst>
            <pc:docMk/>
            <pc:sldMk cId="1683956279" sldId="317"/>
            <ac:spMk id="3" creationId="{63132F41-5235-6647-AE60-DA2A6069816C}"/>
          </ac:spMkLst>
        </pc:spChg>
      </pc:sldChg>
      <pc:sldChg chg="modSp add mod">
        <pc:chgData name="Daly Donnacha HSLU I" userId="0f22e960-400a-43ff-baeb-4828c8f5cd3a" providerId="ADAL" clId="{55F1696D-224E-654D-8EE7-4CBBA757AA04}" dt="2021-03-26T09:09:04.347" v="9186" actId="20577"/>
        <pc:sldMkLst>
          <pc:docMk/>
          <pc:sldMk cId="1079068056" sldId="318"/>
        </pc:sldMkLst>
        <pc:spChg chg="mod">
          <ac:chgData name="Daly Donnacha HSLU I" userId="0f22e960-400a-43ff-baeb-4828c8f5cd3a" providerId="ADAL" clId="{55F1696D-224E-654D-8EE7-4CBBA757AA04}" dt="2021-03-22T11:09:45.440" v="99" actId="20577"/>
          <ac:spMkLst>
            <pc:docMk/>
            <pc:sldMk cId="1079068056" sldId="318"/>
            <ac:spMk id="2" creationId="{069B8F1E-027C-6440-9E6A-40BB8DAAAB65}"/>
          </ac:spMkLst>
        </pc:spChg>
        <pc:spChg chg="mod">
          <ac:chgData name="Daly Donnacha HSLU I" userId="0f22e960-400a-43ff-baeb-4828c8f5cd3a" providerId="ADAL" clId="{55F1696D-224E-654D-8EE7-4CBBA757AA04}" dt="2021-03-26T09:09:04.347" v="9186" actId="20577"/>
          <ac:spMkLst>
            <pc:docMk/>
            <pc:sldMk cId="1079068056" sldId="318"/>
            <ac:spMk id="3" creationId="{63132F41-5235-6647-AE60-DA2A6069816C}"/>
          </ac:spMkLst>
        </pc:spChg>
      </pc:sldChg>
      <pc:sldChg chg="addSp modSp new del mod">
        <pc:chgData name="Daly Donnacha HSLU I" userId="0f22e960-400a-43ff-baeb-4828c8f5cd3a" providerId="ADAL" clId="{55F1696D-224E-654D-8EE7-4CBBA757AA04}" dt="2021-03-25T13:57:44.188" v="1632" actId="2696"/>
        <pc:sldMkLst>
          <pc:docMk/>
          <pc:sldMk cId="3552272232" sldId="319"/>
        </pc:sldMkLst>
        <pc:spChg chg="mod">
          <ac:chgData name="Daly Donnacha HSLU I" userId="0f22e960-400a-43ff-baeb-4828c8f5cd3a" providerId="ADAL" clId="{55F1696D-224E-654D-8EE7-4CBBA757AA04}" dt="2021-03-25T13:31:08.699" v="926" actId="14100"/>
          <ac:spMkLst>
            <pc:docMk/>
            <pc:sldMk cId="3552272232" sldId="319"/>
            <ac:spMk id="2" creationId="{6E7519DF-F3D8-9C4E-9BB0-216962C120E8}"/>
          </ac:spMkLst>
        </pc:spChg>
        <pc:spChg chg="add mod">
          <ac:chgData name="Daly Donnacha HSLU I" userId="0f22e960-400a-43ff-baeb-4828c8f5cd3a" providerId="ADAL" clId="{55F1696D-224E-654D-8EE7-4CBBA757AA04}" dt="2021-03-22T11:12:16.785" v="104"/>
          <ac:spMkLst>
            <pc:docMk/>
            <pc:sldMk cId="3552272232" sldId="319"/>
            <ac:spMk id="3" creationId="{2C59575B-D45E-3F4B-ACFE-1D16039E6FDB}"/>
          </ac:spMkLst>
        </pc:spChg>
        <pc:spChg chg="add mod">
          <ac:chgData name="Daly Donnacha HSLU I" userId="0f22e960-400a-43ff-baeb-4828c8f5cd3a" providerId="ADAL" clId="{55F1696D-224E-654D-8EE7-4CBBA757AA04}" dt="2021-03-22T11:12:16.785" v="104"/>
          <ac:spMkLst>
            <pc:docMk/>
            <pc:sldMk cId="3552272232" sldId="319"/>
            <ac:spMk id="4" creationId="{D7514ED8-F061-F745-BFD1-2E96E55B0921}"/>
          </ac:spMkLst>
        </pc:spChg>
        <pc:spChg chg="mod">
          <ac:chgData name="Daly Donnacha HSLU I" userId="0f22e960-400a-43ff-baeb-4828c8f5cd3a" providerId="ADAL" clId="{55F1696D-224E-654D-8EE7-4CBBA757AA04}" dt="2021-03-22T11:12:16.785" v="104"/>
          <ac:spMkLst>
            <pc:docMk/>
            <pc:sldMk cId="3552272232" sldId="319"/>
            <ac:spMk id="8" creationId="{F76BB0B1-4AF6-1A4A-B053-E90E0343FDA3}"/>
          </ac:spMkLst>
        </pc:spChg>
        <pc:spChg chg="mod">
          <ac:chgData name="Daly Donnacha HSLU I" userId="0f22e960-400a-43ff-baeb-4828c8f5cd3a" providerId="ADAL" clId="{55F1696D-224E-654D-8EE7-4CBBA757AA04}" dt="2021-03-22T11:12:16.785" v="104"/>
          <ac:spMkLst>
            <pc:docMk/>
            <pc:sldMk cId="3552272232" sldId="319"/>
            <ac:spMk id="9" creationId="{511AE09E-EE4F-CF43-8830-2EFCA926A67C}"/>
          </ac:spMkLst>
        </pc:spChg>
        <pc:spChg chg="mod">
          <ac:chgData name="Daly Donnacha HSLU I" userId="0f22e960-400a-43ff-baeb-4828c8f5cd3a" providerId="ADAL" clId="{55F1696D-224E-654D-8EE7-4CBBA757AA04}" dt="2021-03-22T11:12:16.785" v="104"/>
          <ac:spMkLst>
            <pc:docMk/>
            <pc:sldMk cId="3552272232" sldId="319"/>
            <ac:spMk id="10" creationId="{F87CEE04-B850-9544-BB13-701CC518865B}"/>
          </ac:spMkLst>
        </pc:spChg>
        <pc:spChg chg="mod">
          <ac:chgData name="Daly Donnacha HSLU I" userId="0f22e960-400a-43ff-baeb-4828c8f5cd3a" providerId="ADAL" clId="{55F1696D-224E-654D-8EE7-4CBBA757AA04}" dt="2021-03-22T11:12:16.785" v="104"/>
          <ac:spMkLst>
            <pc:docMk/>
            <pc:sldMk cId="3552272232" sldId="319"/>
            <ac:spMk id="11" creationId="{440CFC2F-633C-2A49-BE07-B44B6E13E7EA}"/>
          </ac:spMkLst>
        </pc:spChg>
        <pc:spChg chg="mod">
          <ac:chgData name="Daly Donnacha HSLU I" userId="0f22e960-400a-43ff-baeb-4828c8f5cd3a" providerId="ADAL" clId="{55F1696D-224E-654D-8EE7-4CBBA757AA04}" dt="2021-03-22T11:12:16.785" v="104"/>
          <ac:spMkLst>
            <pc:docMk/>
            <pc:sldMk cId="3552272232" sldId="319"/>
            <ac:spMk id="12" creationId="{97AD41DB-D1BE-C941-8452-EE5C9619FC29}"/>
          </ac:spMkLst>
        </pc:spChg>
        <pc:spChg chg="mod">
          <ac:chgData name="Daly Donnacha HSLU I" userId="0f22e960-400a-43ff-baeb-4828c8f5cd3a" providerId="ADAL" clId="{55F1696D-224E-654D-8EE7-4CBBA757AA04}" dt="2021-03-22T11:12:16.785" v="104"/>
          <ac:spMkLst>
            <pc:docMk/>
            <pc:sldMk cId="3552272232" sldId="319"/>
            <ac:spMk id="13" creationId="{29A896D3-E320-974E-BDF8-BB07C0D56F23}"/>
          </ac:spMkLst>
        </pc:spChg>
        <pc:spChg chg="mod">
          <ac:chgData name="Daly Donnacha HSLU I" userId="0f22e960-400a-43ff-baeb-4828c8f5cd3a" providerId="ADAL" clId="{55F1696D-224E-654D-8EE7-4CBBA757AA04}" dt="2021-03-22T11:12:16.785" v="104"/>
          <ac:spMkLst>
            <pc:docMk/>
            <pc:sldMk cId="3552272232" sldId="319"/>
            <ac:spMk id="14" creationId="{79AF3318-60AA-8C45-9E21-D9DA224F03E3}"/>
          </ac:spMkLst>
        </pc:spChg>
        <pc:spChg chg="mod">
          <ac:chgData name="Daly Donnacha HSLU I" userId="0f22e960-400a-43ff-baeb-4828c8f5cd3a" providerId="ADAL" clId="{55F1696D-224E-654D-8EE7-4CBBA757AA04}" dt="2021-03-22T11:12:16.785" v="104"/>
          <ac:spMkLst>
            <pc:docMk/>
            <pc:sldMk cId="3552272232" sldId="319"/>
            <ac:spMk id="15" creationId="{D9F71BCF-C2A5-9E45-B904-625433584B34}"/>
          </ac:spMkLst>
        </pc:spChg>
        <pc:spChg chg="mod">
          <ac:chgData name="Daly Donnacha HSLU I" userId="0f22e960-400a-43ff-baeb-4828c8f5cd3a" providerId="ADAL" clId="{55F1696D-224E-654D-8EE7-4CBBA757AA04}" dt="2021-03-22T11:12:16.785" v="104"/>
          <ac:spMkLst>
            <pc:docMk/>
            <pc:sldMk cId="3552272232" sldId="319"/>
            <ac:spMk id="16" creationId="{75A78049-1693-E146-A48F-BF86B8728F39}"/>
          </ac:spMkLst>
        </pc:spChg>
        <pc:spChg chg="mod">
          <ac:chgData name="Daly Donnacha HSLU I" userId="0f22e960-400a-43ff-baeb-4828c8f5cd3a" providerId="ADAL" clId="{55F1696D-224E-654D-8EE7-4CBBA757AA04}" dt="2021-03-22T11:12:16.785" v="104"/>
          <ac:spMkLst>
            <pc:docMk/>
            <pc:sldMk cId="3552272232" sldId="319"/>
            <ac:spMk id="17" creationId="{40DBB54B-1FCA-874A-A797-EF6EFA746589}"/>
          </ac:spMkLst>
        </pc:spChg>
        <pc:spChg chg="mod">
          <ac:chgData name="Daly Donnacha HSLU I" userId="0f22e960-400a-43ff-baeb-4828c8f5cd3a" providerId="ADAL" clId="{55F1696D-224E-654D-8EE7-4CBBA757AA04}" dt="2021-03-22T11:12:16.785" v="104"/>
          <ac:spMkLst>
            <pc:docMk/>
            <pc:sldMk cId="3552272232" sldId="319"/>
            <ac:spMk id="18" creationId="{43F9B6D4-BF2A-604E-90DF-68CBA5A66DC8}"/>
          </ac:spMkLst>
        </pc:spChg>
        <pc:spChg chg="mod">
          <ac:chgData name="Daly Donnacha HSLU I" userId="0f22e960-400a-43ff-baeb-4828c8f5cd3a" providerId="ADAL" clId="{55F1696D-224E-654D-8EE7-4CBBA757AA04}" dt="2021-03-22T11:12:16.785" v="104"/>
          <ac:spMkLst>
            <pc:docMk/>
            <pc:sldMk cId="3552272232" sldId="319"/>
            <ac:spMk id="19" creationId="{22230BB5-2B98-A34D-9C09-023FA4445619}"/>
          </ac:spMkLst>
        </pc:spChg>
        <pc:spChg chg="mod">
          <ac:chgData name="Daly Donnacha HSLU I" userId="0f22e960-400a-43ff-baeb-4828c8f5cd3a" providerId="ADAL" clId="{55F1696D-224E-654D-8EE7-4CBBA757AA04}" dt="2021-03-22T11:12:16.785" v="104"/>
          <ac:spMkLst>
            <pc:docMk/>
            <pc:sldMk cId="3552272232" sldId="319"/>
            <ac:spMk id="20" creationId="{C259DC15-98EE-9245-8778-9E310E93F799}"/>
          </ac:spMkLst>
        </pc:spChg>
        <pc:spChg chg="mod">
          <ac:chgData name="Daly Donnacha HSLU I" userId="0f22e960-400a-43ff-baeb-4828c8f5cd3a" providerId="ADAL" clId="{55F1696D-224E-654D-8EE7-4CBBA757AA04}" dt="2021-03-22T11:12:16.785" v="104"/>
          <ac:spMkLst>
            <pc:docMk/>
            <pc:sldMk cId="3552272232" sldId="319"/>
            <ac:spMk id="21" creationId="{A6F8D782-C58D-9040-98DA-8B04A227F4B5}"/>
          </ac:spMkLst>
        </pc:spChg>
        <pc:spChg chg="mod">
          <ac:chgData name="Daly Donnacha HSLU I" userId="0f22e960-400a-43ff-baeb-4828c8f5cd3a" providerId="ADAL" clId="{55F1696D-224E-654D-8EE7-4CBBA757AA04}" dt="2021-03-22T11:12:16.785" v="104"/>
          <ac:spMkLst>
            <pc:docMk/>
            <pc:sldMk cId="3552272232" sldId="319"/>
            <ac:spMk id="22" creationId="{585F191C-8252-484B-924A-E049222F8B80}"/>
          </ac:spMkLst>
        </pc:spChg>
        <pc:spChg chg="mod">
          <ac:chgData name="Daly Donnacha HSLU I" userId="0f22e960-400a-43ff-baeb-4828c8f5cd3a" providerId="ADAL" clId="{55F1696D-224E-654D-8EE7-4CBBA757AA04}" dt="2021-03-22T11:12:16.785" v="104"/>
          <ac:spMkLst>
            <pc:docMk/>
            <pc:sldMk cId="3552272232" sldId="319"/>
            <ac:spMk id="23" creationId="{A76E96A9-3D74-4648-97EF-1EF8329CC326}"/>
          </ac:spMkLst>
        </pc:spChg>
        <pc:spChg chg="mod">
          <ac:chgData name="Daly Donnacha HSLU I" userId="0f22e960-400a-43ff-baeb-4828c8f5cd3a" providerId="ADAL" clId="{55F1696D-224E-654D-8EE7-4CBBA757AA04}" dt="2021-03-22T11:12:16.785" v="104"/>
          <ac:spMkLst>
            <pc:docMk/>
            <pc:sldMk cId="3552272232" sldId="319"/>
            <ac:spMk id="24" creationId="{6E32CA33-82B1-B94A-8DC1-0497EAFDCD92}"/>
          </ac:spMkLst>
        </pc:spChg>
        <pc:spChg chg="mod">
          <ac:chgData name="Daly Donnacha HSLU I" userId="0f22e960-400a-43ff-baeb-4828c8f5cd3a" providerId="ADAL" clId="{55F1696D-224E-654D-8EE7-4CBBA757AA04}" dt="2021-03-22T11:12:16.785" v="104"/>
          <ac:spMkLst>
            <pc:docMk/>
            <pc:sldMk cId="3552272232" sldId="319"/>
            <ac:spMk id="25" creationId="{3AD21639-4DF2-4344-9B2A-2AA5F92AB864}"/>
          </ac:spMkLst>
        </pc:spChg>
        <pc:spChg chg="mod">
          <ac:chgData name="Daly Donnacha HSLU I" userId="0f22e960-400a-43ff-baeb-4828c8f5cd3a" providerId="ADAL" clId="{55F1696D-224E-654D-8EE7-4CBBA757AA04}" dt="2021-03-22T11:12:16.785" v="104"/>
          <ac:spMkLst>
            <pc:docMk/>
            <pc:sldMk cId="3552272232" sldId="319"/>
            <ac:spMk id="26" creationId="{C43FFEB8-EFA4-0E4F-8B6A-3C18AF9926DF}"/>
          </ac:spMkLst>
        </pc:spChg>
        <pc:spChg chg="mod">
          <ac:chgData name="Daly Donnacha HSLU I" userId="0f22e960-400a-43ff-baeb-4828c8f5cd3a" providerId="ADAL" clId="{55F1696D-224E-654D-8EE7-4CBBA757AA04}" dt="2021-03-22T11:12:16.785" v="104"/>
          <ac:spMkLst>
            <pc:docMk/>
            <pc:sldMk cId="3552272232" sldId="319"/>
            <ac:spMk id="27" creationId="{C1E705A3-28FC-504C-9975-577DEEB5A22C}"/>
          </ac:spMkLst>
        </pc:spChg>
        <pc:spChg chg="mod">
          <ac:chgData name="Daly Donnacha HSLU I" userId="0f22e960-400a-43ff-baeb-4828c8f5cd3a" providerId="ADAL" clId="{55F1696D-224E-654D-8EE7-4CBBA757AA04}" dt="2021-03-22T11:12:16.785" v="104"/>
          <ac:spMkLst>
            <pc:docMk/>
            <pc:sldMk cId="3552272232" sldId="319"/>
            <ac:spMk id="28" creationId="{5113ECC1-A627-6640-840B-EA4F7B60775D}"/>
          </ac:spMkLst>
        </pc:spChg>
        <pc:spChg chg="mod">
          <ac:chgData name="Daly Donnacha HSLU I" userId="0f22e960-400a-43ff-baeb-4828c8f5cd3a" providerId="ADAL" clId="{55F1696D-224E-654D-8EE7-4CBBA757AA04}" dt="2021-03-22T11:12:16.785" v="104"/>
          <ac:spMkLst>
            <pc:docMk/>
            <pc:sldMk cId="3552272232" sldId="319"/>
            <ac:spMk id="29" creationId="{0B639C5A-8675-B448-80A4-EFE9A9DDAD06}"/>
          </ac:spMkLst>
        </pc:spChg>
        <pc:spChg chg="mod">
          <ac:chgData name="Daly Donnacha HSLU I" userId="0f22e960-400a-43ff-baeb-4828c8f5cd3a" providerId="ADAL" clId="{55F1696D-224E-654D-8EE7-4CBBA757AA04}" dt="2021-03-22T11:12:16.785" v="104"/>
          <ac:spMkLst>
            <pc:docMk/>
            <pc:sldMk cId="3552272232" sldId="319"/>
            <ac:spMk id="30" creationId="{DF3A009D-97B3-9948-9EDE-0913B300897D}"/>
          </ac:spMkLst>
        </pc:spChg>
        <pc:spChg chg="mod">
          <ac:chgData name="Daly Donnacha HSLU I" userId="0f22e960-400a-43ff-baeb-4828c8f5cd3a" providerId="ADAL" clId="{55F1696D-224E-654D-8EE7-4CBBA757AA04}" dt="2021-03-22T11:12:16.785" v="104"/>
          <ac:spMkLst>
            <pc:docMk/>
            <pc:sldMk cId="3552272232" sldId="319"/>
            <ac:spMk id="31" creationId="{DEF86484-9BD7-0246-B4BA-D92ABDDF8194}"/>
          </ac:spMkLst>
        </pc:spChg>
        <pc:spChg chg="mod">
          <ac:chgData name="Daly Donnacha HSLU I" userId="0f22e960-400a-43ff-baeb-4828c8f5cd3a" providerId="ADAL" clId="{55F1696D-224E-654D-8EE7-4CBBA757AA04}" dt="2021-03-22T11:12:16.785" v="104"/>
          <ac:spMkLst>
            <pc:docMk/>
            <pc:sldMk cId="3552272232" sldId="319"/>
            <ac:spMk id="32" creationId="{DC3D3409-D539-9E43-8A5D-D6AFE84D0102}"/>
          </ac:spMkLst>
        </pc:spChg>
        <pc:spChg chg="mod">
          <ac:chgData name="Daly Donnacha HSLU I" userId="0f22e960-400a-43ff-baeb-4828c8f5cd3a" providerId="ADAL" clId="{55F1696D-224E-654D-8EE7-4CBBA757AA04}" dt="2021-03-22T11:12:16.785" v="104"/>
          <ac:spMkLst>
            <pc:docMk/>
            <pc:sldMk cId="3552272232" sldId="319"/>
            <ac:spMk id="33" creationId="{EBC85A0F-6AB3-5841-B417-0B9EE00B3BEB}"/>
          </ac:spMkLst>
        </pc:spChg>
        <pc:spChg chg="mod">
          <ac:chgData name="Daly Donnacha HSLU I" userId="0f22e960-400a-43ff-baeb-4828c8f5cd3a" providerId="ADAL" clId="{55F1696D-224E-654D-8EE7-4CBBA757AA04}" dt="2021-03-22T11:12:16.785" v="104"/>
          <ac:spMkLst>
            <pc:docMk/>
            <pc:sldMk cId="3552272232" sldId="319"/>
            <ac:spMk id="34" creationId="{409BA27A-D16C-2447-A8D4-E0F4DA4713AE}"/>
          </ac:spMkLst>
        </pc:spChg>
        <pc:spChg chg="mod">
          <ac:chgData name="Daly Donnacha HSLU I" userId="0f22e960-400a-43ff-baeb-4828c8f5cd3a" providerId="ADAL" clId="{55F1696D-224E-654D-8EE7-4CBBA757AA04}" dt="2021-03-22T11:12:16.785" v="104"/>
          <ac:spMkLst>
            <pc:docMk/>
            <pc:sldMk cId="3552272232" sldId="319"/>
            <ac:spMk id="35" creationId="{870EBFAF-9E5D-B14B-9140-EA30791D894F}"/>
          </ac:spMkLst>
        </pc:spChg>
        <pc:spChg chg="mod">
          <ac:chgData name="Daly Donnacha HSLU I" userId="0f22e960-400a-43ff-baeb-4828c8f5cd3a" providerId="ADAL" clId="{55F1696D-224E-654D-8EE7-4CBBA757AA04}" dt="2021-03-22T11:12:16.785" v="104"/>
          <ac:spMkLst>
            <pc:docMk/>
            <pc:sldMk cId="3552272232" sldId="319"/>
            <ac:spMk id="36" creationId="{17FA382E-9B9A-444F-92B3-0E0A74F92208}"/>
          </ac:spMkLst>
        </pc:spChg>
        <pc:spChg chg="mod">
          <ac:chgData name="Daly Donnacha HSLU I" userId="0f22e960-400a-43ff-baeb-4828c8f5cd3a" providerId="ADAL" clId="{55F1696D-224E-654D-8EE7-4CBBA757AA04}" dt="2021-03-22T11:12:16.785" v="104"/>
          <ac:spMkLst>
            <pc:docMk/>
            <pc:sldMk cId="3552272232" sldId="319"/>
            <ac:spMk id="37" creationId="{FE871C45-FB1D-FC4C-A370-EBA1F9C07468}"/>
          </ac:spMkLst>
        </pc:spChg>
        <pc:spChg chg="mod">
          <ac:chgData name="Daly Donnacha HSLU I" userId="0f22e960-400a-43ff-baeb-4828c8f5cd3a" providerId="ADAL" clId="{55F1696D-224E-654D-8EE7-4CBBA757AA04}" dt="2021-03-22T11:12:16.785" v="104"/>
          <ac:spMkLst>
            <pc:docMk/>
            <pc:sldMk cId="3552272232" sldId="319"/>
            <ac:spMk id="38" creationId="{221299C9-470D-EB43-8070-A21EB6218D56}"/>
          </ac:spMkLst>
        </pc:spChg>
        <pc:spChg chg="mod">
          <ac:chgData name="Daly Donnacha HSLU I" userId="0f22e960-400a-43ff-baeb-4828c8f5cd3a" providerId="ADAL" clId="{55F1696D-224E-654D-8EE7-4CBBA757AA04}" dt="2021-03-22T11:12:16.785" v="104"/>
          <ac:spMkLst>
            <pc:docMk/>
            <pc:sldMk cId="3552272232" sldId="319"/>
            <ac:spMk id="39" creationId="{C56AD324-7D0B-C14C-BF64-D67FF6067049}"/>
          </ac:spMkLst>
        </pc:spChg>
        <pc:spChg chg="mod">
          <ac:chgData name="Daly Donnacha HSLU I" userId="0f22e960-400a-43ff-baeb-4828c8f5cd3a" providerId="ADAL" clId="{55F1696D-224E-654D-8EE7-4CBBA757AA04}" dt="2021-03-22T11:12:16.785" v="104"/>
          <ac:spMkLst>
            <pc:docMk/>
            <pc:sldMk cId="3552272232" sldId="319"/>
            <ac:spMk id="40" creationId="{882F7820-B7C3-144A-95E9-24FA2607A3FE}"/>
          </ac:spMkLst>
        </pc:spChg>
        <pc:spChg chg="mod">
          <ac:chgData name="Daly Donnacha HSLU I" userId="0f22e960-400a-43ff-baeb-4828c8f5cd3a" providerId="ADAL" clId="{55F1696D-224E-654D-8EE7-4CBBA757AA04}" dt="2021-03-22T11:12:16.785" v="104"/>
          <ac:spMkLst>
            <pc:docMk/>
            <pc:sldMk cId="3552272232" sldId="319"/>
            <ac:spMk id="41" creationId="{6A5A6995-82F2-7A4A-80BF-8B857C52E6AF}"/>
          </ac:spMkLst>
        </pc:spChg>
        <pc:spChg chg="add mod">
          <ac:chgData name="Daly Donnacha HSLU I" userId="0f22e960-400a-43ff-baeb-4828c8f5cd3a" providerId="ADAL" clId="{55F1696D-224E-654D-8EE7-4CBBA757AA04}" dt="2021-03-22T11:12:16.785" v="104"/>
          <ac:spMkLst>
            <pc:docMk/>
            <pc:sldMk cId="3552272232" sldId="319"/>
            <ac:spMk id="42" creationId="{046BC300-F1C6-A840-9DE7-4831568D0B17}"/>
          </ac:spMkLst>
        </pc:spChg>
        <pc:spChg chg="add mod">
          <ac:chgData name="Daly Donnacha HSLU I" userId="0f22e960-400a-43ff-baeb-4828c8f5cd3a" providerId="ADAL" clId="{55F1696D-224E-654D-8EE7-4CBBA757AA04}" dt="2021-03-22T11:12:16.785" v="104"/>
          <ac:spMkLst>
            <pc:docMk/>
            <pc:sldMk cId="3552272232" sldId="319"/>
            <ac:spMk id="43" creationId="{CA080DE2-A8D9-EB49-A212-9885DF2CDA9B}"/>
          </ac:spMkLst>
        </pc:spChg>
        <pc:spChg chg="add mod">
          <ac:chgData name="Daly Donnacha HSLU I" userId="0f22e960-400a-43ff-baeb-4828c8f5cd3a" providerId="ADAL" clId="{55F1696D-224E-654D-8EE7-4CBBA757AA04}" dt="2021-03-22T11:12:16.785" v="104"/>
          <ac:spMkLst>
            <pc:docMk/>
            <pc:sldMk cId="3552272232" sldId="319"/>
            <ac:spMk id="44" creationId="{1DE11AA3-3B8D-AF4A-9298-0A3A0CA650EA}"/>
          </ac:spMkLst>
        </pc:spChg>
        <pc:spChg chg="add mod">
          <ac:chgData name="Daly Donnacha HSLU I" userId="0f22e960-400a-43ff-baeb-4828c8f5cd3a" providerId="ADAL" clId="{55F1696D-224E-654D-8EE7-4CBBA757AA04}" dt="2021-03-22T11:12:16.785" v="104"/>
          <ac:spMkLst>
            <pc:docMk/>
            <pc:sldMk cId="3552272232" sldId="319"/>
            <ac:spMk id="47" creationId="{EFA6B99D-5A63-814F-9FA4-A724CC92460B}"/>
          </ac:spMkLst>
        </pc:spChg>
        <pc:spChg chg="add mod">
          <ac:chgData name="Daly Donnacha HSLU I" userId="0f22e960-400a-43ff-baeb-4828c8f5cd3a" providerId="ADAL" clId="{55F1696D-224E-654D-8EE7-4CBBA757AA04}" dt="2021-03-22T11:12:16.785" v="104"/>
          <ac:spMkLst>
            <pc:docMk/>
            <pc:sldMk cId="3552272232" sldId="319"/>
            <ac:spMk id="48" creationId="{0DCA505B-BB51-0043-A4B9-298E6F7630B9}"/>
          </ac:spMkLst>
        </pc:spChg>
        <pc:spChg chg="add mod">
          <ac:chgData name="Daly Donnacha HSLU I" userId="0f22e960-400a-43ff-baeb-4828c8f5cd3a" providerId="ADAL" clId="{55F1696D-224E-654D-8EE7-4CBBA757AA04}" dt="2021-03-22T11:12:16.785" v="104"/>
          <ac:spMkLst>
            <pc:docMk/>
            <pc:sldMk cId="3552272232" sldId="319"/>
            <ac:spMk id="49" creationId="{5A7F5D55-9673-E944-8791-DBC85B064EE5}"/>
          </ac:spMkLst>
        </pc:spChg>
        <pc:spChg chg="add mod">
          <ac:chgData name="Daly Donnacha HSLU I" userId="0f22e960-400a-43ff-baeb-4828c8f5cd3a" providerId="ADAL" clId="{55F1696D-224E-654D-8EE7-4CBBA757AA04}" dt="2021-03-22T11:12:16.785" v="104"/>
          <ac:spMkLst>
            <pc:docMk/>
            <pc:sldMk cId="3552272232" sldId="319"/>
            <ac:spMk id="50" creationId="{55484E99-2D0A-4348-92B1-687114A4E5D5}"/>
          </ac:spMkLst>
        </pc:spChg>
        <pc:spChg chg="add mod">
          <ac:chgData name="Daly Donnacha HSLU I" userId="0f22e960-400a-43ff-baeb-4828c8f5cd3a" providerId="ADAL" clId="{55F1696D-224E-654D-8EE7-4CBBA757AA04}" dt="2021-03-22T11:12:16.785" v="104"/>
          <ac:spMkLst>
            <pc:docMk/>
            <pc:sldMk cId="3552272232" sldId="319"/>
            <ac:spMk id="51" creationId="{B9C14FDE-FD93-F24D-A4AF-49F8222F5E7B}"/>
          </ac:spMkLst>
        </pc:spChg>
        <pc:spChg chg="add mod">
          <ac:chgData name="Daly Donnacha HSLU I" userId="0f22e960-400a-43ff-baeb-4828c8f5cd3a" providerId="ADAL" clId="{55F1696D-224E-654D-8EE7-4CBBA757AA04}" dt="2021-03-22T11:12:16.785" v="104"/>
          <ac:spMkLst>
            <pc:docMk/>
            <pc:sldMk cId="3552272232" sldId="319"/>
            <ac:spMk id="52" creationId="{548E3B57-E7D5-7E41-B51B-D5F860F52034}"/>
          </ac:spMkLst>
        </pc:spChg>
        <pc:spChg chg="add mod">
          <ac:chgData name="Daly Donnacha HSLU I" userId="0f22e960-400a-43ff-baeb-4828c8f5cd3a" providerId="ADAL" clId="{55F1696D-224E-654D-8EE7-4CBBA757AA04}" dt="2021-03-22T11:12:16.785" v="104"/>
          <ac:spMkLst>
            <pc:docMk/>
            <pc:sldMk cId="3552272232" sldId="319"/>
            <ac:spMk id="53" creationId="{ACF93D43-7C52-B143-99B3-4FF6C7B2EA5E}"/>
          </ac:spMkLst>
        </pc:spChg>
        <pc:spChg chg="add mod">
          <ac:chgData name="Daly Donnacha HSLU I" userId="0f22e960-400a-43ff-baeb-4828c8f5cd3a" providerId="ADAL" clId="{55F1696D-224E-654D-8EE7-4CBBA757AA04}" dt="2021-03-22T11:12:16.785" v="104"/>
          <ac:spMkLst>
            <pc:docMk/>
            <pc:sldMk cId="3552272232" sldId="319"/>
            <ac:spMk id="54" creationId="{92693E0C-BAF7-EF4C-AF6E-A3F10DCF65E6}"/>
          </ac:spMkLst>
        </pc:spChg>
        <pc:spChg chg="add mod">
          <ac:chgData name="Daly Donnacha HSLU I" userId="0f22e960-400a-43ff-baeb-4828c8f5cd3a" providerId="ADAL" clId="{55F1696D-224E-654D-8EE7-4CBBA757AA04}" dt="2021-03-22T11:12:16.785" v="104"/>
          <ac:spMkLst>
            <pc:docMk/>
            <pc:sldMk cId="3552272232" sldId="319"/>
            <ac:spMk id="55" creationId="{945238D1-18A2-C240-BC11-330F15BD2AE5}"/>
          </ac:spMkLst>
        </pc:spChg>
        <pc:spChg chg="add mod">
          <ac:chgData name="Daly Donnacha HSLU I" userId="0f22e960-400a-43ff-baeb-4828c8f5cd3a" providerId="ADAL" clId="{55F1696D-224E-654D-8EE7-4CBBA757AA04}" dt="2021-03-22T11:12:16.785" v="104"/>
          <ac:spMkLst>
            <pc:docMk/>
            <pc:sldMk cId="3552272232" sldId="319"/>
            <ac:spMk id="56" creationId="{04659A1C-99E6-4D40-8D4B-38B9DEC2E9CA}"/>
          </ac:spMkLst>
        </pc:spChg>
        <pc:spChg chg="add mod">
          <ac:chgData name="Daly Donnacha HSLU I" userId="0f22e960-400a-43ff-baeb-4828c8f5cd3a" providerId="ADAL" clId="{55F1696D-224E-654D-8EE7-4CBBA757AA04}" dt="2021-03-22T11:12:16.785" v="104"/>
          <ac:spMkLst>
            <pc:docMk/>
            <pc:sldMk cId="3552272232" sldId="319"/>
            <ac:spMk id="57" creationId="{6EFC96E3-09BB-4246-8028-5E609D735AFE}"/>
          </ac:spMkLst>
        </pc:spChg>
        <pc:spChg chg="add mod">
          <ac:chgData name="Daly Donnacha HSLU I" userId="0f22e960-400a-43ff-baeb-4828c8f5cd3a" providerId="ADAL" clId="{55F1696D-224E-654D-8EE7-4CBBA757AA04}" dt="2021-03-22T11:12:16.785" v="104"/>
          <ac:spMkLst>
            <pc:docMk/>
            <pc:sldMk cId="3552272232" sldId="319"/>
            <ac:spMk id="58" creationId="{4F659C1C-A0C8-BE4F-865A-08B220988D8B}"/>
          </ac:spMkLst>
        </pc:spChg>
        <pc:spChg chg="add mod">
          <ac:chgData name="Daly Donnacha HSLU I" userId="0f22e960-400a-43ff-baeb-4828c8f5cd3a" providerId="ADAL" clId="{55F1696D-224E-654D-8EE7-4CBBA757AA04}" dt="2021-03-22T11:12:16.785" v="104"/>
          <ac:spMkLst>
            <pc:docMk/>
            <pc:sldMk cId="3552272232" sldId="319"/>
            <ac:spMk id="59" creationId="{0EC9666E-09A0-1545-8A1D-B338D9EBF046}"/>
          </ac:spMkLst>
        </pc:spChg>
        <pc:spChg chg="add mod">
          <ac:chgData name="Daly Donnacha HSLU I" userId="0f22e960-400a-43ff-baeb-4828c8f5cd3a" providerId="ADAL" clId="{55F1696D-224E-654D-8EE7-4CBBA757AA04}" dt="2021-03-22T11:12:16.785" v="104"/>
          <ac:spMkLst>
            <pc:docMk/>
            <pc:sldMk cId="3552272232" sldId="319"/>
            <ac:spMk id="60" creationId="{7EF81483-3910-BB44-97C7-1D23F7B1EBF2}"/>
          </ac:spMkLst>
        </pc:spChg>
        <pc:spChg chg="add mod">
          <ac:chgData name="Daly Donnacha HSLU I" userId="0f22e960-400a-43ff-baeb-4828c8f5cd3a" providerId="ADAL" clId="{55F1696D-224E-654D-8EE7-4CBBA757AA04}" dt="2021-03-22T11:12:16.785" v="104"/>
          <ac:spMkLst>
            <pc:docMk/>
            <pc:sldMk cId="3552272232" sldId="319"/>
            <ac:spMk id="61" creationId="{F6DFF035-9CC2-EE47-B390-98C0DC249F76}"/>
          </ac:spMkLst>
        </pc:spChg>
        <pc:spChg chg="add mod">
          <ac:chgData name="Daly Donnacha HSLU I" userId="0f22e960-400a-43ff-baeb-4828c8f5cd3a" providerId="ADAL" clId="{55F1696D-224E-654D-8EE7-4CBBA757AA04}" dt="2021-03-22T11:12:16.785" v="104"/>
          <ac:spMkLst>
            <pc:docMk/>
            <pc:sldMk cId="3552272232" sldId="319"/>
            <ac:spMk id="62" creationId="{DC9334E1-74FD-DE4D-A8E3-7D26A0BA76C7}"/>
          </ac:spMkLst>
        </pc:spChg>
        <pc:spChg chg="add mod">
          <ac:chgData name="Daly Donnacha HSLU I" userId="0f22e960-400a-43ff-baeb-4828c8f5cd3a" providerId="ADAL" clId="{55F1696D-224E-654D-8EE7-4CBBA757AA04}" dt="2021-03-22T11:12:16.785" v="104"/>
          <ac:spMkLst>
            <pc:docMk/>
            <pc:sldMk cId="3552272232" sldId="319"/>
            <ac:spMk id="63" creationId="{0C35F202-E7DD-8541-B81F-42F4D9C0D528}"/>
          </ac:spMkLst>
        </pc:spChg>
        <pc:spChg chg="add mod">
          <ac:chgData name="Daly Donnacha HSLU I" userId="0f22e960-400a-43ff-baeb-4828c8f5cd3a" providerId="ADAL" clId="{55F1696D-224E-654D-8EE7-4CBBA757AA04}" dt="2021-03-22T11:12:16.785" v="104"/>
          <ac:spMkLst>
            <pc:docMk/>
            <pc:sldMk cId="3552272232" sldId="319"/>
            <ac:spMk id="64" creationId="{51CA0534-4390-BC41-8A96-DB2A48C5FC50}"/>
          </ac:spMkLst>
        </pc:spChg>
        <pc:spChg chg="add mod">
          <ac:chgData name="Daly Donnacha HSLU I" userId="0f22e960-400a-43ff-baeb-4828c8f5cd3a" providerId="ADAL" clId="{55F1696D-224E-654D-8EE7-4CBBA757AA04}" dt="2021-03-22T11:12:16.785" v="104"/>
          <ac:spMkLst>
            <pc:docMk/>
            <pc:sldMk cId="3552272232" sldId="319"/>
            <ac:spMk id="65" creationId="{8E1D3903-3C0B-E843-9634-43197417F4A9}"/>
          </ac:spMkLst>
        </pc:spChg>
        <pc:spChg chg="add mod">
          <ac:chgData name="Daly Donnacha HSLU I" userId="0f22e960-400a-43ff-baeb-4828c8f5cd3a" providerId="ADAL" clId="{55F1696D-224E-654D-8EE7-4CBBA757AA04}" dt="2021-03-22T11:12:16.785" v="104"/>
          <ac:spMkLst>
            <pc:docMk/>
            <pc:sldMk cId="3552272232" sldId="319"/>
            <ac:spMk id="66" creationId="{0C562716-24D6-554B-B191-88E5C655DFC5}"/>
          </ac:spMkLst>
        </pc:spChg>
        <pc:spChg chg="add mod">
          <ac:chgData name="Daly Donnacha HSLU I" userId="0f22e960-400a-43ff-baeb-4828c8f5cd3a" providerId="ADAL" clId="{55F1696D-224E-654D-8EE7-4CBBA757AA04}" dt="2021-03-22T11:12:16.785" v="104"/>
          <ac:spMkLst>
            <pc:docMk/>
            <pc:sldMk cId="3552272232" sldId="319"/>
            <ac:spMk id="67" creationId="{ABB039CA-EA57-FA4D-B6C3-E515CFA87673}"/>
          </ac:spMkLst>
        </pc:spChg>
        <pc:spChg chg="add mod">
          <ac:chgData name="Daly Donnacha HSLU I" userId="0f22e960-400a-43ff-baeb-4828c8f5cd3a" providerId="ADAL" clId="{55F1696D-224E-654D-8EE7-4CBBA757AA04}" dt="2021-03-22T11:12:16.785" v="104"/>
          <ac:spMkLst>
            <pc:docMk/>
            <pc:sldMk cId="3552272232" sldId="319"/>
            <ac:spMk id="68" creationId="{1EC147AB-4B01-D945-9077-320D48D6912D}"/>
          </ac:spMkLst>
        </pc:spChg>
        <pc:spChg chg="add mod">
          <ac:chgData name="Daly Donnacha HSLU I" userId="0f22e960-400a-43ff-baeb-4828c8f5cd3a" providerId="ADAL" clId="{55F1696D-224E-654D-8EE7-4CBBA757AA04}" dt="2021-03-22T11:12:16.785" v="104"/>
          <ac:spMkLst>
            <pc:docMk/>
            <pc:sldMk cId="3552272232" sldId="319"/>
            <ac:spMk id="69" creationId="{3C54B045-DA0A-A140-AF13-8D8736EB4415}"/>
          </ac:spMkLst>
        </pc:spChg>
        <pc:spChg chg="add mod">
          <ac:chgData name="Daly Donnacha HSLU I" userId="0f22e960-400a-43ff-baeb-4828c8f5cd3a" providerId="ADAL" clId="{55F1696D-224E-654D-8EE7-4CBBA757AA04}" dt="2021-03-22T11:12:16.785" v="104"/>
          <ac:spMkLst>
            <pc:docMk/>
            <pc:sldMk cId="3552272232" sldId="319"/>
            <ac:spMk id="70" creationId="{7D70B998-29D2-2644-B972-F15C7EC611CD}"/>
          </ac:spMkLst>
        </pc:spChg>
        <pc:spChg chg="add mod">
          <ac:chgData name="Daly Donnacha HSLU I" userId="0f22e960-400a-43ff-baeb-4828c8f5cd3a" providerId="ADAL" clId="{55F1696D-224E-654D-8EE7-4CBBA757AA04}" dt="2021-03-22T11:12:16.785" v="104"/>
          <ac:spMkLst>
            <pc:docMk/>
            <pc:sldMk cId="3552272232" sldId="319"/>
            <ac:spMk id="71" creationId="{FF7BA24D-C6B0-C44E-B560-3F2E2C97BC90}"/>
          </ac:spMkLst>
        </pc:spChg>
        <pc:spChg chg="add mod">
          <ac:chgData name="Daly Donnacha HSLU I" userId="0f22e960-400a-43ff-baeb-4828c8f5cd3a" providerId="ADAL" clId="{55F1696D-224E-654D-8EE7-4CBBA757AA04}" dt="2021-03-22T11:12:16.785" v="104"/>
          <ac:spMkLst>
            <pc:docMk/>
            <pc:sldMk cId="3552272232" sldId="319"/>
            <ac:spMk id="72" creationId="{9F38AC6D-ACA8-CD4F-AAFD-E52B9C2A549D}"/>
          </ac:spMkLst>
        </pc:spChg>
        <pc:spChg chg="add mod">
          <ac:chgData name="Daly Donnacha HSLU I" userId="0f22e960-400a-43ff-baeb-4828c8f5cd3a" providerId="ADAL" clId="{55F1696D-224E-654D-8EE7-4CBBA757AA04}" dt="2021-03-22T11:12:16.785" v="104"/>
          <ac:spMkLst>
            <pc:docMk/>
            <pc:sldMk cId="3552272232" sldId="319"/>
            <ac:spMk id="73" creationId="{604A3CC9-C24D-6E4B-A77E-A63F767339F1}"/>
          </ac:spMkLst>
        </pc:spChg>
        <pc:spChg chg="add mod">
          <ac:chgData name="Daly Donnacha HSLU I" userId="0f22e960-400a-43ff-baeb-4828c8f5cd3a" providerId="ADAL" clId="{55F1696D-224E-654D-8EE7-4CBBA757AA04}" dt="2021-03-22T11:12:16.785" v="104"/>
          <ac:spMkLst>
            <pc:docMk/>
            <pc:sldMk cId="3552272232" sldId="319"/>
            <ac:spMk id="74" creationId="{DC119CD3-8F5A-224F-AB7A-9AD333480F89}"/>
          </ac:spMkLst>
        </pc:spChg>
        <pc:spChg chg="add mod">
          <ac:chgData name="Daly Donnacha HSLU I" userId="0f22e960-400a-43ff-baeb-4828c8f5cd3a" providerId="ADAL" clId="{55F1696D-224E-654D-8EE7-4CBBA757AA04}" dt="2021-03-22T11:12:16.785" v="104"/>
          <ac:spMkLst>
            <pc:docMk/>
            <pc:sldMk cId="3552272232" sldId="319"/>
            <ac:spMk id="75" creationId="{C20B633A-2465-BD4F-A832-BFCC5D8931FE}"/>
          </ac:spMkLst>
        </pc:spChg>
        <pc:spChg chg="add mod">
          <ac:chgData name="Daly Donnacha HSLU I" userId="0f22e960-400a-43ff-baeb-4828c8f5cd3a" providerId="ADAL" clId="{55F1696D-224E-654D-8EE7-4CBBA757AA04}" dt="2021-03-22T11:12:16.785" v="104"/>
          <ac:spMkLst>
            <pc:docMk/>
            <pc:sldMk cId="3552272232" sldId="319"/>
            <ac:spMk id="76" creationId="{3BAEF0B0-9224-854B-A204-9750B98D0D9D}"/>
          </ac:spMkLst>
        </pc:spChg>
        <pc:spChg chg="add mod">
          <ac:chgData name="Daly Donnacha HSLU I" userId="0f22e960-400a-43ff-baeb-4828c8f5cd3a" providerId="ADAL" clId="{55F1696D-224E-654D-8EE7-4CBBA757AA04}" dt="2021-03-22T11:12:16.785" v="104"/>
          <ac:spMkLst>
            <pc:docMk/>
            <pc:sldMk cId="3552272232" sldId="319"/>
            <ac:spMk id="77" creationId="{56AA70E5-4366-024B-A0FA-CD7EBCBEC816}"/>
          </ac:spMkLst>
        </pc:spChg>
        <pc:spChg chg="add mod">
          <ac:chgData name="Daly Donnacha HSLU I" userId="0f22e960-400a-43ff-baeb-4828c8f5cd3a" providerId="ADAL" clId="{55F1696D-224E-654D-8EE7-4CBBA757AA04}" dt="2021-03-22T11:12:16.785" v="104"/>
          <ac:spMkLst>
            <pc:docMk/>
            <pc:sldMk cId="3552272232" sldId="319"/>
            <ac:spMk id="78" creationId="{47950314-C9A2-3B4B-94E0-6FBBC717474D}"/>
          </ac:spMkLst>
        </pc:spChg>
        <pc:spChg chg="add mod">
          <ac:chgData name="Daly Donnacha HSLU I" userId="0f22e960-400a-43ff-baeb-4828c8f5cd3a" providerId="ADAL" clId="{55F1696D-224E-654D-8EE7-4CBBA757AA04}" dt="2021-03-22T11:12:16.785" v="104"/>
          <ac:spMkLst>
            <pc:docMk/>
            <pc:sldMk cId="3552272232" sldId="319"/>
            <ac:spMk id="79" creationId="{CA055BEC-EE72-ED43-9ACC-D8CBBC1EC7E7}"/>
          </ac:spMkLst>
        </pc:spChg>
        <pc:spChg chg="add mod">
          <ac:chgData name="Daly Donnacha HSLU I" userId="0f22e960-400a-43ff-baeb-4828c8f5cd3a" providerId="ADAL" clId="{55F1696D-224E-654D-8EE7-4CBBA757AA04}" dt="2021-03-22T11:12:16.785" v="104"/>
          <ac:spMkLst>
            <pc:docMk/>
            <pc:sldMk cId="3552272232" sldId="319"/>
            <ac:spMk id="80" creationId="{1DC9D08C-D845-7340-94DF-051D3C7CBB90}"/>
          </ac:spMkLst>
        </pc:spChg>
        <pc:spChg chg="add mod">
          <ac:chgData name="Daly Donnacha HSLU I" userId="0f22e960-400a-43ff-baeb-4828c8f5cd3a" providerId="ADAL" clId="{55F1696D-224E-654D-8EE7-4CBBA757AA04}" dt="2021-03-22T11:12:16.785" v="104"/>
          <ac:spMkLst>
            <pc:docMk/>
            <pc:sldMk cId="3552272232" sldId="319"/>
            <ac:spMk id="81" creationId="{71361145-798D-914D-A151-8DBA4951E912}"/>
          </ac:spMkLst>
        </pc:spChg>
        <pc:spChg chg="add mod">
          <ac:chgData name="Daly Donnacha HSLU I" userId="0f22e960-400a-43ff-baeb-4828c8f5cd3a" providerId="ADAL" clId="{55F1696D-224E-654D-8EE7-4CBBA757AA04}" dt="2021-03-22T11:12:16.785" v="104"/>
          <ac:spMkLst>
            <pc:docMk/>
            <pc:sldMk cId="3552272232" sldId="319"/>
            <ac:spMk id="82" creationId="{683A004B-6929-4E44-A568-9C214F0DD8D9}"/>
          </ac:spMkLst>
        </pc:spChg>
        <pc:spChg chg="add mod">
          <ac:chgData name="Daly Donnacha HSLU I" userId="0f22e960-400a-43ff-baeb-4828c8f5cd3a" providerId="ADAL" clId="{55F1696D-224E-654D-8EE7-4CBBA757AA04}" dt="2021-03-22T11:12:16.785" v="104"/>
          <ac:spMkLst>
            <pc:docMk/>
            <pc:sldMk cId="3552272232" sldId="319"/>
            <ac:spMk id="83" creationId="{7F08BF94-EA42-3045-BF0B-260C9A77DA17}"/>
          </ac:spMkLst>
        </pc:spChg>
        <pc:spChg chg="add mod">
          <ac:chgData name="Daly Donnacha HSLU I" userId="0f22e960-400a-43ff-baeb-4828c8f5cd3a" providerId="ADAL" clId="{55F1696D-224E-654D-8EE7-4CBBA757AA04}" dt="2021-03-22T11:12:16.785" v="104"/>
          <ac:spMkLst>
            <pc:docMk/>
            <pc:sldMk cId="3552272232" sldId="319"/>
            <ac:spMk id="84" creationId="{2B0D44A5-0090-494B-9EAC-47BDFD49030F}"/>
          </ac:spMkLst>
        </pc:spChg>
        <pc:spChg chg="add mod">
          <ac:chgData name="Daly Donnacha HSLU I" userId="0f22e960-400a-43ff-baeb-4828c8f5cd3a" providerId="ADAL" clId="{55F1696D-224E-654D-8EE7-4CBBA757AA04}" dt="2021-03-22T11:12:16.785" v="104"/>
          <ac:spMkLst>
            <pc:docMk/>
            <pc:sldMk cId="3552272232" sldId="319"/>
            <ac:spMk id="85" creationId="{2D25D829-74F3-D549-84FC-26A5224A6798}"/>
          </ac:spMkLst>
        </pc:spChg>
        <pc:grpChg chg="add mod">
          <ac:chgData name="Daly Donnacha HSLU I" userId="0f22e960-400a-43ff-baeb-4828c8f5cd3a" providerId="ADAL" clId="{55F1696D-224E-654D-8EE7-4CBBA757AA04}" dt="2021-03-22T11:12:16.785" v="104"/>
          <ac:grpSpMkLst>
            <pc:docMk/>
            <pc:sldMk cId="3552272232" sldId="319"/>
            <ac:grpSpMk id="7" creationId="{13D77E68-C088-6440-B72E-690F48D958A1}"/>
          </ac:grpSpMkLst>
        </pc:grpChg>
        <pc:cxnChg chg="add mod">
          <ac:chgData name="Daly Donnacha HSLU I" userId="0f22e960-400a-43ff-baeb-4828c8f5cd3a" providerId="ADAL" clId="{55F1696D-224E-654D-8EE7-4CBBA757AA04}" dt="2021-03-22T11:12:16.785" v="104"/>
          <ac:cxnSpMkLst>
            <pc:docMk/>
            <pc:sldMk cId="3552272232" sldId="319"/>
            <ac:cxnSpMk id="5" creationId="{EABE1E3E-3A4F-B04B-A3BE-3591C9B81D67}"/>
          </ac:cxnSpMkLst>
        </pc:cxnChg>
        <pc:cxnChg chg="add mod">
          <ac:chgData name="Daly Donnacha HSLU I" userId="0f22e960-400a-43ff-baeb-4828c8f5cd3a" providerId="ADAL" clId="{55F1696D-224E-654D-8EE7-4CBBA757AA04}" dt="2021-03-22T11:12:16.785" v="104"/>
          <ac:cxnSpMkLst>
            <pc:docMk/>
            <pc:sldMk cId="3552272232" sldId="319"/>
            <ac:cxnSpMk id="6" creationId="{95EB7E04-3796-3A44-8FBE-6AD599C5FD9C}"/>
          </ac:cxnSpMkLst>
        </pc:cxnChg>
        <pc:cxnChg chg="add mod">
          <ac:chgData name="Daly Donnacha HSLU I" userId="0f22e960-400a-43ff-baeb-4828c8f5cd3a" providerId="ADAL" clId="{55F1696D-224E-654D-8EE7-4CBBA757AA04}" dt="2021-03-22T11:12:16.785" v="104"/>
          <ac:cxnSpMkLst>
            <pc:docMk/>
            <pc:sldMk cId="3552272232" sldId="319"/>
            <ac:cxnSpMk id="45" creationId="{90142C9B-1ABC-AF4B-8FE1-26EBDF825280}"/>
          </ac:cxnSpMkLst>
        </pc:cxnChg>
        <pc:cxnChg chg="add mod">
          <ac:chgData name="Daly Donnacha HSLU I" userId="0f22e960-400a-43ff-baeb-4828c8f5cd3a" providerId="ADAL" clId="{55F1696D-224E-654D-8EE7-4CBBA757AA04}" dt="2021-03-22T11:12:16.785" v="104"/>
          <ac:cxnSpMkLst>
            <pc:docMk/>
            <pc:sldMk cId="3552272232" sldId="319"/>
            <ac:cxnSpMk id="46" creationId="{7DB6773C-D996-1F42-9BEF-C3D72E459C66}"/>
          </ac:cxnSpMkLst>
        </pc:cxnChg>
        <pc:cxnChg chg="add mod">
          <ac:chgData name="Daly Donnacha HSLU I" userId="0f22e960-400a-43ff-baeb-4828c8f5cd3a" providerId="ADAL" clId="{55F1696D-224E-654D-8EE7-4CBBA757AA04}" dt="2021-03-22T11:12:16.785" v="104"/>
          <ac:cxnSpMkLst>
            <pc:docMk/>
            <pc:sldMk cId="3552272232" sldId="319"/>
            <ac:cxnSpMk id="86" creationId="{C228CC80-A20E-204D-AF38-A5BE0F1F33F0}"/>
          </ac:cxnSpMkLst>
        </pc:cxnChg>
        <pc:cxnChg chg="add mod">
          <ac:chgData name="Daly Donnacha HSLU I" userId="0f22e960-400a-43ff-baeb-4828c8f5cd3a" providerId="ADAL" clId="{55F1696D-224E-654D-8EE7-4CBBA757AA04}" dt="2021-03-22T11:12:16.785" v="104"/>
          <ac:cxnSpMkLst>
            <pc:docMk/>
            <pc:sldMk cId="3552272232" sldId="319"/>
            <ac:cxnSpMk id="87" creationId="{916EC037-71DE-604A-BA9F-189F57872096}"/>
          </ac:cxnSpMkLst>
        </pc:cxnChg>
      </pc:sldChg>
      <pc:sldChg chg="addSp delSp modSp new mod">
        <pc:chgData name="Daly Donnacha HSLU I" userId="0f22e960-400a-43ff-baeb-4828c8f5cd3a" providerId="ADAL" clId="{55F1696D-224E-654D-8EE7-4CBBA757AA04}" dt="2021-03-25T16:29:11.530" v="3284" actId="207"/>
        <pc:sldMkLst>
          <pc:docMk/>
          <pc:sldMk cId="1230219001" sldId="320"/>
        </pc:sldMkLst>
        <pc:spChg chg="mod">
          <ac:chgData name="Daly Donnacha HSLU I" userId="0f22e960-400a-43ff-baeb-4828c8f5cd3a" providerId="ADAL" clId="{55F1696D-224E-654D-8EE7-4CBBA757AA04}" dt="2021-03-25T16:10:32.985" v="2527" actId="113"/>
          <ac:spMkLst>
            <pc:docMk/>
            <pc:sldMk cId="1230219001" sldId="320"/>
            <ac:spMk id="2" creationId="{B5A55BF1-3342-4A4B-81D0-5074899C823C}"/>
          </ac:spMkLst>
        </pc:spChg>
        <pc:spChg chg="add del mod">
          <ac:chgData name="Daly Donnacha HSLU I" userId="0f22e960-400a-43ff-baeb-4828c8f5cd3a" providerId="ADAL" clId="{55F1696D-224E-654D-8EE7-4CBBA757AA04}" dt="2021-03-25T16:14:17.440" v="2574" actId="478"/>
          <ac:spMkLst>
            <pc:docMk/>
            <pc:sldMk cId="1230219001" sldId="320"/>
            <ac:spMk id="3" creationId="{C2E26A2B-673D-D243-87BB-A66A998B3281}"/>
          </ac:spMkLst>
        </pc:spChg>
        <pc:spChg chg="add mod">
          <ac:chgData name="Daly Donnacha HSLU I" userId="0f22e960-400a-43ff-baeb-4828c8f5cd3a" providerId="ADAL" clId="{55F1696D-224E-654D-8EE7-4CBBA757AA04}" dt="2021-03-25T16:09:53.474" v="2504" actId="113"/>
          <ac:spMkLst>
            <pc:docMk/>
            <pc:sldMk cId="1230219001" sldId="320"/>
            <ac:spMk id="6" creationId="{A4CEE6EB-5A22-4B40-9D19-E1F5A97DA8F7}"/>
          </ac:spMkLst>
        </pc:spChg>
        <pc:spChg chg="add mod">
          <ac:chgData name="Daly Donnacha HSLU I" userId="0f22e960-400a-43ff-baeb-4828c8f5cd3a" providerId="ADAL" clId="{55F1696D-224E-654D-8EE7-4CBBA757AA04}" dt="2021-03-25T16:09:53.474" v="2504" actId="113"/>
          <ac:spMkLst>
            <pc:docMk/>
            <pc:sldMk cId="1230219001" sldId="320"/>
            <ac:spMk id="7" creationId="{B5E0F23A-06F8-5944-8A6E-7931C900637A}"/>
          </ac:spMkLst>
        </pc:spChg>
        <pc:spChg chg="add mod">
          <ac:chgData name="Daly Donnacha HSLU I" userId="0f22e960-400a-43ff-baeb-4828c8f5cd3a" providerId="ADAL" clId="{55F1696D-224E-654D-8EE7-4CBBA757AA04}" dt="2021-03-25T16:09:53.474" v="2504" actId="113"/>
          <ac:spMkLst>
            <pc:docMk/>
            <pc:sldMk cId="1230219001" sldId="320"/>
            <ac:spMk id="8" creationId="{07DF47C9-EF99-4E47-B9DD-B6A73E789E99}"/>
          </ac:spMkLst>
        </pc:spChg>
        <pc:spChg chg="add mod">
          <ac:chgData name="Daly Donnacha HSLU I" userId="0f22e960-400a-43ff-baeb-4828c8f5cd3a" providerId="ADAL" clId="{55F1696D-224E-654D-8EE7-4CBBA757AA04}" dt="2021-03-25T16:09:53.474" v="2504" actId="113"/>
          <ac:spMkLst>
            <pc:docMk/>
            <pc:sldMk cId="1230219001" sldId="320"/>
            <ac:spMk id="9" creationId="{ABD06AC5-8107-5845-8A7A-E663D7044295}"/>
          </ac:spMkLst>
        </pc:spChg>
        <pc:spChg chg="add mod">
          <ac:chgData name="Daly Donnacha HSLU I" userId="0f22e960-400a-43ff-baeb-4828c8f5cd3a" providerId="ADAL" clId="{55F1696D-224E-654D-8EE7-4CBBA757AA04}" dt="2021-03-25T16:09:53.474" v="2504" actId="113"/>
          <ac:spMkLst>
            <pc:docMk/>
            <pc:sldMk cId="1230219001" sldId="320"/>
            <ac:spMk id="10" creationId="{987AE359-CF85-8A45-B7A9-45B3BB625327}"/>
          </ac:spMkLst>
        </pc:spChg>
        <pc:spChg chg="add mod">
          <ac:chgData name="Daly Donnacha HSLU I" userId="0f22e960-400a-43ff-baeb-4828c8f5cd3a" providerId="ADAL" clId="{55F1696D-224E-654D-8EE7-4CBBA757AA04}" dt="2021-03-25T16:09:53.474" v="2504" actId="113"/>
          <ac:spMkLst>
            <pc:docMk/>
            <pc:sldMk cId="1230219001" sldId="320"/>
            <ac:spMk id="11" creationId="{6DCB84A6-F22B-5D42-932A-499F804C79FA}"/>
          </ac:spMkLst>
        </pc:spChg>
        <pc:spChg chg="add mod">
          <ac:chgData name="Daly Donnacha HSLU I" userId="0f22e960-400a-43ff-baeb-4828c8f5cd3a" providerId="ADAL" clId="{55F1696D-224E-654D-8EE7-4CBBA757AA04}" dt="2021-03-25T16:09:53.474" v="2504" actId="113"/>
          <ac:spMkLst>
            <pc:docMk/>
            <pc:sldMk cId="1230219001" sldId="320"/>
            <ac:spMk id="12" creationId="{F4911004-A807-A34C-B8B2-1618013D1761}"/>
          </ac:spMkLst>
        </pc:spChg>
        <pc:spChg chg="add mod">
          <ac:chgData name="Daly Donnacha HSLU I" userId="0f22e960-400a-43ff-baeb-4828c8f5cd3a" providerId="ADAL" clId="{55F1696D-224E-654D-8EE7-4CBBA757AA04}" dt="2021-03-25T16:09:53.474" v="2504" actId="113"/>
          <ac:spMkLst>
            <pc:docMk/>
            <pc:sldMk cId="1230219001" sldId="320"/>
            <ac:spMk id="13" creationId="{EA43E24A-71E6-9A4D-823B-13EDDA0F6D5F}"/>
          </ac:spMkLst>
        </pc:spChg>
        <pc:spChg chg="add mod">
          <ac:chgData name="Daly Donnacha HSLU I" userId="0f22e960-400a-43ff-baeb-4828c8f5cd3a" providerId="ADAL" clId="{55F1696D-224E-654D-8EE7-4CBBA757AA04}" dt="2021-03-25T16:09:53.474" v="2504" actId="113"/>
          <ac:spMkLst>
            <pc:docMk/>
            <pc:sldMk cId="1230219001" sldId="320"/>
            <ac:spMk id="14" creationId="{38BD1ECA-A268-2647-9442-5896B9A2DCEF}"/>
          </ac:spMkLst>
        </pc:spChg>
        <pc:spChg chg="add mod">
          <ac:chgData name="Daly Donnacha HSLU I" userId="0f22e960-400a-43ff-baeb-4828c8f5cd3a" providerId="ADAL" clId="{55F1696D-224E-654D-8EE7-4CBBA757AA04}" dt="2021-03-25T16:09:53.474" v="2504" actId="113"/>
          <ac:spMkLst>
            <pc:docMk/>
            <pc:sldMk cId="1230219001" sldId="320"/>
            <ac:spMk id="15" creationId="{2E0FC3AB-DB7D-3848-9BB4-CAB54F843543}"/>
          </ac:spMkLst>
        </pc:spChg>
        <pc:spChg chg="add mod">
          <ac:chgData name="Daly Donnacha HSLU I" userId="0f22e960-400a-43ff-baeb-4828c8f5cd3a" providerId="ADAL" clId="{55F1696D-224E-654D-8EE7-4CBBA757AA04}" dt="2021-03-25T16:09:53.474" v="2504" actId="113"/>
          <ac:spMkLst>
            <pc:docMk/>
            <pc:sldMk cId="1230219001" sldId="320"/>
            <ac:spMk id="16" creationId="{E43E20A5-B155-8340-9CF5-76901CE065E8}"/>
          </ac:spMkLst>
        </pc:spChg>
        <pc:spChg chg="add mod">
          <ac:chgData name="Daly Donnacha HSLU I" userId="0f22e960-400a-43ff-baeb-4828c8f5cd3a" providerId="ADAL" clId="{55F1696D-224E-654D-8EE7-4CBBA757AA04}" dt="2021-03-25T16:09:53.474" v="2504" actId="113"/>
          <ac:spMkLst>
            <pc:docMk/>
            <pc:sldMk cId="1230219001" sldId="320"/>
            <ac:spMk id="17" creationId="{4251437F-7C00-7C4D-95C0-CF3DE05041E4}"/>
          </ac:spMkLst>
        </pc:spChg>
        <pc:spChg chg="add mod">
          <ac:chgData name="Daly Donnacha HSLU I" userId="0f22e960-400a-43ff-baeb-4828c8f5cd3a" providerId="ADAL" clId="{55F1696D-224E-654D-8EE7-4CBBA757AA04}" dt="2021-03-25T16:09:53.474" v="2504" actId="113"/>
          <ac:spMkLst>
            <pc:docMk/>
            <pc:sldMk cId="1230219001" sldId="320"/>
            <ac:spMk id="18" creationId="{D5F50138-DE22-0847-A90B-6F2D1FE54040}"/>
          </ac:spMkLst>
        </pc:spChg>
        <pc:spChg chg="add mod">
          <ac:chgData name="Daly Donnacha HSLU I" userId="0f22e960-400a-43ff-baeb-4828c8f5cd3a" providerId="ADAL" clId="{55F1696D-224E-654D-8EE7-4CBBA757AA04}" dt="2021-03-25T16:09:53.474" v="2504" actId="113"/>
          <ac:spMkLst>
            <pc:docMk/>
            <pc:sldMk cId="1230219001" sldId="320"/>
            <ac:spMk id="19" creationId="{527E130B-5129-9D4F-AA92-E7C01F098C18}"/>
          </ac:spMkLst>
        </pc:spChg>
        <pc:spChg chg="add mod">
          <ac:chgData name="Daly Donnacha HSLU I" userId="0f22e960-400a-43ff-baeb-4828c8f5cd3a" providerId="ADAL" clId="{55F1696D-224E-654D-8EE7-4CBBA757AA04}" dt="2021-03-25T16:09:53.474" v="2504" actId="113"/>
          <ac:spMkLst>
            <pc:docMk/>
            <pc:sldMk cId="1230219001" sldId="320"/>
            <ac:spMk id="20" creationId="{8031D62E-4E35-1544-B7FE-41B95932AC02}"/>
          </ac:spMkLst>
        </pc:spChg>
        <pc:spChg chg="add mod">
          <ac:chgData name="Daly Donnacha HSLU I" userId="0f22e960-400a-43ff-baeb-4828c8f5cd3a" providerId="ADAL" clId="{55F1696D-224E-654D-8EE7-4CBBA757AA04}" dt="2021-03-25T16:09:53.474" v="2504" actId="113"/>
          <ac:spMkLst>
            <pc:docMk/>
            <pc:sldMk cId="1230219001" sldId="320"/>
            <ac:spMk id="21" creationId="{EE769804-1334-E740-9261-317FBAF8FB55}"/>
          </ac:spMkLst>
        </pc:spChg>
        <pc:spChg chg="add mod">
          <ac:chgData name="Daly Donnacha HSLU I" userId="0f22e960-400a-43ff-baeb-4828c8f5cd3a" providerId="ADAL" clId="{55F1696D-224E-654D-8EE7-4CBBA757AA04}" dt="2021-03-25T16:09:53.474" v="2504" actId="113"/>
          <ac:spMkLst>
            <pc:docMk/>
            <pc:sldMk cId="1230219001" sldId="320"/>
            <ac:spMk id="22" creationId="{78AB1C30-33EC-B141-8901-BFC66544B199}"/>
          </ac:spMkLst>
        </pc:spChg>
        <pc:spChg chg="add mod">
          <ac:chgData name="Daly Donnacha HSLU I" userId="0f22e960-400a-43ff-baeb-4828c8f5cd3a" providerId="ADAL" clId="{55F1696D-224E-654D-8EE7-4CBBA757AA04}" dt="2021-03-25T16:09:53.474" v="2504" actId="113"/>
          <ac:spMkLst>
            <pc:docMk/>
            <pc:sldMk cId="1230219001" sldId="320"/>
            <ac:spMk id="23" creationId="{C4820D15-C36F-8A4E-B4E8-906359540BE6}"/>
          </ac:spMkLst>
        </pc:spChg>
        <pc:spChg chg="add mod">
          <ac:chgData name="Daly Donnacha HSLU I" userId="0f22e960-400a-43ff-baeb-4828c8f5cd3a" providerId="ADAL" clId="{55F1696D-224E-654D-8EE7-4CBBA757AA04}" dt="2021-03-25T16:09:53.474" v="2504" actId="113"/>
          <ac:spMkLst>
            <pc:docMk/>
            <pc:sldMk cId="1230219001" sldId="320"/>
            <ac:spMk id="24" creationId="{0079F34C-9F02-3F4E-BD2C-ED86F2E76578}"/>
          </ac:spMkLst>
        </pc:spChg>
        <pc:spChg chg="add mod">
          <ac:chgData name="Daly Donnacha HSLU I" userId="0f22e960-400a-43ff-baeb-4828c8f5cd3a" providerId="ADAL" clId="{55F1696D-224E-654D-8EE7-4CBBA757AA04}" dt="2021-03-25T16:09:53.474" v="2504" actId="113"/>
          <ac:spMkLst>
            <pc:docMk/>
            <pc:sldMk cId="1230219001" sldId="320"/>
            <ac:spMk id="25" creationId="{CE49AE28-4B95-6247-8C70-DFDBB4FBEFAE}"/>
          </ac:spMkLst>
        </pc:spChg>
        <pc:spChg chg="add mod">
          <ac:chgData name="Daly Donnacha HSLU I" userId="0f22e960-400a-43ff-baeb-4828c8f5cd3a" providerId="ADAL" clId="{55F1696D-224E-654D-8EE7-4CBBA757AA04}" dt="2021-03-25T16:09:53.474" v="2504" actId="113"/>
          <ac:spMkLst>
            <pc:docMk/>
            <pc:sldMk cId="1230219001" sldId="320"/>
            <ac:spMk id="26" creationId="{7373CCB3-B02C-F346-A87A-3D71A24A70C3}"/>
          </ac:spMkLst>
        </pc:spChg>
        <pc:spChg chg="add mod">
          <ac:chgData name="Daly Donnacha HSLU I" userId="0f22e960-400a-43ff-baeb-4828c8f5cd3a" providerId="ADAL" clId="{55F1696D-224E-654D-8EE7-4CBBA757AA04}" dt="2021-03-25T16:09:53.474" v="2504" actId="113"/>
          <ac:spMkLst>
            <pc:docMk/>
            <pc:sldMk cId="1230219001" sldId="320"/>
            <ac:spMk id="27" creationId="{D047947B-ADE5-B647-9E8B-0535875B86F6}"/>
          </ac:spMkLst>
        </pc:spChg>
        <pc:spChg chg="add mod">
          <ac:chgData name="Daly Donnacha HSLU I" userId="0f22e960-400a-43ff-baeb-4828c8f5cd3a" providerId="ADAL" clId="{55F1696D-224E-654D-8EE7-4CBBA757AA04}" dt="2021-03-25T16:09:53.474" v="2504" actId="113"/>
          <ac:spMkLst>
            <pc:docMk/>
            <pc:sldMk cId="1230219001" sldId="320"/>
            <ac:spMk id="28" creationId="{2CBA3BB1-BAB2-E94A-8266-D228E47C4297}"/>
          </ac:spMkLst>
        </pc:spChg>
        <pc:spChg chg="add mod">
          <ac:chgData name="Daly Donnacha HSLU I" userId="0f22e960-400a-43ff-baeb-4828c8f5cd3a" providerId="ADAL" clId="{55F1696D-224E-654D-8EE7-4CBBA757AA04}" dt="2021-03-25T16:09:53.474" v="2504" actId="113"/>
          <ac:spMkLst>
            <pc:docMk/>
            <pc:sldMk cId="1230219001" sldId="320"/>
            <ac:spMk id="29" creationId="{F15FC446-0195-994C-B4EA-BD15AEEF32E4}"/>
          </ac:spMkLst>
        </pc:spChg>
        <pc:spChg chg="add mod">
          <ac:chgData name="Daly Donnacha HSLU I" userId="0f22e960-400a-43ff-baeb-4828c8f5cd3a" providerId="ADAL" clId="{55F1696D-224E-654D-8EE7-4CBBA757AA04}" dt="2021-03-25T16:09:53.474" v="2504" actId="113"/>
          <ac:spMkLst>
            <pc:docMk/>
            <pc:sldMk cId="1230219001" sldId="320"/>
            <ac:spMk id="30" creationId="{447F66E2-B350-2445-BF37-F604D854FF4C}"/>
          </ac:spMkLst>
        </pc:spChg>
        <pc:spChg chg="add mod">
          <ac:chgData name="Daly Donnacha HSLU I" userId="0f22e960-400a-43ff-baeb-4828c8f5cd3a" providerId="ADAL" clId="{55F1696D-224E-654D-8EE7-4CBBA757AA04}" dt="2021-03-25T16:09:53.474" v="2504" actId="113"/>
          <ac:spMkLst>
            <pc:docMk/>
            <pc:sldMk cId="1230219001" sldId="320"/>
            <ac:spMk id="31" creationId="{E737A898-7A14-0C40-B418-72BD6D2E26D7}"/>
          </ac:spMkLst>
        </pc:spChg>
        <pc:spChg chg="add mod">
          <ac:chgData name="Daly Donnacha HSLU I" userId="0f22e960-400a-43ff-baeb-4828c8f5cd3a" providerId="ADAL" clId="{55F1696D-224E-654D-8EE7-4CBBA757AA04}" dt="2021-03-25T16:09:53.474" v="2504" actId="113"/>
          <ac:spMkLst>
            <pc:docMk/>
            <pc:sldMk cId="1230219001" sldId="320"/>
            <ac:spMk id="32" creationId="{7C407E4A-EC72-524A-AA9F-6387DCA30094}"/>
          </ac:spMkLst>
        </pc:spChg>
        <pc:spChg chg="add mod">
          <ac:chgData name="Daly Donnacha HSLU I" userId="0f22e960-400a-43ff-baeb-4828c8f5cd3a" providerId="ADAL" clId="{55F1696D-224E-654D-8EE7-4CBBA757AA04}" dt="2021-03-25T16:09:53.474" v="2504" actId="113"/>
          <ac:spMkLst>
            <pc:docMk/>
            <pc:sldMk cId="1230219001" sldId="320"/>
            <ac:spMk id="33" creationId="{7CFF6758-9829-1E44-9853-B7EDBA574DA4}"/>
          </ac:spMkLst>
        </pc:spChg>
        <pc:spChg chg="add mod">
          <ac:chgData name="Daly Donnacha HSLU I" userId="0f22e960-400a-43ff-baeb-4828c8f5cd3a" providerId="ADAL" clId="{55F1696D-224E-654D-8EE7-4CBBA757AA04}" dt="2021-03-25T16:09:53.474" v="2504" actId="113"/>
          <ac:spMkLst>
            <pc:docMk/>
            <pc:sldMk cId="1230219001" sldId="320"/>
            <ac:spMk id="34" creationId="{B96C849E-CB05-F14B-BAAE-6E50F2F76958}"/>
          </ac:spMkLst>
        </pc:spChg>
        <pc:spChg chg="add mod">
          <ac:chgData name="Daly Donnacha HSLU I" userId="0f22e960-400a-43ff-baeb-4828c8f5cd3a" providerId="ADAL" clId="{55F1696D-224E-654D-8EE7-4CBBA757AA04}" dt="2021-03-25T16:09:53.474" v="2504" actId="113"/>
          <ac:spMkLst>
            <pc:docMk/>
            <pc:sldMk cId="1230219001" sldId="320"/>
            <ac:spMk id="35" creationId="{A8BF4757-9EE2-AA4E-B2D3-370B73E58FB7}"/>
          </ac:spMkLst>
        </pc:spChg>
        <pc:spChg chg="add mod">
          <ac:chgData name="Daly Donnacha HSLU I" userId="0f22e960-400a-43ff-baeb-4828c8f5cd3a" providerId="ADAL" clId="{55F1696D-224E-654D-8EE7-4CBBA757AA04}" dt="2021-03-25T16:09:53.474" v="2504" actId="113"/>
          <ac:spMkLst>
            <pc:docMk/>
            <pc:sldMk cId="1230219001" sldId="320"/>
            <ac:spMk id="36" creationId="{EE6D1722-4F9A-514C-AA4E-6E422D3E7505}"/>
          </ac:spMkLst>
        </pc:spChg>
        <pc:spChg chg="add mod">
          <ac:chgData name="Daly Donnacha HSLU I" userId="0f22e960-400a-43ff-baeb-4828c8f5cd3a" providerId="ADAL" clId="{55F1696D-224E-654D-8EE7-4CBBA757AA04}" dt="2021-03-25T16:09:53.474" v="2504" actId="113"/>
          <ac:spMkLst>
            <pc:docMk/>
            <pc:sldMk cId="1230219001" sldId="320"/>
            <ac:spMk id="37" creationId="{B42EF4C6-FF1B-0241-99C8-05649ACD4983}"/>
          </ac:spMkLst>
        </pc:spChg>
        <pc:spChg chg="add del mod">
          <ac:chgData name="Daly Donnacha HSLU I" userId="0f22e960-400a-43ff-baeb-4828c8f5cd3a" providerId="ADAL" clId="{55F1696D-224E-654D-8EE7-4CBBA757AA04}" dt="2021-03-25T16:05:36.991" v="2290" actId="478"/>
          <ac:spMkLst>
            <pc:docMk/>
            <pc:sldMk cId="1230219001" sldId="320"/>
            <ac:spMk id="38" creationId="{A3323B69-DFB0-044D-ACC3-A5918E430CAA}"/>
          </ac:spMkLst>
        </pc:spChg>
        <pc:spChg chg="add mod">
          <ac:chgData name="Daly Donnacha HSLU I" userId="0f22e960-400a-43ff-baeb-4828c8f5cd3a" providerId="ADAL" clId="{55F1696D-224E-654D-8EE7-4CBBA757AA04}" dt="2021-03-25T16:09:53.474" v="2504" actId="113"/>
          <ac:spMkLst>
            <pc:docMk/>
            <pc:sldMk cId="1230219001" sldId="320"/>
            <ac:spMk id="39" creationId="{138F3D44-267A-434E-AC4C-182E9D42CBFD}"/>
          </ac:spMkLst>
        </pc:spChg>
        <pc:spChg chg="add mod">
          <ac:chgData name="Daly Donnacha HSLU I" userId="0f22e960-400a-43ff-baeb-4828c8f5cd3a" providerId="ADAL" clId="{55F1696D-224E-654D-8EE7-4CBBA757AA04}" dt="2021-03-25T16:12:55.249" v="2541" actId="14100"/>
          <ac:spMkLst>
            <pc:docMk/>
            <pc:sldMk cId="1230219001" sldId="320"/>
            <ac:spMk id="42" creationId="{3750E4B9-95A3-974C-BBDD-7515A4B8065D}"/>
          </ac:spMkLst>
        </pc:spChg>
        <pc:spChg chg="add mod">
          <ac:chgData name="Daly Donnacha HSLU I" userId="0f22e960-400a-43ff-baeb-4828c8f5cd3a" providerId="ADAL" clId="{55F1696D-224E-654D-8EE7-4CBBA757AA04}" dt="2021-03-25T16:09:53.474" v="2504" actId="113"/>
          <ac:spMkLst>
            <pc:docMk/>
            <pc:sldMk cId="1230219001" sldId="320"/>
            <ac:spMk id="43" creationId="{F7B77034-D50F-0848-BA3C-3CDE4BB3ADCA}"/>
          </ac:spMkLst>
        </pc:spChg>
        <pc:spChg chg="add del mod">
          <ac:chgData name="Daly Donnacha HSLU I" userId="0f22e960-400a-43ff-baeb-4828c8f5cd3a" providerId="ADAL" clId="{55F1696D-224E-654D-8EE7-4CBBA757AA04}" dt="2021-03-25T14:12:19.181" v="2231" actId="478"/>
          <ac:spMkLst>
            <pc:docMk/>
            <pc:sldMk cId="1230219001" sldId="320"/>
            <ac:spMk id="44" creationId="{1B73C4EB-1361-9D4C-9862-DEE913339C0B}"/>
          </ac:spMkLst>
        </pc:spChg>
        <pc:spChg chg="add mod">
          <ac:chgData name="Daly Donnacha HSLU I" userId="0f22e960-400a-43ff-baeb-4828c8f5cd3a" providerId="ADAL" clId="{55F1696D-224E-654D-8EE7-4CBBA757AA04}" dt="2021-03-25T16:09:53.474" v="2504" actId="113"/>
          <ac:spMkLst>
            <pc:docMk/>
            <pc:sldMk cId="1230219001" sldId="320"/>
            <ac:spMk id="45" creationId="{83068124-83D0-9A44-8757-3E067A69F25D}"/>
          </ac:spMkLst>
        </pc:spChg>
        <pc:spChg chg="add mod">
          <ac:chgData name="Daly Donnacha HSLU I" userId="0f22e960-400a-43ff-baeb-4828c8f5cd3a" providerId="ADAL" clId="{55F1696D-224E-654D-8EE7-4CBBA757AA04}" dt="2021-03-25T16:09:53.474" v="2504" actId="113"/>
          <ac:spMkLst>
            <pc:docMk/>
            <pc:sldMk cId="1230219001" sldId="320"/>
            <ac:spMk id="46" creationId="{D54B2C95-0898-A54E-B028-21127C85BE98}"/>
          </ac:spMkLst>
        </pc:spChg>
        <pc:spChg chg="add del mod">
          <ac:chgData name="Daly Donnacha HSLU I" userId="0f22e960-400a-43ff-baeb-4828c8f5cd3a" providerId="ADAL" clId="{55F1696D-224E-654D-8EE7-4CBBA757AA04}" dt="2021-03-25T14:12:19.181" v="2231" actId="478"/>
          <ac:spMkLst>
            <pc:docMk/>
            <pc:sldMk cId="1230219001" sldId="320"/>
            <ac:spMk id="47" creationId="{93024AD5-A3BE-0248-BDCC-50E3DC5FA060}"/>
          </ac:spMkLst>
        </pc:spChg>
        <pc:spChg chg="add mod">
          <ac:chgData name="Daly Donnacha HSLU I" userId="0f22e960-400a-43ff-baeb-4828c8f5cd3a" providerId="ADAL" clId="{55F1696D-224E-654D-8EE7-4CBBA757AA04}" dt="2021-03-25T16:29:11.530" v="3284" actId="207"/>
          <ac:spMkLst>
            <pc:docMk/>
            <pc:sldMk cId="1230219001" sldId="320"/>
            <ac:spMk id="48" creationId="{4364C494-0F58-3945-96AE-E29975BBF24D}"/>
          </ac:spMkLst>
        </pc:spChg>
        <pc:spChg chg="add del mod">
          <ac:chgData name="Daly Donnacha HSLU I" userId="0f22e960-400a-43ff-baeb-4828c8f5cd3a" providerId="ADAL" clId="{55F1696D-224E-654D-8EE7-4CBBA757AA04}" dt="2021-03-25T14:12:19.181" v="2231" actId="478"/>
          <ac:spMkLst>
            <pc:docMk/>
            <pc:sldMk cId="1230219001" sldId="320"/>
            <ac:spMk id="48" creationId="{928646EC-4A24-FA41-B6DC-849601E5D1A9}"/>
          </ac:spMkLst>
        </pc:spChg>
        <pc:picChg chg="add del mod">
          <ac:chgData name="Daly Donnacha HSLU I" userId="0f22e960-400a-43ff-baeb-4828c8f5cd3a" providerId="ADAL" clId="{55F1696D-224E-654D-8EE7-4CBBA757AA04}" dt="2021-03-25T14:12:19.181" v="2231" actId="478"/>
          <ac:picMkLst>
            <pc:docMk/>
            <pc:sldMk cId="1230219001" sldId="320"/>
            <ac:picMk id="43" creationId="{741AD58E-E5B6-554B-9676-6EFF0B9A2762}"/>
          </ac:picMkLst>
        </pc:picChg>
        <pc:cxnChg chg="add mod">
          <ac:chgData name="Daly Donnacha HSLU I" userId="0f22e960-400a-43ff-baeb-4828c8f5cd3a" providerId="ADAL" clId="{55F1696D-224E-654D-8EE7-4CBBA757AA04}" dt="2021-03-25T16:09:53.474" v="2504" actId="113"/>
          <ac:cxnSpMkLst>
            <pc:docMk/>
            <pc:sldMk cId="1230219001" sldId="320"/>
            <ac:cxnSpMk id="4" creationId="{490C5414-362E-AE4D-A19E-6004A367CA5C}"/>
          </ac:cxnSpMkLst>
        </pc:cxnChg>
        <pc:cxnChg chg="add mod">
          <ac:chgData name="Daly Donnacha HSLU I" userId="0f22e960-400a-43ff-baeb-4828c8f5cd3a" providerId="ADAL" clId="{55F1696D-224E-654D-8EE7-4CBBA757AA04}" dt="2021-03-25T16:09:53.474" v="2504" actId="113"/>
          <ac:cxnSpMkLst>
            <pc:docMk/>
            <pc:sldMk cId="1230219001" sldId="320"/>
            <ac:cxnSpMk id="5" creationId="{F28F8344-0E54-7741-8CC5-10C4F4599717}"/>
          </ac:cxnSpMkLst>
        </pc:cxnChg>
        <pc:cxnChg chg="add mod">
          <ac:chgData name="Daly Donnacha HSLU I" userId="0f22e960-400a-43ff-baeb-4828c8f5cd3a" providerId="ADAL" clId="{55F1696D-224E-654D-8EE7-4CBBA757AA04}" dt="2021-03-25T16:09:53.474" v="2504" actId="113"/>
          <ac:cxnSpMkLst>
            <pc:docMk/>
            <pc:sldMk cId="1230219001" sldId="320"/>
            <ac:cxnSpMk id="40" creationId="{7E3C6FA5-03A5-4941-B21B-854C2DB7CA75}"/>
          </ac:cxnSpMkLst>
        </pc:cxnChg>
        <pc:cxnChg chg="add mod">
          <ac:chgData name="Daly Donnacha HSLU I" userId="0f22e960-400a-43ff-baeb-4828c8f5cd3a" providerId="ADAL" clId="{55F1696D-224E-654D-8EE7-4CBBA757AA04}" dt="2021-03-25T16:14:17.440" v="2574" actId="478"/>
          <ac:cxnSpMkLst>
            <pc:docMk/>
            <pc:sldMk cId="1230219001" sldId="320"/>
            <ac:cxnSpMk id="41" creationId="{6623E1B4-84CF-3946-BE93-2767550DA643}"/>
          </ac:cxnSpMkLst>
        </pc:cxnChg>
      </pc:sldChg>
      <pc:sldChg chg="add del ord">
        <pc:chgData name="Daly Donnacha HSLU I" userId="0f22e960-400a-43ff-baeb-4828c8f5cd3a" providerId="ADAL" clId="{55F1696D-224E-654D-8EE7-4CBBA757AA04}" dt="2021-03-26T09:47:18.759" v="10231" actId="2696"/>
        <pc:sldMkLst>
          <pc:docMk/>
          <pc:sldMk cId="1786907914" sldId="321"/>
        </pc:sldMkLst>
      </pc:sldChg>
      <pc:sldChg chg="addSp modSp new del">
        <pc:chgData name="Daly Donnacha HSLU I" userId="0f22e960-400a-43ff-baeb-4828c8f5cd3a" providerId="ADAL" clId="{55F1696D-224E-654D-8EE7-4CBBA757AA04}" dt="2021-03-22T11:28:37.384" v="292" actId="2696"/>
        <pc:sldMkLst>
          <pc:docMk/>
          <pc:sldMk cId="1992546043" sldId="321"/>
        </pc:sldMkLst>
        <pc:spChg chg="add mod">
          <ac:chgData name="Daly Donnacha HSLU I" userId="0f22e960-400a-43ff-baeb-4828c8f5cd3a" providerId="ADAL" clId="{55F1696D-224E-654D-8EE7-4CBBA757AA04}" dt="2021-03-22T11:12:51.207" v="106"/>
          <ac:spMkLst>
            <pc:docMk/>
            <pc:sldMk cId="1992546043" sldId="321"/>
            <ac:spMk id="3" creationId="{AB1896A2-105C-E94B-96CD-2FBE70A389EC}"/>
          </ac:spMkLst>
        </pc:spChg>
        <pc:spChg chg="add mod">
          <ac:chgData name="Daly Donnacha HSLU I" userId="0f22e960-400a-43ff-baeb-4828c8f5cd3a" providerId="ADAL" clId="{55F1696D-224E-654D-8EE7-4CBBA757AA04}" dt="2021-03-22T11:12:51.207" v="106"/>
          <ac:spMkLst>
            <pc:docMk/>
            <pc:sldMk cId="1992546043" sldId="321"/>
            <ac:spMk id="4" creationId="{05FD6B5F-B848-CC4A-8F8A-D65D4ABF0F9C}"/>
          </ac:spMkLst>
        </pc:spChg>
        <pc:spChg chg="add mod">
          <ac:chgData name="Daly Donnacha HSLU I" userId="0f22e960-400a-43ff-baeb-4828c8f5cd3a" providerId="ADAL" clId="{55F1696D-224E-654D-8EE7-4CBBA757AA04}" dt="2021-03-22T11:12:51.207" v="106"/>
          <ac:spMkLst>
            <pc:docMk/>
            <pc:sldMk cId="1992546043" sldId="321"/>
            <ac:spMk id="5" creationId="{939DFD87-8639-1E4A-89F9-D36102774E33}"/>
          </ac:spMkLst>
        </pc:spChg>
        <pc:spChg chg="add mod">
          <ac:chgData name="Daly Donnacha HSLU I" userId="0f22e960-400a-43ff-baeb-4828c8f5cd3a" providerId="ADAL" clId="{55F1696D-224E-654D-8EE7-4CBBA757AA04}" dt="2021-03-22T11:12:51.207" v="106"/>
          <ac:spMkLst>
            <pc:docMk/>
            <pc:sldMk cId="1992546043" sldId="321"/>
            <ac:spMk id="8" creationId="{F28DCFD4-5942-1848-A3D5-238994440258}"/>
          </ac:spMkLst>
        </pc:spChg>
        <pc:spChg chg="add mod">
          <ac:chgData name="Daly Donnacha HSLU I" userId="0f22e960-400a-43ff-baeb-4828c8f5cd3a" providerId="ADAL" clId="{55F1696D-224E-654D-8EE7-4CBBA757AA04}" dt="2021-03-22T11:12:51.207" v="106"/>
          <ac:spMkLst>
            <pc:docMk/>
            <pc:sldMk cId="1992546043" sldId="321"/>
            <ac:spMk id="9" creationId="{C812F6F9-AC4F-1746-BD05-88FEA6591774}"/>
          </ac:spMkLst>
        </pc:spChg>
        <pc:spChg chg="add mod">
          <ac:chgData name="Daly Donnacha HSLU I" userId="0f22e960-400a-43ff-baeb-4828c8f5cd3a" providerId="ADAL" clId="{55F1696D-224E-654D-8EE7-4CBBA757AA04}" dt="2021-03-22T11:12:51.207" v="106"/>
          <ac:spMkLst>
            <pc:docMk/>
            <pc:sldMk cId="1992546043" sldId="321"/>
            <ac:spMk id="10" creationId="{6E4AFF5F-7EA9-984D-BEDA-EA429FFC2E1A}"/>
          </ac:spMkLst>
        </pc:spChg>
        <pc:spChg chg="add mod">
          <ac:chgData name="Daly Donnacha HSLU I" userId="0f22e960-400a-43ff-baeb-4828c8f5cd3a" providerId="ADAL" clId="{55F1696D-224E-654D-8EE7-4CBBA757AA04}" dt="2021-03-22T11:12:51.207" v="106"/>
          <ac:spMkLst>
            <pc:docMk/>
            <pc:sldMk cId="1992546043" sldId="321"/>
            <ac:spMk id="11" creationId="{92A34D2A-AB1C-AA4A-B986-FA3F1918F461}"/>
          </ac:spMkLst>
        </pc:spChg>
        <pc:spChg chg="add mod">
          <ac:chgData name="Daly Donnacha HSLU I" userId="0f22e960-400a-43ff-baeb-4828c8f5cd3a" providerId="ADAL" clId="{55F1696D-224E-654D-8EE7-4CBBA757AA04}" dt="2021-03-22T11:12:51.207" v="106"/>
          <ac:spMkLst>
            <pc:docMk/>
            <pc:sldMk cId="1992546043" sldId="321"/>
            <ac:spMk id="12" creationId="{43AD6642-DC0A-6449-BECF-E31E008AC186}"/>
          </ac:spMkLst>
        </pc:spChg>
        <pc:spChg chg="add mod">
          <ac:chgData name="Daly Donnacha HSLU I" userId="0f22e960-400a-43ff-baeb-4828c8f5cd3a" providerId="ADAL" clId="{55F1696D-224E-654D-8EE7-4CBBA757AA04}" dt="2021-03-22T11:12:51.207" v="106"/>
          <ac:spMkLst>
            <pc:docMk/>
            <pc:sldMk cId="1992546043" sldId="321"/>
            <ac:spMk id="13" creationId="{8AA71ED0-7DCD-EB47-8AE2-B9936915A2E6}"/>
          </ac:spMkLst>
        </pc:spChg>
        <pc:spChg chg="add mod">
          <ac:chgData name="Daly Donnacha HSLU I" userId="0f22e960-400a-43ff-baeb-4828c8f5cd3a" providerId="ADAL" clId="{55F1696D-224E-654D-8EE7-4CBBA757AA04}" dt="2021-03-22T11:12:51.207" v="106"/>
          <ac:spMkLst>
            <pc:docMk/>
            <pc:sldMk cId="1992546043" sldId="321"/>
            <ac:spMk id="14" creationId="{35A62697-AEA9-4040-A614-B7E59AA3D0C1}"/>
          </ac:spMkLst>
        </pc:spChg>
        <pc:spChg chg="add mod">
          <ac:chgData name="Daly Donnacha HSLU I" userId="0f22e960-400a-43ff-baeb-4828c8f5cd3a" providerId="ADAL" clId="{55F1696D-224E-654D-8EE7-4CBBA757AA04}" dt="2021-03-22T11:12:51.207" v="106"/>
          <ac:spMkLst>
            <pc:docMk/>
            <pc:sldMk cId="1992546043" sldId="321"/>
            <ac:spMk id="15" creationId="{6024C00A-D237-5440-B58D-1B3A20B9D6A7}"/>
          </ac:spMkLst>
        </pc:spChg>
        <pc:spChg chg="add mod">
          <ac:chgData name="Daly Donnacha HSLU I" userId="0f22e960-400a-43ff-baeb-4828c8f5cd3a" providerId="ADAL" clId="{55F1696D-224E-654D-8EE7-4CBBA757AA04}" dt="2021-03-22T11:12:51.207" v="106"/>
          <ac:spMkLst>
            <pc:docMk/>
            <pc:sldMk cId="1992546043" sldId="321"/>
            <ac:spMk id="16" creationId="{E761BEEA-3810-9E44-B76C-50F63A3E6060}"/>
          </ac:spMkLst>
        </pc:spChg>
        <pc:spChg chg="add mod">
          <ac:chgData name="Daly Donnacha HSLU I" userId="0f22e960-400a-43ff-baeb-4828c8f5cd3a" providerId="ADAL" clId="{55F1696D-224E-654D-8EE7-4CBBA757AA04}" dt="2021-03-22T11:12:51.207" v="106"/>
          <ac:spMkLst>
            <pc:docMk/>
            <pc:sldMk cId="1992546043" sldId="321"/>
            <ac:spMk id="17" creationId="{F7AD1E6E-BB2D-7248-9D80-8449559DF4FC}"/>
          </ac:spMkLst>
        </pc:spChg>
        <pc:spChg chg="add mod">
          <ac:chgData name="Daly Donnacha HSLU I" userId="0f22e960-400a-43ff-baeb-4828c8f5cd3a" providerId="ADAL" clId="{55F1696D-224E-654D-8EE7-4CBBA757AA04}" dt="2021-03-22T11:12:51.207" v="106"/>
          <ac:spMkLst>
            <pc:docMk/>
            <pc:sldMk cId="1992546043" sldId="321"/>
            <ac:spMk id="18" creationId="{02426E8B-CFDB-644F-B997-53F62625509C}"/>
          </ac:spMkLst>
        </pc:spChg>
        <pc:spChg chg="add mod">
          <ac:chgData name="Daly Donnacha HSLU I" userId="0f22e960-400a-43ff-baeb-4828c8f5cd3a" providerId="ADAL" clId="{55F1696D-224E-654D-8EE7-4CBBA757AA04}" dt="2021-03-22T11:12:51.207" v="106"/>
          <ac:spMkLst>
            <pc:docMk/>
            <pc:sldMk cId="1992546043" sldId="321"/>
            <ac:spMk id="19" creationId="{B8F6F2FE-1E21-D84F-B171-0A98DFC4D42D}"/>
          </ac:spMkLst>
        </pc:spChg>
        <pc:spChg chg="add mod">
          <ac:chgData name="Daly Donnacha HSLU I" userId="0f22e960-400a-43ff-baeb-4828c8f5cd3a" providerId="ADAL" clId="{55F1696D-224E-654D-8EE7-4CBBA757AA04}" dt="2021-03-22T11:12:51.207" v="106"/>
          <ac:spMkLst>
            <pc:docMk/>
            <pc:sldMk cId="1992546043" sldId="321"/>
            <ac:spMk id="20" creationId="{DA1933B6-ACEC-9E4F-99FC-87F4D226B886}"/>
          </ac:spMkLst>
        </pc:spChg>
        <pc:spChg chg="add mod">
          <ac:chgData name="Daly Donnacha HSLU I" userId="0f22e960-400a-43ff-baeb-4828c8f5cd3a" providerId="ADAL" clId="{55F1696D-224E-654D-8EE7-4CBBA757AA04}" dt="2021-03-22T11:12:51.207" v="106"/>
          <ac:spMkLst>
            <pc:docMk/>
            <pc:sldMk cId="1992546043" sldId="321"/>
            <ac:spMk id="21" creationId="{EB2237CD-4088-1349-86F4-9A854E759F5A}"/>
          </ac:spMkLst>
        </pc:spChg>
        <pc:spChg chg="add mod">
          <ac:chgData name="Daly Donnacha HSLU I" userId="0f22e960-400a-43ff-baeb-4828c8f5cd3a" providerId="ADAL" clId="{55F1696D-224E-654D-8EE7-4CBBA757AA04}" dt="2021-03-22T11:12:51.207" v="106"/>
          <ac:spMkLst>
            <pc:docMk/>
            <pc:sldMk cId="1992546043" sldId="321"/>
            <ac:spMk id="22" creationId="{8C115745-1696-784D-BA86-13737197B1C6}"/>
          </ac:spMkLst>
        </pc:spChg>
        <pc:spChg chg="add mod">
          <ac:chgData name="Daly Donnacha HSLU I" userId="0f22e960-400a-43ff-baeb-4828c8f5cd3a" providerId="ADAL" clId="{55F1696D-224E-654D-8EE7-4CBBA757AA04}" dt="2021-03-22T11:12:51.207" v="106"/>
          <ac:spMkLst>
            <pc:docMk/>
            <pc:sldMk cId="1992546043" sldId="321"/>
            <ac:spMk id="23" creationId="{33E91923-2BCC-CA49-9932-D60B544A732F}"/>
          </ac:spMkLst>
        </pc:spChg>
        <pc:spChg chg="add mod">
          <ac:chgData name="Daly Donnacha HSLU I" userId="0f22e960-400a-43ff-baeb-4828c8f5cd3a" providerId="ADAL" clId="{55F1696D-224E-654D-8EE7-4CBBA757AA04}" dt="2021-03-22T11:12:51.207" v="106"/>
          <ac:spMkLst>
            <pc:docMk/>
            <pc:sldMk cId="1992546043" sldId="321"/>
            <ac:spMk id="24" creationId="{60C40CBE-C1FB-CF48-A851-A30B9CA142AB}"/>
          </ac:spMkLst>
        </pc:spChg>
        <pc:spChg chg="add mod">
          <ac:chgData name="Daly Donnacha HSLU I" userId="0f22e960-400a-43ff-baeb-4828c8f5cd3a" providerId="ADAL" clId="{55F1696D-224E-654D-8EE7-4CBBA757AA04}" dt="2021-03-22T11:12:51.207" v="106"/>
          <ac:spMkLst>
            <pc:docMk/>
            <pc:sldMk cId="1992546043" sldId="321"/>
            <ac:spMk id="25" creationId="{3DA74542-4C7E-A644-9E34-7FD2CC90B182}"/>
          </ac:spMkLst>
        </pc:spChg>
        <pc:spChg chg="add mod">
          <ac:chgData name="Daly Donnacha HSLU I" userId="0f22e960-400a-43ff-baeb-4828c8f5cd3a" providerId="ADAL" clId="{55F1696D-224E-654D-8EE7-4CBBA757AA04}" dt="2021-03-22T11:12:51.207" v="106"/>
          <ac:spMkLst>
            <pc:docMk/>
            <pc:sldMk cId="1992546043" sldId="321"/>
            <ac:spMk id="26" creationId="{5606C58C-8212-9941-81DB-B0E018DDDF5C}"/>
          </ac:spMkLst>
        </pc:spChg>
        <pc:spChg chg="add mod">
          <ac:chgData name="Daly Donnacha HSLU I" userId="0f22e960-400a-43ff-baeb-4828c8f5cd3a" providerId="ADAL" clId="{55F1696D-224E-654D-8EE7-4CBBA757AA04}" dt="2021-03-22T11:12:51.207" v="106"/>
          <ac:spMkLst>
            <pc:docMk/>
            <pc:sldMk cId="1992546043" sldId="321"/>
            <ac:spMk id="27" creationId="{3A1C59F5-27D3-7441-850E-B91E447E633D}"/>
          </ac:spMkLst>
        </pc:spChg>
        <pc:spChg chg="add mod">
          <ac:chgData name="Daly Donnacha HSLU I" userId="0f22e960-400a-43ff-baeb-4828c8f5cd3a" providerId="ADAL" clId="{55F1696D-224E-654D-8EE7-4CBBA757AA04}" dt="2021-03-22T11:12:51.207" v="106"/>
          <ac:spMkLst>
            <pc:docMk/>
            <pc:sldMk cId="1992546043" sldId="321"/>
            <ac:spMk id="28" creationId="{0081E8FA-95B9-124A-8F8D-60A616DDC180}"/>
          </ac:spMkLst>
        </pc:spChg>
        <pc:spChg chg="add mod">
          <ac:chgData name="Daly Donnacha HSLU I" userId="0f22e960-400a-43ff-baeb-4828c8f5cd3a" providerId="ADAL" clId="{55F1696D-224E-654D-8EE7-4CBBA757AA04}" dt="2021-03-22T11:12:51.207" v="106"/>
          <ac:spMkLst>
            <pc:docMk/>
            <pc:sldMk cId="1992546043" sldId="321"/>
            <ac:spMk id="29" creationId="{25F06947-95BA-6840-A9EE-3046416E17DF}"/>
          </ac:spMkLst>
        </pc:spChg>
        <pc:spChg chg="add mod">
          <ac:chgData name="Daly Donnacha HSLU I" userId="0f22e960-400a-43ff-baeb-4828c8f5cd3a" providerId="ADAL" clId="{55F1696D-224E-654D-8EE7-4CBBA757AA04}" dt="2021-03-22T11:12:51.207" v="106"/>
          <ac:spMkLst>
            <pc:docMk/>
            <pc:sldMk cId="1992546043" sldId="321"/>
            <ac:spMk id="30" creationId="{58CA6D67-F7FC-904A-BBEA-9B8286499757}"/>
          </ac:spMkLst>
        </pc:spChg>
        <pc:spChg chg="add mod">
          <ac:chgData name="Daly Donnacha HSLU I" userId="0f22e960-400a-43ff-baeb-4828c8f5cd3a" providerId="ADAL" clId="{55F1696D-224E-654D-8EE7-4CBBA757AA04}" dt="2021-03-22T11:12:51.207" v="106"/>
          <ac:spMkLst>
            <pc:docMk/>
            <pc:sldMk cId="1992546043" sldId="321"/>
            <ac:spMk id="31" creationId="{F4BB9052-C1C6-7B4B-BBCC-3D48506A4059}"/>
          </ac:spMkLst>
        </pc:spChg>
        <pc:spChg chg="add mod">
          <ac:chgData name="Daly Donnacha HSLU I" userId="0f22e960-400a-43ff-baeb-4828c8f5cd3a" providerId="ADAL" clId="{55F1696D-224E-654D-8EE7-4CBBA757AA04}" dt="2021-03-22T11:12:51.207" v="106"/>
          <ac:spMkLst>
            <pc:docMk/>
            <pc:sldMk cId="1992546043" sldId="321"/>
            <ac:spMk id="32" creationId="{44BCBA35-9B4E-9141-8E4F-E34EEF83E39D}"/>
          </ac:spMkLst>
        </pc:spChg>
        <pc:spChg chg="add mod">
          <ac:chgData name="Daly Donnacha HSLU I" userId="0f22e960-400a-43ff-baeb-4828c8f5cd3a" providerId="ADAL" clId="{55F1696D-224E-654D-8EE7-4CBBA757AA04}" dt="2021-03-22T11:12:51.207" v="106"/>
          <ac:spMkLst>
            <pc:docMk/>
            <pc:sldMk cId="1992546043" sldId="321"/>
            <ac:spMk id="33" creationId="{D242743E-D9AF-0F49-932A-308C0A06A10C}"/>
          </ac:spMkLst>
        </pc:spChg>
        <pc:spChg chg="add mod">
          <ac:chgData name="Daly Donnacha HSLU I" userId="0f22e960-400a-43ff-baeb-4828c8f5cd3a" providerId="ADAL" clId="{55F1696D-224E-654D-8EE7-4CBBA757AA04}" dt="2021-03-22T11:12:51.207" v="106"/>
          <ac:spMkLst>
            <pc:docMk/>
            <pc:sldMk cId="1992546043" sldId="321"/>
            <ac:spMk id="34" creationId="{E2CCA438-E2C0-1849-B19D-6B10EC951491}"/>
          </ac:spMkLst>
        </pc:spChg>
        <pc:spChg chg="add mod">
          <ac:chgData name="Daly Donnacha HSLU I" userId="0f22e960-400a-43ff-baeb-4828c8f5cd3a" providerId="ADAL" clId="{55F1696D-224E-654D-8EE7-4CBBA757AA04}" dt="2021-03-22T11:12:51.207" v="106"/>
          <ac:spMkLst>
            <pc:docMk/>
            <pc:sldMk cId="1992546043" sldId="321"/>
            <ac:spMk id="35" creationId="{71D1422A-0D8F-544A-81FD-597428CEF3B7}"/>
          </ac:spMkLst>
        </pc:spChg>
        <pc:spChg chg="add mod">
          <ac:chgData name="Daly Donnacha HSLU I" userId="0f22e960-400a-43ff-baeb-4828c8f5cd3a" providerId="ADAL" clId="{55F1696D-224E-654D-8EE7-4CBBA757AA04}" dt="2021-03-22T11:12:51.207" v="106"/>
          <ac:spMkLst>
            <pc:docMk/>
            <pc:sldMk cId="1992546043" sldId="321"/>
            <ac:spMk id="36" creationId="{C86B58E3-7581-064E-8248-A678DC390785}"/>
          </ac:spMkLst>
        </pc:spChg>
        <pc:spChg chg="add mod">
          <ac:chgData name="Daly Donnacha HSLU I" userId="0f22e960-400a-43ff-baeb-4828c8f5cd3a" providerId="ADAL" clId="{55F1696D-224E-654D-8EE7-4CBBA757AA04}" dt="2021-03-22T11:12:51.207" v="106"/>
          <ac:spMkLst>
            <pc:docMk/>
            <pc:sldMk cId="1992546043" sldId="321"/>
            <ac:spMk id="37" creationId="{014E4314-5A7F-A840-8468-B331E0286179}"/>
          </ac:spMkLst>
        </pc:spChg>
        <pc:spChg chg="add mod">
          <ac:chgData name="Daly Donnacha HSLU I" userId="0f22e960-400a-43ff-baeb-4828c8f5cd3a" providerId="ADAL" clId="{55F1696D-224E-654D-8EE7-4CBBA757AA04}" dt="2021-03-22T11:12:51.207" v="106"/>
          <ac:spMkLst>
            <pc:docMk/>
            <pc:sldMk cId="1992546043" sldId="321"/>
            <ac:spMk id="38" creationId="{ED1D9F6D-9E74-674F-B2E9-1DA17D161699}"/>
          </ac:spMkLst>
        </pc:spChg>
        <pc:spChg chg="add mod">
          <ac:chgData name="Daly Donnacha HSLU I" userId="0f22e960-400a-43ff-baeb-4828c8f5cd3a" providerId="ADAL" clId="{55F1696D-224E-654D-8EE7-4CBBA757AA04}" dt="2021-03-22T11:12:51.207" v="106"/>
          <ac:spMkLst>
            <pc:docMk/>
            <pc:sldMk cId="1992546043" sldId="321"/>
            <ac:spMk id="39" creationId="{67838943-7244-C148-AF01-97D64A496A67}"/>
          </ac:spMkLst>
        </pc:spChg>
        <pc:spChg chg="add mod">
          <ac:chgData name="Daly Donnacha HSLU I" userId="0f22e960-400a-43ff-baeb-4828c8f5cd3a" providerId="ADAL" clId="{55F1696D-224E-654D-8EE7-4CBBA757AA04}" dt="2021-03-22T11:12:51.207" v="106"/>
          <ac:spMkLst>
            <pc:docMk/>
            <pc:sldMk cId="1992546043" sldId="321"/>
            <ac:spMk id="40" creationId="{A39DBBED-1E6C-0742-85F1-4B8EFAEE55F9}"/>
          </ac:spMkLst>
        </pc:spChg>
        <pc:spChg chg="add mod">
          <ac:chgData name="Daly Donnacha HSLU I" userId="0f22e960-400a-43ff-baeb-4828c8f5cd3a" providerId="ADAL" clId="{55F1696D-224E-654D-8EE7-4CBBA757AA04}" dt="2021-03-22T11:12:51.207" v="106"/>
          <ac:spMkLst>
            <pc:docMk/>
            <pc:sldMk cId="1992546043" sldId="321"/>
            <ac:spMk id="41" creationId="{E597DFA7-DE11-FF48-B41D-AD86107A20F9}"/>
          </ac:spMkLst>
        </pc:spChg>
        <pc:spChg chg="add mod">
          <ac:chgData name="Daly Donnacha HSLU I" userId="0f22e960-400a-43ff-baeb-4828c8f5cd3a" providerId="ADAL" clId="{55F1696D-224E-654D-8EE7-4CBBA757AA04}" dt="2021-03-22T11:12:51.207" v="106"/>
          <ac:spMkLst>
            <pc:docMk/>
            <pc:sldMk cId="1992546043" sldId="321"/>
            <ac:spMk id="42" creationId="{7B3F3B9C-0419-DE43-8F8D-E8029590A374}"/>
          </ac:spMkLst>
        </pc:spChg>
        <pc:spChg chg="add mod">
          <ac:chgData name="Daly Donnacha HSLU I" userId="0f22e960-400a-43ff-baeb-4828c8f5cd3a" providerId="ADAL" clId="{55F1696D-224E-654D-8EE7-4CBBA757AA04}" dt="2021-03-22T11:12:51.207" v="106"/>
          <ac:spMkLst>
            <pc:docMk/>
            <pc:sldMk cId="1992546043" sldId="321"/>
            <ac:spMk id="43" creationId="{1C4AAE0B-5629-8844-B837-226D9ED0558C}"/>
          </ac:spMkLst>
        </pc:spChg>
        <pc:spChg chg="add mod">
          <ac:chgData name="Daly Donnacha HSLU I" userId="0f22e960-400a-43ff-baeb-4828c8f5cd3a" providerId="ADAL" clId="{55F1696D-224E-654D-8EE7-4CBBA757AA04}" dt="2021-03-22T11:12:51.207" v="106"/>
          <ac:spMkLst>
            <pc:docMk/>
            <pc:sldMk cId="1992546043" sldId="321"/>
            <ac:spMk id="44" creationId="{55637A95-EA29-264C-A2CF-D38F710AA654}"/>
          </ac:spMkLst>
        </pc:spChg>
        <pc:spChg chg="add mod">
          <ac:chgData name="Daly Donnacha HSLU I" userId="0f22e960-400a-43ff-baeb-4828c8f5cd3a" providerId="ADAL" clId="{55F1696D-224E-654D-8EE7-4CBBA757AA04}" dt="2021-03-22T11:12:51.207" v="106"/>
          <ac:spMkLst>
            <pc:docMk/>
            <pc:sldMk cId="1992546043" sldId="321"/>
            <ac:spMk id="45" creationId="{2E7F3C10-BF3E-AF43-9267-882C6669EA40}"/>
          </ac:spMkLst>
        </pc:spChg>
        <pc:spChg chg="add mod">
          <ac:chgData name="Daly Donnacha HSLU I" userId="0f22e960-400a-43ff-baeb-4828c8f5cd3a" providerId="ADAL" clId="{55F1696D-224E-654D-8EE7-4CBBA757AA04}" dt="2021-03-22T11:12:51.207" v="106"/>
          <ac:spMkLst>
            <pc:docMk/>
            <pc:sldMk cId="1992546043" sldId="321"/>
            <ac:spMk id="46" creationId="{4B7592EA-355C-0E4E-B45E-26D77FFCF1C9}"/>
          </ac:spMkLst>
        </pc:spChg>
        <pc:spChg chg="add mod">
          <ac:chgData name="Daly Donnacha HSLU I" userId="0f22e960-400a-43ff-baeb-4828c8f5cd3a" providerId="ADAL" clId="{55F1696D-224E-654D-8EE7-4CBBA757AA04}" dt="2021-03-22T11:12:51.207" v="106"/>
          <ac:spMkLst>
            <pc:docMk/>
            <pc:sldMk cId="1992546043" sldId="321"/>
            <ac:spMk id="47" creationId="{123FE56B-BA34-9D45-B736-46227172905F}"/>
          </ac:spMkLst>
        </pc:spChg>
        <pc:cxnChg chg="add mod">
          <ac:chgData name="Daly Donnacha HSLU I" userId="0f22e960-400a-43ff-baeb-4828c8f5cd3a" providerId="ADAL" clId="{55F1696D-224E-654D-8EE7-4CBBA757AA04}" dt="2021-03-22T11:12:51.207" v="106"/>
          <ac:cxnSpMkLst>
            <pc:docMk/>
            <pc:sldMk cId="1992546043" sldId="321"/>
            <ac:cxnSpMk id="6" creationId="{17C3F36A-7990-F44D-B8D5-B43EACB88686}"/>
          </ac:cxnSpMkLst>
        </pc:cxnChg>
        <pc:cxnChg chg="add mod">
          <ac:chgData name="Daly Donnacha HSLU I" userId="0f22e960-400a-43ff-baeb-4828c8f5cd3a" providerId="ADAL" clId="{55F1696D-224E-654D-8EE7-4CBBA757AA04}" dt="2021-03-22T11:12:51.207" v="106"/>
          <ac:cxnSpMkLst>
            <pc:docMk/>
            <pc:sldMk cId="1992546043" sldId="321"/>
            <ac:cxnSpMk id="7" creationId="{7C5D9289-30A6-7E42-B238-BD37466F13B0}"/>
          </ac:cxnSpMkLst>
        </pc:cxnChg>
      </pc:sldChg>
      <pc:sldChg chg="addSp delSp modSp add mod ord">
        <pc:chgData name="Daly Donnacha HSLU I" userId="0f22e960-400a-43ff-baeb-4828c8f5cd3a" providerId="ADAL" clId="{55F1696D-224E-654D-8EE7-4CBBA757AA04}" dt="2021-03-26T10:30:24.179" v="11255" actId="6549"/>
        <pc:sldMkLst>
          <pc:docMk/>
          <pc:sldMk cId="3195225968" sldId="321"/>
        </pc:sldMkLst>
        <pc:spChg chg="mod">
          <ac:chgData name="Daly Donnacha HSLU I" userId="0f22e960-400a-43ff-baeb-4828c8f5cd3a" providerId="ADAL" clId="{55F1696D-224E-654D-8EE7-4CBBA757AA04}" dt="2021-03-26T10:27:27.286" v="11011" actId="20577"/>
          <ac:spMkLst>
            <pc:docMk/>
            <pc:sldMk cId="3195225968" sldId="321"/>
            <ac:spMk id="2" creationId="{BD32DDA0-253B-764C-B2D1-EAA73D29BC55}"/>
          </ac:spMkLst>
        </pc:spChg>
        <pc:spChg chg="del">
          <ac:chgData name="Daly Donnacha HSLU I" userId="0f22e960-400a-43ff-baeb-4828c8f5cd3a" providerId="ADAL" clId="{55F1696D-224E-654D-8EE7-4CBBA757AA04}" dt="2021-03-26T10:08:25.606" v="10298" actId="478"/>
          <ac:spMkLst>
            <pc:docMk/>
            <pc:sldMk cId="3195225968" sldId="321"/>
            <ac:spMk id="3" creationId="{AB1896A2-105C-E94B-96CD-2FBE70A389EC}"/>
          </ac:spMkLst>
        </pc:spChg>
        <pc:spChg chg="del">
          <ac:chgData name="Daly Donnacha HSLU I" userId="0f22e960-400a-43ff-baeb-4828c8f5cd3a" providerId="ADAL" clId="{55F1696D-224E-654D-8EE7-4CBBA757AA04}" dt="2021-03-26T10:08:25.606" v="10298" actId="478"/>
          <ac:spMkLst>
            <pc:docMk/>
            <pc:sldMk cId="3195225968" sldId="321"/>
            <ac:spMk id="4" creationId="{05FD6B5F-B848-CC4A-8F8A-D65D4ABF0F9C}"/>
          </ac:spMkLst>
        </pc:spChg>
        <pc:spChg chg="del">
          <ac:chgData name="Daly Donnacha HSLU I" userId="0f22e960-400a-43ff-baeb-4828c8f5cd3a" providerId="ADAL" clId="{55F1696D-224E-654D-8EE7-4CBBA757AA04}" dt="2021-03-26T10:08:25.606" v="10298" actId="478"/>
          <ac:spMkLst>
            <pc:docMk/>
            <pc:sldMk cId="3195225968" sldId="321"/>
            <ac:spMk id="5" creationId="{939DFD87-8639-1E4A-89F9-D36102774E33}"/>
          </ac:spMkLst>
        </pc:spChg>
        <pc:spChg chg="del">
          <ac:chgData name="Daly Donnacha HSLU I" userId="0f22e960-400a-43ff-baeb-4828c8f5cd3a" providerId="ADAL" clId="{55F1696D-224E-654D-8EE7-4CBBA757AA04}" dt="2021-03-26T10:08:25.606" v="10298" actId="478"/>
          <ac:spMkLst>
            <pc:docMk/>
            <pc:sldMk cId="3195225968" sldId="321"/>
            <ac:spMk id="8" creationId="{F28DCFD4-5942-1848-A3D5-238994440258}"/>
          </ac:spMkLst>
        </pc:spChg>
        <pc:spChg chg="del">
          <ac:chgData name="Daly Donnacha HSLU I" userId="0f22e960-400a-43ff-baeb-4828c8f5cd3a" providerId="ADAL" clId="{55F1696D-224E-654D-8EE7-4CBBA757AA04}" dt="2021-03-26T10:08:25.606" v="10298" actId="478"/>
          <ac:spMkLst>
            <pc:docMk/>
            <pc:sldMk cId="3195225968" sldId="321"/>
            <ac:spMk id="9" creationId="{C812F6F9-AC4F-1746-BD05-88FEA6591774}"/>
          </ac:spMkLst>
        </pc:spChg>
        <pc:spChg chg="del">
          <ac:chgData name="Daly Donnacha HSLU I" userId="0f22e960-400a-43ff-baeb-4828c8f5cd3a" providerId="ADAL" clId="{55F1696D-224E-654D-8EE7-4CBBA757AA04}" dt="2021-03-26T10:08:25.606" v="10298" actId="478"/>
          <ac:spMkLst>
            <pc:docMk/>
            <pc:sldMk cId="3195225968" sldId="321"/>
            <ac:spMk id="10" creationId="{6E4AFF5F-7EA9-984D-BEDA-EA429FFC2E1A}"/>
          </ac:spMkLst>
        </pc:spChg>
        <pc:spChg chg="del">
          <ac:chgData name="Daly Donnacha HSLU I" userId="0f22e960-400a-43ff-baeb-4828c8f5cd3a" providerId="ADAL" clId="{55F1696D-224E-654D-8EE7-4CBBA757AA04}" dt="2021-03-26T10:08:25.606" v="10298" actId="478"/>
          <ac:spMkLst>
            <pc:docMk/>
            <pc:sldMk cId="3195225968" sldId="321"/>
            <ac:spMk id="11" creationId="{92A34D2A-AB1C-AA4A-B986-FA3F1918F461}"/>
          </ac:spMkLst>
        </pc:spChg>
        <pc:spChg chg="del">
          <ac:chgData name="Daly Donnacha HSLU I" userId="0f22e960-400a-43ff-baeb-4828c8f5cd3a" providerId="ADAL" clId="{55F1696D-224E-654D-8EE7-4CBBA757AA04}" dt="2021-03-26T10:08:25.606" v="10298" actId="478"/>
          <ac:spMkLst>
            <pc:docMk/>
            <pc:sldMk cId="3195225968" sldId="321"/>
            <ac:spMk id="12" creationId="{43AD6642-DC0A-6449-BECF-E31E008AC186}"/>
          </ac:spMkLst>
        </pc:spChg>
        <pc:spChg chg="del">
          <ac:chgData name="Daly Donnacha HSLU I" userId="0f22e960-400a-43ff-baeb-4828c8f5cd3a" providerId="ADAL" clId="{55F1696D-224E-654D-8EE7-4CBBA757AA04}" dt="2021-03-26T10:08:25.606" v="10298" actId="478"/>
          <ac:spMkLst>
            <pc:docMk/>
            <pc:sldMk cId="3195225968" sldId="321"/>
            <ac:spMk id="13" creationId="{8AA71ED0-7DCD-EB47-8AE2-B9936915A2E6}"/>
          </ac:spMkLst>
        </pc:spChg>
        <pc:spChg chg="del">
          <ac:chgData name="Daly Donnacha HSLU I" userId="0f22e960-400a-43ff-baeb-4828c8f5cd3a" providerId="ADAL" clId="{55F1696D-224E-654D-8EE7-4CBBA757AA04}" dt="2021-03-26T10:08:25.606" v="10298" actId="478"/>
          <ac:spMkLst>
            <pc:docMk/>
            <pc:sldMk cId="3195225968" sldId="321"/>
            <ac:spMk id="14" creationId="{35A62697-AEA9-4040-A614-B7E59AA3D0C1}"/>
          </ac:spMkLst>
        </pc:spChg>
        <pc:spChg chg="del">
          <ac:chgData name="Daly Donnacha HSLU I" userId="0f22e960-400a-43ff-baeb-4828c8f5cd3a" providerId="ADAL" clId="{55F1696D-224E-654D-8EE7-4CBBA757AA04}" dt="2021-03-26T10:08:25.606" v="10298" actId="478"/>
          <ac:spMkLst>
            <pc:docMk/>
            <pc:sldMk cId="3195225968" sldId="321"/>
            <ac:spMk id="15" creationId="{6024C00A-D237-5440-B58D-1B3A20B9D6A7}"/>
          </ac:spMkLst>
        </pc:spChg>
        <pc:spChg chg="del">
          <ac:chgData name="Daly Donnacha HSLU I" userId="0f22e960-400a-43ff-baeb-4828c8f5cd3a" providerId="ADAL" clId="{55F1696D-224E-654D-8EE7-4CBBA757AA04}" dt="2021-03-26T10:08:25.606" v="10298" actId="478"/>
          <ac:spMkLst>
            <pc:docMk/>
            <pc:sldMk cId="3195225968" sldId="321"/>
            <ac:spMk id="16" creationId="{E761BEEA-3810-9E44-B76C-50F63A3E6060}"/>
          </ac:spMkLst>
        </pc:spChg>
        <pc:spChg chg="del">
          <ac:chgData name="Daly Donnacha HSLU I" userId="0f22e960-400a-43ff-baeb-4828c8f5cd3a" providerId="ADAL" clId="{55F1696D-224E-654D-8EE7-4CBBA757AA04}" dt="2021-03-26T10:08:25.606" v="10298" actId="478"/>
          <ac:spMkLst>
            <pc:docMk/>
            <pc:sldMk cId="3195225968" sldId="321"/>
            <ac:spMk id="17" creationId="{F7AD1E6E-BB2D-7248-9D80-8449559DF4FC}"/>
          </ac:spMkLst>
        </pc:spChg>
        <pc:spChg chg="del">
          <ac:chgData name="Daly Donnacha HSLU I" userId="0f22e960-400a-43ff-baeb-4828c8f5cd3a" providerId="ADAL" clId="{55F1696D-224E-654D-8EE7-4CBBA757AA04}" dt="2021-03-26T10:08:25.606" v="10298" actId="478"/>
          <ac:spMkLst>
            <pc:docMk/>
            <pc:sldMk cId="3195225968" sldId="321"/>
            <ac:spMk id="18" creationId="{02426E8B-CFDB-644F-B997-53F62625509C}"/>
          </ac:spMkLst>
        </pc:spChg>
        <pc:spChg chg="del">
          <ac:chgData name="Daly Donnacha HSLU I" userId="0f22e960-400a-43ff-baeb-4828c8f5cd3a" providerId="ADAL" clId="{55F1696D-224E-654D-8EE7-4CBBA757AA04}" dt="2021-03-26T10:08:25.606" v="10298" actId="478"/>
          <ac:spMkLst>
            <pc:docMk/>
            <pc:sldMk cId="3195225968" sldId="321"/>
            <ac:spMk id="19" creationId="{B8F6F2FE-1E21-D84F-B171-0A98DFC4D42D}"/>
          </ac:spMkLst>
        </pc:spChg>
        <pc:spChg chg="del">
          <ac:chgData name="Daly Donnacha HSLU I" userId="0f22e960-400a-43ff-baeb-4828c8f5cd3a" providerId="ADAL" clId="{55F1696D-224E-654D-8EE7-4CBBA757AA04}" dt="2021-03-26T10:08:25.606" v="10298" actId="478"/>
          <ac:spMkLst>
            <pc:docMk/>
            <pc:sldMk cId="3195225968" sldId="321"/>
            <ac:spMk id="20" creationId="{DA1933B6-ACEC-9E4F-99FC-87F4D226B886}"/>
          </ac:spMkLst>
        </pc:spChg>
        <pc:spChg chg="del">
          <ac:chgData name="Daly Donnacha HSLU I" userId="0f22e960-400a-43ff-baeb-4828c8f5cd3a" providerId="ADAL" clId="{55F1696D-224E-654D-8EE7-4CBBA757AA04}" dt="2021-03-26T10:08:25.606" v="10298" actId="478"/>
          <ac:spMkLst>
            <pc:docMk/>
            <pc:sldMk cId="3195225968" sldId="321"/>
            <ac:spMk id="21" creationId="{EB2237CD-4088-1349-86F4-9A854E759F5A}"/>
          </ac:spMkLst>
        </pc:spChg>
        <pc:spChg chg="del">
          <ac:chgData name="Daly Donnacha HSLU I" userId="0f22e960-400a-43ff-baeb-4828c8f5cd3a" providerId="ADAL" clId="{55F1696D-224E-654D-8EE7-4CBBA757AA04}" dt="2021-03-26T10:08:25.606" v="10298" actId="478"/>
          <ac:spMkLst>
            <pc:docMk/>
            <pc:sldMk cId="3195225968" sldId="321"/>
            <ac:spMk id="22" creationId="{8C115745-1696-784D-BA86-13737197B1C6}"/>
          </ac:spMkLst>
        </pc:spChg>
        <pc:spChg chg="del">
          <ac:chgData name="Daly Donnacha HSLU I" userId="0f22e960-400a-43ff-baeb-4828c8f5cd3a" providerId="ADAL" clId="{55F1696D-224E-654D-8EE7-4CBBA757AA04}" dt="2021-03-26T10:08:25.606" v="10298" actId="478"/>
          <ac:spMkLst>
            <pc:docMk/>
            <pc:sldMk cId="3195225968" sldId="321"/>
            <ac:spMk id="23" creationId="{33E91923-2BCC-CA49-9932-D60B544A732F}"/>
          </ac:spMkLst>
        </pc:spChg>
        <pc:spChg chg="del">
          <ac:chgData name="Daly Donnacha HSLU I" userId="0f22e960-400a-43ff-baeb-4828c8f5cd3a" providerId="ADAL" clId="{55F1696D-224E-654D-8EE7-4CBBA757AA04}" dt="2021-03-26T10:08:25.606" v="10298" actId="478"/>
          <ac:spMkLst>
            <pc:docMk/>
            <pc:sldMk cId="3195225968" sldId="321"/>
            <ac:spMk id="24" creationId="{60C40CBE-C1FB-CF48-A851-A30B9CA142AB}"/>
          </ac:spMkLst>
        </pc:spChg>
        <pc:spChg chg="del">
          <ac:chgData name="Daly Donnacha HSLU I" userId="0f22e960-400a-43ff-baeb-4828c8f5cd3a" providerId="ADAL" clId="{55F1696D-224E-654D-8EE7-4CBBA757AA04}" dt="2021-03-26T10:08:25.606" v="10298" actId="478"/>
          <ac:spMkLst>
            <pc:docMk/>
            <pc:sldMk cId="3195225968" sldId="321"/>
            <ac:spMk id="25" creationId="{3DA74542-4C7E-A644-9E34-7FD2CC90B182}"/>
          </ac:spMkLst>
        </pc:spChg>
        <pc:spChg chg="del">
          <ac:chgData name="Daly Donnacha HSLU I" userId="0f22e960-400a-43ff-baeb-4828c8f5cd3a" providerId="ADAL" clId="{55F1696D-224E-654D-8EE7-4CBBA757AA04}" dt="2021-03-26T10:08:25.606" v="10298" actId="478"/>
          <ac:spMkLst>
            <pc:docMk/>
            <pc:sldMk cId="3195225968" sldId="321"/>
            <ac:spMk id="26" creationId="{5606C58C-8212-9941-81DB-B0E018DDDF5C}"/>
          </ac:spMkLst>
        </pc:spChg>
        <pc:spChg chg="del">
          <ac:chgData name="Daly Donnacha HSLU I" userId="0f22e960-400a-43ff-baeb-4828c8f5cd3a" providerId="ADAL" clId="{55F1696D-224E-654D-8EE7-4CBBA757AA04}" dt="2021-03-26T10:08:25.606" v="10298" actId="478"/>
          <ac:spMkLst>
            <pc:docMk/>
            <pc:sldMk cId="3195225968" sldId="321"/>
            <ac:spMk id="27" creationId="{3A1C59F5-27D3-7441-850E-B91E447E633D}"/>
          </ac:spMkLst>
        </pc:spChg>
        <pc:spChg chg="del">
          <ac:chgData name="Daly Donnacha HSLU I" userId="0f22e960-400a-43ff-baeb-4828c8f5cd3a" providerId="ADAL" clId="{55F1696D-224E-654D-8EE7-4CBBA757AA04}" dt="2021-03-26T10:08:25.606" v="10298" actId="478"/>
          <ac:spMkLst>
            <pc:docMk/>
            <pc:sldMk cId="3195225968" sldId="321"/>
            <ac:spMk id="28" creationId="{0081E8FA-95B9-124A-8F8D-60A616DDC180}"/>
          </ac:spMkLst>
        </pc:spChg>
        <pc:spChg chg="del">
          <ac:chgData name="Daly Donnacha HSLU I" userId="0f22e960-400a-43ff-baeb-4828c8f5cd3a" providerId="ADAL" clId="{55F1696D-224E-654D-8EE7-4CBBA757AA04}" dt="2021-03-26T10:08:25.606" v="10298" actId="478"/>
          <ac:spMkLst>
            <pc:docMk/>
            <pc:sldMk cId="3195225968" sldId="321"/>
            <ac:spMk id="29" creationId="{25F06947-95BA-6840-A9EE-3046416E17DF}"/>
          </ac:spMkLst>
        </pc:spChg>
        <pc:spChg chg="del">
          <ac:chgData name="Daly Donnacha HSLU I" userId="0f22e960-400a-43ff-baeb-4828c8f5cd3a" providerId="ADAL" clId="{55F1696D-224E-654D-8EE7-4CBBA757AA04}" dt="2021-03-26T10:08:25.606" v="10298" actId="478"/>
          <ac:spMkLst>
            <pc:docMk/>
            <pc:sldMk cId="3195225968" sldId="321"/>
            <ac:spMk id="30" creationId="{58CA6D67-F7FC-904A-BBEA-9B8286499757}"/>
          </ac:spMkLst>
        </pc:spChg>
        <pc:spChg chg="del">
          <ac:chgData name="Daly Donnacha HSLU I" userId="0f22e960-400a-43ff-baeb-4828c8f5cd3a" providerId="ADAL" clId="{55F1696D-224E-654D-8EE7-4CBBA757AA04}" dt="2021-03-26T10:08:25.606" v="10298" actId="478"/>
          <ac:spMkLst>
            <pc:docMk/>
            <pc:sldMk cId="3195225968" sldId="321"/>
            <ac:spMk id="31" creationId="{F4BB9052-C1C6-7B4B-BBCC-3D48506A4059}"/>
          </ac:spMkLst>
        </pc:spChg>
        <pc:spChg chg="del">
          <ac:chgData name="Daly Donnacha HSLU I" userId="0f22e960-400a-43ff-baeb-4828c8f5cd3a" providerId="ADAL" clId="{55F1696D-224E-654D-8EE7-4CBBA757AA04}" dt="2021-03-26T10:08:25.606" v="10298" actId="478"/>
          <ac:spMkLst>
            <pc:docMk/>
            <pc:sldMk cId="3195225968" sldId="321"/>
            <ac:spMk id="32" creationId="{44BCBA35-9B4E-9141-8E4F-E34EEF83E39D}"/>
          </ac:spMkLst>
        </pc:spChg>
        <pc:spChg chg="del">
          <ac:chgData name="Daly Donnacha HSLU I" userId="0f22e960-400a-43ff-baeb-4828c8f5cd3a" providerId="ADAL" clId="{55F1696D-224E-654D-8EE7-4CBBA757AA04}" dt="2021-03-26T10:08:25.606" v="10298" actId="478"/>
          <ac:spMkLst>
            <pc:docMk/>
            <pc:sldMk cId="3195225968" sldId="321"/>
            <ac:spMk id="33" creationId="{D242743E-D9AF-0F49-932A-308C0A06A10C}"/>
          </ac:spMkLst>
        </pc:spChg>
        <pc:spChg chg="del">
          <ac:chgData name="Daly Donnacha HSLU I" userId="0f22e960-400a-43ff-baeb-4828c8f5cd3a" providerId="ADAL" clId="{55F1696D-224E-654D-8EE7-4CBBA757AA04}" dt="2021-03-26T10:08:25.606" v="10298" actId="478"/>
          <ac:spMkLst>
            <pc:docMk/>
            <pc:sldMk cId="3195225968" sldId="321"/>
            <ac:spMk id="34" creationId="{E2CCA438-E2C0-1849-B19D-6B10EC951491}"/>
          </ac:spMkLst>
        </pc:spChg>
        <pc:spChg chg="del">
          <ac:chgData name="Daly Donnacha HSLU I" userId="0f22e960-400a-43ff-baeb-4828c8f5cd3a" providerId="ADAL" clId="{55F1696D-224E-654D-8EE7-4CBBA757AA04}" dt="2021-03-26T10:08:25.606" v="10298" actId="478"/>
          <ac:spMkLst>
            <pc:docMk/>
            <pc:sldMk cId="3195225968" sldId="321"/>
            <ac:spMk id="35" creationId="{71D1422A-0D8F-544A-81FD-597428CEF3B7}"/>
          </ac:spMkLst>
        </pc:spChg>
        <pc:spChg chg="del">
          <ac:chgData name="Daly Donnacha HSLU I" userId="0f22e960-400a-43ff-baeb-4828c8f5cd3a" providerId="ADAL" clId="{55F1696D-224E-654D-8EE7-4CBBA757AA04}" dt="2021-03-26T10:08:25.606" v="10298" actId="478"/>
          <ac:spMkLst>
            <pc:docMk/>
            <pc:sldMk cId="3195225968" sldId="321"/>
            <ac:spMk id="36" creationId="{C86B58E3-7581-064E-8248-A678DC390785}"/>
          </ac:spMkLst>
        </pc:spChg>
        <pc:spChg chg="del">
          <ac:chgData name="Daly Donnacha HSLU I" userId="0f22e960-400a-43ff-baeb-4828c8f5cd3a" providerId="ADAL" clId="{55F1696D-224E-654D-8EE7-4CBBA757AA04}" dt="2021-03-26T10:08:25.606" v="10298" actId="478"/>
          <ac:spMkLst>
            <pc:docMk/>
            <pc:sldMk cId="3195225968" sldId="321"/>
            <ac:spMk id="37" creationId="{014E4314-5A7F-A840-8468-B331E0286179}"/>
          </ac:spMkLst>
        </pc:spChg>
        <pc:spChg chg="del">
          <ac:chgData name="Daly Donnacha HSLU I" userId="0f22e960-400a-43ff-baeb-4828c8f5cd3a" providerId="ADAL" clId="{55F1696D-224E-654D-8EE7-4CBBA757AA04}" dt="2021-03-26T10:08:25.606" v="10298" actId="478"/>
          <ac:spMkLst>
            <pc:docMk/>
            <pc:sldMk cId="3195225968" sldId="321"/>
            <ac:spMk id="38" creationId="{ED1D9F6D-9E74-674F-B2E9-1DA17D161699}"/>
          </ac:spMkLst>
        </pc:spChg>
        <pc:spChg chg="del">
          <ac:chgData name="Daly Donnacha HSLU I" userId="0f22e960-400a-43ff-baeb-4828c8f5cd3a" providerId="ADAL" clId="{55F1696D-224E-654D-8EE7-4CBBA757AA04}" dt="2021-03-26T10:08:25.606" v="10298" actId="478"/>
          <ac:spMkLst>
            <pc:docMk/>
            <pc:sldMk cId="3195225968" sldId="321"/>
            <ac:spMk id="39" creationId="{67838943-7244-C148-AF01-97D64A496A67}"/>
          </ac:spMkLst>
        </pc:spChg>
        <pc:spChg chg="del">
          <ac:chgData name="Daly Donnacha HSLU I" userId="0f22e960-400a-43ff-baeb-4828c8f5cd3a" providerId="ADAL" clId="{55F1696D-224E-654D-8EE7-4CBBA757AA04}" dt="2021-03-26T10:08:25.606" v="10298" actId="478"/>
          <ac:spMkLst>
            <pc:docMk/>
            <pc:sldMk cId="3195225968" sldId="321"/>
            <ac:spMk id="40" creationId="{A39DBBED-1E6C-0742-85F1-4B8EFAEE55F9}"/>
          </ac:spMkLst>
        </pc:spChg>
        <pc:spChg chg="del">
          <ac:chgData name="Daly Donnacha HSLU I" userId="0f22e960-400a-43ff-baeb-4828c8f5cd3a" providerId="ADAL" clId="{55F1696D-224E-654D-8EE7-4CBBA757AA04}" dt="2021-03-26T10:08:25.606" v="10298" actId="478"/>
          <ac:spMkLst>
            <pc:docMk/>
            <pc:sldMk cId="3195225968" sldId="321"/>
            <ac:spMk id="41" creationId="{E597DFA7-DE11-FF48-B41D-AD86107A20F9}"/>
          </ac:spMkLst>
        </pc:spChg>
        <pc:spChg chg="del">
          <ac:chgData name="Daly Donnacha HSLU I" userId="0f22e960-400a-43ff-baeb-4828c8f5cd3a" providerId="ADAL" clId="{55F1696D-224E-654D-8EE7-4CBBA757AA04}" dt="2021-03-26T10:08:25.606" v="10298" actId="478"/>
          <ac:spMkLst>
            <pc:docMk/>
            <pc:sldMk cId="3195225968" sldId="321"/>
            <ac:spMk id="42" creationId="{7B3F3B9C-0419-DE43-8F8D-E8029590A374}"/>
          </ac:spMkLst>
        </pc:spChg>
        <pc:spChg chg="del mod">
          <ac:chgData name="Daly Donnacha HSLU I" userId="0f22e960-400a-43ff-baeb-4828c8f5cd3a" providerId="ADAL" clId="{55F1696D-224E-654D-8EE7-4CBBA757AA04}" dt="2021-03-26T10:21:44.398" v="10753" actId="478"/>
          <ac:spMkLst>
            <pc:docMk/>
            <pc:sldMk cId="3195225968" sldId="321"/>
            <ac:spMk id="43" creationId="{1C4AAE0B-5629-8844-B837-226D9ED0558C}"/>
          </ac:spMkLst>
        </pc:spChg>
        <pc:spChg chg="del">
          <ac:chgData name="Daly Donnacha HSLU I" userId="0f22e960-400a-43ff-baeb-4828c8f5cd3a" providerId="ADAL" clId="{55F1696D-224E-654D-8EE7-4CBBA757AA04}" dt="2021-03-26T10:09:29.980" v="10330" actId="478"/>
          <ac:spMkLst>
            <pc:docMk/>
            <pc:sldMk cId="3195225968" sldId="321"/>
            <ac:spMk id="44" creationId="{55637A95-EA29-264C-A2CF-D38F710AA654}"/>
          </ac:spMkLst>
        </pc:spChg>
        <pc:spChg chg="del">
          <ac:chgData name="Daly Donnacha HSLU I" userId="0f22e960-400a-43ff-baeb-4828c8f5cd3a" providerId="ADAL" clId="{55F1696D-224E-654D-8EE7-4CBBA757AA04}" dt="2021-03-26T10:08:25.606" v="10298" actId="478"/>
          <ac:spMkLst>
            <pc:docMk/>
            <pc:sldMk cId="3195225968" sldId="321"/>
            <ac:spMk id="45" creationId="{2E7F3C10-BF3E-AF43-9267-882C6669EA40}"/>
          </ac:spMkLst>
        </pc:spChg>
        <pc:spChg chg="del">
          <ac:chgData name="Daly Donnacha HSLU I" userId="0f22e960-400a-43ff-baeb-4828c8f5cd3a" providerId="ADAL" clId="{55F1696D-224E-654D-8EE7-4CBBA757AA04}" dt="2021-03-26T10:08:25.606" v="10298" actId="478"/>
          <ac:spMkLst>
            <pc:docMk/>
            <pc:sldMk cId="3195225968" sldId="321"/>
            <ac:spMk id="46" creationId="{4B7592EA-355C-0E4E-B45E-26D77FFCF1C9}"/>
          </ac:spMkLst>
        </pc:spChg>
        <pc:spChg chg="del">
          <ac:chgData name="Daly Donnacha HSLU I" userId="0f22e960-400a-43ff-baeb-4828c8f5cd3a" providerId="ADAL" clId="{55F1696D-224E-654D-8EE7-4CBBA757AA04}" dt="2021-03-26T10:23:00.095" v="10793" actId="478"/>
          <ac:spMkLst>
            <pc:docMk/>
            <pc:sldMk cId="3195225968" sldId="321"/>
            <ac:spMk id="47" creationId="{123FE56B-BA34-9D45-B736-46227172905F}"/>
          </ac:spMkLst>
        </pc:spChg>
        <pc:spChg chg="add mod">
          <ac:chgData name="Daly Donnacha HSLU I" userId="0f22e960-400a-43ff-baeb-4828c8f5cd3a" providerId="ADAL" clId="{55F1696D-224E-654D-8EE7-4CBBA757AA04}" dt="2021-03-26T10:30:24.179" v="11255" actId="6549"/>
          <ac:spMkLst>
            <pc:docMk/>
            <pc:sldMk cId="3195225968" sldId="321"/>
            <ac:spMk id="48" creationId="{1A215227-94EC-644D-8DF9-319786327394}"/>
          </ac:spMkLst>
        </pc:spChg>
        <pc:spChg chg="add mod">
          <ac:chgData name="Daly Donnacha HSLU I" userId="0f22e960-400a-43ff-baeb-4828c8f5cd3a" providerId="ADAL" clId="{55F1696D-224E-654D-8EE7-4CBBA757AA04}" dt="2021-03-26T10:30:21.125" v="11254" actId="14100"/>
          <ac:spMkLst>
            <pc:docMk/>
            <pc:sldMk cId="3195225968" sldId="321"/>
            <ac:spMk id="49" creationId="{71EFB77C-5D87-6341-BDB2-C430D4D65BB1}"/>
          </ac:spMkLst>
        </pc:spChg>
        <pc:cxnChg chg="del">
          <ac:chgData name="Daly Donnacha HSLU I" userId="0f22e960-400a-43ff-baeb-4828c8f5cd3a" providerId="ADAL" clId="{55F1696D-224E-654D-8EE7-4CBBA757AA04}" dt="2021-03-26T10:08:25.606" v="10298" actId="478"/>
          <ac:cxnSpMkLst>
            <pc:docMk/>
            <pc:sldMk cId="3195225968" sldId="321"/>
            <ac:cxnSpMk id="6" creationId="{17C3F36A-7990-F44D-B8D5-B43EACB88686}"/>
          </ac:cxnSpMkLst>
        </pc:cxnChg>
        <pc:cxnChg chg="del">
          <ac:chgData name="Daly Donnacha HSLU I" userId="0f22e960-400a-43ff-baeb-4828c8f5cd3a" providerId="ADAL" clId="{55F1696D-224E-654D-8EE7-4CBBA757AA04}" dt="2021-03-26T10:08:25.606" v="10298" actId="478"/>
          <ac:cxnSpMkLst>
            <pc:docMk/>
            <pc:sldMk cId="3195225968" sldId="321"/>
            <ac:cxnSpMk id="7" creationId="{7C5D9289-30A6-7E42-B238-BD37466F13B0}"/>
          </ac:cxnSpMkLst>
        </pc:cxnChg>
      </pc:sldChg>
      <pc:sldChg chg="addSp modSp new del">
        <pc:chgData name="Daly Donnacha HSLU I" userId="0f22e960-400a-43ff-baeb-4828c8f5cd3a" providerId="ADAL" clId="{55F1696D-224E-654D-8EE7-4CBBA757AA04}" dt="2021-03-22T11:25:53.662" v="257" actId="2696"/>
        <pc:sldMkLst>
          <pc:docMk/>
          <pc:sldMk cId="1955417635" sldId="322"/>
        </pc:sldMkLst>
        <pc:spChg chg="add mod">
          <ac:chgData name="Daly Donnacha HSLU I" userId="0f22e960-400a-43ff-baeb-4828c8f5cd3a" providerId="ADAL" clId="{55F1696D-224E-654D-8EE7-4CBBA757AA04}" dt="2021-03-22T11:13:04.660" v="107"/>
          <ac:spMkLst>
            <pc:docMk/>
            <pc:sldMk cId="1955417635" sldId="322"/>
            <ac:spMk id="3" creationId="{28F7B9AE-B774-FD45-B39B-51328AFA4CA8}"/>
          </ac:spMkLst>
        </pc:spChg>
        <pc:spChg chg="add mod">
          <ac:chgData name="Daly Donnacha HSLU I" userId="0f22e960-400a-43ff-baeb-4828c8f5cd3a" providerId="ADAL" clId="{55F1696D-224E-654D-8EE7-4CBBA757AA04}" dt="2021-03-22T11:13:04.660" v="107"/>
          <ac:spMkLst>
            <pc:docMk/>
            <pc:sldMk cId="1955417635" sldId="322"/>
            <ac:spMk id="4" creationId="{03A7C2C3-B254-8A47-A789-E98E8ECA0361}"/>
          </ac:spMkLst>
        </pc:spChg>
        <pc:spChg chg="add mod">
          <ac:chgData name="Daly Donnacha HSLU I" userId="0f22e960-400a-43ff-baeb-4828c8f5cd3a" providerId="ADAL" clId="{55F1696D-224E-654D-8EE7-4CBBA757AA04}" dt="2021-03-22T11:13:04.660" v="107"/>
          <ac:spMkLst>
            <pc:docMk/>
            <pc:sldMk cId="1955417635" sldId="322"/>
            <ac:spMk id="5" creationId="{D588E79A-C2A4-434A-8AE3-EE44315B7296}"/>
          </ac:spMkLst>
        </pc:spChg>
        <pc:spChg chg="add mod">
          <ac:chgData name="Daly Donnacha HSLU I" userId="0f22e960-400a-43ff-baeb-4828c8f5cd3a" providerId="ADAL" clId="{55F1696D-224E-654D-8EE7-4CBBA757AA04}" dt="2021-03-22T11:13:04.660" v="107"/>
          <ac:spMkLst>
            <pc:docMk/>
            <pc:sldMk cId="1955417635" sldId="322"/>
            <ac:spMk id="6" creationId="{EF524150-80F0-9349-B417-047BF4F41E01}"/>
          </ac:spMkLst>
        </pc:spChg>
        <pc:spChg chg="add mod">
          <ac:chgData name="Daly Donnacha HSLU I" userId="0f22e960-400a-43ff-baeb-4828c8f5cd3a" providerId="ADAL" clId="{55F1696D-224E-654D-8EE7-4CBBA757AA04}" dt="2021-03-22T11:13:04.660" v="107"/>
          <ac:spMkLst>
            <pc:docMk/>
            <pc:sldMk cId="1955417635" sldId="322"/>
            <ac:spMk id="7" creationId="{4336037B-2F10-CC41-94B0-5C5D303A785D}"/>
          </ac:spMkLst>
        </pc:spChg>
        <pc:spChg chg="add mod">
          <ac:chgData name="Daly Donnacha HSLU I" userId="0f22e960-400a-43ff-baeb-4828c8f5cd3a" providerId="ADAL" clId="{55F1696D-224E-654D-8EE7-4CBBA757AA04}" dt="2021-03-22T11:13:04.660" v="107"/>
          <ac:spMkLst>
            <pc:docMk/>
            <pc:sldMk cId="1955417635" sldId="322"/>
            <ac:spMk id="8" creationId="{59002F8A-51D5-0447-A179-2A29ACA0F2E8}"/>
          </ac:spMkLst>
        </pc:spChg>
        <pc:spChg chg="add mod">
          <ac:chgData name="Daly Donnacha HSLU I" userId="0f22e960-400a-43ff-baeb-4828c8f5cd3a" providerId="ADAL" clId="{55F1696D-224E-654D-8EE7-4CBBA757AA04}" dt="2021-03-22T11:13:04.660" v="107"/>
          <ac:spMkLst>
            <pc:docMk/>
            <pc:sldMk cId="1955417635" sldId="322"/>
            <ac:spMk id="9" creationId="{C7B4DF33-B8A8-E24D-B9FF-76C73756F439}"/>
          </ac:spMkLst>
        </pc:spChg>
        <pc:spChg chg="add mod">
          <ac:chgData name="Daly Donnacha HSLU I" userId="0f22e960-400a-43ff-baeb-4828c8f5cd3a" providerId="ADAL" clId="{55F1696D-224E-654D-8EE7-4CBBA757AA04}" dt="2021-03-22T11:13:04.660" v="107"/>
          <ac:spMkLst>
            <pc:docMk/>
            <pc:sldMk cId="1955417635" sldId="322"/>
            <ac:spMk id="10" creationId="{3E3584F6-0408-4748-A0A2-38C76ADEC279}"/>
          </ac:spMkLst>
        </pc:spChg>
        <pc:spChg chg="add mod">
          <ac:chgData name="Daly Donnacha HSLU I" userId="0f22e960-400a-43ff-baeb-4828c8f5cd3a" providerId="ADAL" clId="{55F1696D-224E-654D-8EE7-4CBBA757AA04}" dt="2021-03-22T11:13:04.660" v="107"/>
          <ac:spMkLst>
            <pc:docMk/>
            <pc:sldMk cId="1955417635" sldId="322"/>
            <ac:spMk id="11" creationId="{56D86068-05AD-3F46-8092-B075F73A4AC8}"/>
          </ac:spMkLst>
        </pc:spChg>
        <pc:spChg chg="add mod">
          <ac:chgData name="Daly Donnacha HSLU I" userId="0f22e960-400a-43ff-baeb-4828c8f5cd3a" providerId="ADAL" clId="{55F1696D-224E-654D-8EE7-4CBBA757AA04}" dt="2021-03-22T11:13:04.660" v="107"/>
          <ac:spMkLst>
            <pc:docMk/>
            <pc:sldMk cId="1955417635" sldId="322"/>
            <ac:spMk id="12" creationId="{5D3253E3-BDA6-804A-9ADC-9744C756CFCD}"/>
          </ac:spMkLst>
        </pc:spChg>
        <pc:spChg chg="add mod">
          <ac:chgData name="Daly Donnacha HSLU I" userId="0f22e960-400a-43ff-baeb-4828c8f5cd3a" providerId="ADAL" clId="{55F1696D-224E-654D-8EE7-4CBBA757AA04}" dt="2021-03-22T11:13:04.660" v="107"/>
          <ac:spMkLst>
            <pc:docMk/>
            <pc:sldMk cId="1955417635" sldId="322"/>
            <ac:spMk id="13" creationId="{5A907A03-1F12-6147-9C77-C3EA8AB84655}"/>
          </ac:spMkLst>
        </pc:spChg>
        <pc:spChg chg="add mod">
          <ac:chgData name="Daly Donnacha HSLU I" userId="0f22e960-400a-43ff-baeb-4828c8f5cd3a" providerId="ADAL" clId="{55F1696D-224E-654D-8EE7-4CBBA757AA04}" dt="2021-03-22T11:13:04.660" v="107"/>
          <ac:spMkLst>
            <pc:docMk/>
            <pc:sldMk cId="1955417635" sldId="322"/>
            <ac:spMk id="14" creationId="{B2C2C11B-FCE5-2F4B-AB18-A63B009F31D7}"/>
          </ac:spMkLst>
        </pc:spChg>
        <pc:spChg chg="add mod">
          <ac:chgData name="Daly Donnacha HSLU I" userId="0f22e960-400a-43ff-baeb-4828c8f5cd3a" providerId="ADAL" clId="{55F1696D-224E-654D-8EE7-4CBBA757AA04}" dt="2021-03-22T11:13:04.660" v="107"/>
          <ac:spMkLst>
            <pc:docMk/>
            <pc:sldMk cId="1955417635" sldId="322"/>
            <ac:spMk id="15" creationId="{44F55E7B-655B-FB4A-8C54-C4B0E6CA6422}"/>
          </ac:spMkLst>
        </pc:spChg>
        <pc:spChg chg="add mod">
          <ac:chgData name="Daly Donnacha HSLU I" userId="0f22e960-400a-43ff-baeb-4828c8f5cd3a" providerId="ADAL" clId="{55F1696D-224E-654D-8EE7-4CBBA757AA04}" dt="2021-03-22T11:13:04.660" v="107"/>
          <ac:spMkLst>
            <pc:docMk/>
            <pc:sldMk cId="1955417635" sldId="322"/>
            <ac:spMk id="16" creationId="{31F748B9-3DD5-8F40-96A7-3C07F0429E90}"/>
          </ac:spMkLst>
        </pc:spChg>
        <pc:spChg chg="add mod">
          <ac:chgData name="Daly Donnacha HSLU I" userId="0f22e960-400a-43ff-baeb-4828c8f5cd3a" providerId="ADAL" clId="{55F1696D-224E-654D-8EE7-4CBBA757AA04}" dt="2021-03-22T11:13:04.660" v="107"/>
          <ac:spMkLst>
            <pc:docMk/>
            <pc:sldMk cId="1955417635" sldId="322"/>
            <ac:spMk id="18" creationId="{C5178E11-FBDA-1D43-8889-24468160B92B}"/>
          </ac:spMkLst>
        </pc:spChg>
        <pc:spChg chg="add mod">
          <ac:chgData name="Daly Donnacha HSLU I" userId="0f22e960-400a-43ff-baeb-4828c8f5cd3a" providerId="ADAL" clId="{55F1696D-224E-654D-8EE7-4CBBA757AA04}" dt="2021-03-22T11:13:04.660" v="107"/>
          <ac:spMkLst>
            <pc:docMk/>
            <pc:sldMk cId="1955417635" sldId="322"/>
            <ac:spMk id="19" creationId="{88144341-15C3-2049-BD69-312931D96C16}"/>
          </ac:spMkLst>
        </pc:spChg>
        <pc:spChg chg="add mod">
          <ac:chgData name="Daly Donnacha HSLU I" userId="0f22e960-400a-43ff-baeb-4828c8f5cd3a" providerId="ADAL" clId="{55F1696D-224E-654D-8EE7-4CBBA757AA04}" dt="2021-03-22T11:13:04.660" v="107"/>
          <ac:spMkLst>
            <pc:docMk/>
            <pc:sldMk cId="1955417635" sldId="322"/>
            <ac:spMk id="20" creationId="{3156C746-B6FF-6B40-A2FB-326953BFEBC9}"/>
          </ac:spMkLst>
        </pc:spChg>
        <pc:spChg chg="add mod">
          <ac:chgData name="Daly Donnacha HSLU I" userId="0f22e960-400a-43ff-baeb-4828c8f5cd3a" providerId="ADAL" clId="{55F1696D-224E-654D-8EE7-4CBBA757AA04}" dt="2021-03-22T11:13:04.660" v="107"/>
          <ac:spMkLst>
            <pc:docMk/>
            <pc:sldMk cId="1955417635" sldId="322"/>
            <ac:spMk id="21" creationId="{2149F4ED-E38A-7A42-AC77-1EE19B93B9E1}"/>
          </ac:spMkLst>
        </pc:spChg>
        <pc:spChg chg="add mod">
          <ac:chgData name="Daly Donnacha HSLU I" userId="0f22e960-400a-43ff-baeb-4828c8f5cd3a" providerId="ADAL" clId="{55F1696D-224E-654D-8EE7-4CBBA757AA04}" dt="2021-03-22T11:13:04.660" v="107"/>
          <ac:spMkLst>
            <pc:docMk/>
            <pc:sldMk cId="1955417635" sldId="322"/>
            <ac:spMk id="22" creationId="{800F17DA-F131-4A45-AB72-B63AC4843F5F}"/>
          </ac:spMkLst>
        </pc:spChg>
        <pc:spChg chg="add mod">
          <ac:chgData name="Daly Donnacha HSLU I" userId="0f22e960-400a-43ff-baeb-4828c8f5cd3a" providerId="ADAL" clId="{55F1696D-224E-654D-8EE7-4CBBA757AA04}" dt="2021-03-22T11:13:04.660" v="107"/>
          <ac:spMkLst>
            <pc:docMk/>
            <pc:sldMk cId="1955417635" sldId="322"/>
            <ac:spMk id="23" creationId="{C619E2E3-1704-0C4E-AB20-A7BA64BEF8D3}"/>
          </ac:spMkLst>
        </pc:spChg>
        <pc:cxnChg chg="add mod">
          <ac:chgData name="Daly Donnacha HSLU I" userId="0f22e960-400a-43ff-baeb-4828c8f5cd3a" providerId="ADAL" clId="{55F1696D-224E-654D-8EE7-4CBBA757AA04}" dt="2021-03-22T11:13:04.660" v="107"/>
          <ac:cxnSpMkLst>
            <pc:docMk/>
            <pc:sldMk cId="1955417635" sldId="322"/>
            <ac:cxnSpMk id="17" creationId="{5819F31E-4B42-2C46-B190-7C81DDF758D1}"/>
          </ac:cxnSpMkLst>
        </pc:cxnChg>
      </pc:sldChg>
      <pc:sldChg chg="add del">
        <pc:chgData name="Daly Donnacha HSLU I" userId="0f22e960-400a-43ff-baeb-4828c8f5cd3a" providerId="ADAL" clId="{55F1696D-224E-654D-8EE7-4CBBA757AA04}" dt="2021-03-26T09:47:18.759" v="10231" actId="2696"/>
        <pc:sldMkLst>
          <pc:docMk/>
          <pc:sldMk cId="2925298456" sldId="322"/>
        </pc:sldMkLst>
      </pc:sldChg>
      <pc:sldChg chg="delSp modSp add mod ord">
        <pc:chgData name="Daly Donnacha HSLU I" userId="0f22e960-400a-43ff-baeb-4828c8f5cd3a" providerId="ADAL" clId="{55F1696D-224E-654D-8EE7-4CBBA757AA04}" dt="2021-03-26T10:38:03.585" v="11606" actId="14100"/>
        <pc:sldMkLst>
          <pc:docMk/>
          <pc:sldMk cId="3408303291" sldId="322"/>
        </pc:sldMkLst>
        <pc:spChg chg="mod">
          <ac:chgData name="Daly Donnacha HSLU I" userId="0f22e960-400a-43ff-baeb-4828c8f5cd3a" providerId="ADAL" clId="{55F1696D-224E-654D-8EE7-4CBBA757AA04}" dt="2021-03-26T10:32:59.719" v="11343" actId="20577"/>
          <ac:spMkLst>
            <pc:docMk/>
            <pc:sldMk cId="3408303291" sldId="322"/>
            <ac:spMk id="2" creationId="{5D2A62D7-64DE-8F46-90FC-64957373DB31}"/>
          </ac:spMkLst>
        </pc:spChg>
        <pc:spChg chg="mod">
          <ac:chgData name="Daly Donnacha HSLU I" userId="0f22e960-400a-43ff-baeb-4828c8f5cd3a" providerId="ADAL" clId="{55F1696D-224E-654D-8EE7-4CBBA757AA04}" dt="2021-03-26T10:31:11.326" v="11285" actId="1076"/>
          <ac:spMkLst>
            <pc:docMk/>
            <pc:sldMk cId="3408303291" sldId="322"/>
            <ac:spMk id="3" creationId="{28F7B9AE-B774-FD45-B39B-51328AFA4CA8}"/>
          </ac:spMkLst>
        </pc:spChg>
        <pc:spChg chg="mod">
          <ac:chgData name="Daly Donnacha HSLU I" userId="0f22e960-400a-43ff-baeb-4828c8f5cd3a" providerId="ADAL" clId="{55F1696D-224E-654D-8EE7-4CBBA757AA04}" dt="2021-03-26T10:31:11.326" v="11285" actId="1076"/>
          <ac:spMkLst>
            <pc:docMk/>
            <pc:sldMk cId="3408303291" sldId="322"/>
            <ac:spMk id="4" creationId="{03A7C2C3-B254-8A47-A789-E98E8ECA0361}"/>
          </ac:spMkLst>
        </pc:spChg>
        <pc:spChg chg="mod">
          <ac:chgData name="Daly Donnacha HSLU I" userId="0f22e960-400a-43ff-baeb-4828c8f5cd3a" providerId="ADAL" clId="{55F1696D-224E-654D-8EE7-4CBBA757AA04}" dt="2021-03-26T10:31:11.326" v="11285" actId="1076"/>
          <ac:spMkLst>
            <pc:docMk/>
            <pc:sldMk cId="3408303291" sldId="322"/>
            <ac:spMk id="5" creationId="{D588E79A-C2A4-434A-8AE3-EE44315B7296}"/>
          </ac:spMkLst>
        </pc:spChg>
        <pc:spChg chg="mod">
          <ac:chgData name="Daly Donnacha HSLU I" userId="0f22e960-400a-43ff-baeb-4828c8f5cd3a" providerId="ADAL" clId="{55F1696D-224E-654D-8EE7-4CBBA757AA04}" dt="2021-03-26T10:31:11.326" v="11285" actId="1076"/>
          <ac:spMkLst>
            <pc:docMk/>
            <pc:sldMk cId="3408303291" sldId="322"/>
            <ac:spMk id="6" creationId="{EF524150-80F0-9349-B417-047BF4F41E01}"/>
          </ac:spMkLst>
        </pc:spChg>
        <pc:spChg chg="del">
          <ac:chgData name="Daly Donnacha HSLU I" userId="0f22e960-400a-43ff-baeb-4828c8f5cd3a" providerId="ADAL" clId="{55F1696D-224E-654D-8EE7-4CBBA757AA04}" dt="2021-03-26T10:31:00.929" v="11284" actId="478"/>
          <ac:spMkLst>
            <pc:docMk/>
            <pc:sldMk cId="3408303291" sldId="322"/>
            <ac:spMk id="7" creationId="{4336037B-2F10-CC41-94B0-5C5D303A785D}"/>
          </ac:spMkLst>
        </pc:spChg>
        <pc:spChg chg="mod">
          <ac:chgData name="Daly Donnacha HSLU I" userId="0f22e960-400a-43ff-baeb-4828c8f5cd3a" providerId="ADAL" clId="{55F1696D-224E-654D-8EE7-4CBBA757AA04}" dt="2021-03-26T10:31:11.326" v="11285" actId="1076"/>
          <ac:spMkLst>
            <pc:docMk/>
            <pc:sldMk cId="3408303291" sldId="322"/>
            <ac:spMk id="8" creationId="{59002F8A-51D5-0447-A179-2A29ACA0F2E8}"/>
          </ac:spMkLst>
        </pc:spChg>
        <pc:spChg chg="mod">
          <ac:chgData name="Daly Donnacha HSLU I" userId="0f22e960-400a-43ff-baeb-4828c8f5cd3a" providerId="ADAL" clId="{55F1696D-224E-654D-8EE7-4CBBA757AA04}" dt="2021-03-26T10:31:11.326" v="11285" actId="1076"/>
          <ac:spMkLst>
            <pc:docMk/>
            <pc:sldMk cId="3408303291" sldId="322"/>
            <ac:spMk id="9" creationId="{C7B4DF33-B8A8-E24D-B9FF-76C73756F439}"/>
          </ac:spMkLst>
        </pc:spChg>
        <pc:spChg chg="mod">
          <ac:chgData name="Daly Donnacha HSLU I" userId="0f22e960-400a-43ff-baeb-4828c8f5cd3a" providerId="ADAL" clId="{55F1696D-224E-654D-8EE7-4CBBA757AA04}" dt="2021-03-26T10:31:11.326" v="11285" actId="1076"/>
          <ac:spMkLst>
            <pc:docMk/>
            <pc:sldMk cId="3408303291" sldId="322"/>
            <ac:spMk id="10" creationId="{3E3584F6-0408-4748-A0A2-38C76ADEC279}"/>
          </ac:spMkLst>
        </pc:spChg>
        <pc:spChg chg="mod">
          <ac:chgData name="Daly Donnacha HSLU I" userId="0f22e960-400a-43ff-baeb-4828c8f5cd3a" providerId="ADAL" clId="{55F1696D-224E-654D-8EE7-4CBBA757AA04}" dt="2021-03-26T10:31:11.326" v="11285" actId="1076"/>
          <ac:spMkLst>
            <pc:docMk/>
            <pc:sldMk cId="3408303291" sldId="322"/>
            <ac:spMk id="11" creationId="{56D86068-05AD-3F46-8092-B075F73A4AC8}"/>
          </ac:spMkLst>
        </pc:spChg>
        <pc:spChg chg="mod">
          <ac:chgData name="Daly Donnacha HSLU I" userId="0f22e960-400a-43ff-baeb-4828c8f5cd3a" providerId="ADAL" clId="{55F1696D-224E-654D-8EE7-4CBBA757AA04}" dt="2021-03-26T10:31:11.326" v="11285" actId="1076"/>
          <ac:spMkLst>
            <pc:docMk/>
            <pc:sldMk cId="3408303291" sldId="322"/>
            <ac:spMk id="12" creationId="{5D3253E3-BDA6-804A-9ADC-9744C756CFCD}"/>
          </ac:spMkLst>
        </pc:spChg>
        <pc:spChg chg="mod">
          <ac:chgData name="Daly Donnacha HSLU I" userId="0f22e960-400a-43ff-baeb-4828c8f5cd3a" providerId="ADAL" clId="{55F1696D-224E-654D-8EE7-4CBBA757AA04}" dt="2021-03-26T10:31:11.326" v="11285" actId="1076"/>
          <ac:spMkLst>
            <pc:docMk/>
            <pc:sldMk cId="3408303291" sldId="322"/>
            <ac:spMk id="13" creationId="{5A907A03-1F12-6147-9C77-C3EA8AB84655}"/>
          </ac:spMkLst>
        </pc:spChg>
        <pc:spChg chg="mod">
          <ac:chgData name="Daly Donnacha HSLU I" userId="0f22e960-400a-43ff-baeb-4828c8f5cd3a" providerId="ADAL" clId="{55F1696D-224E-654D-8EE7-4CBBA757AA04}" dt="2021-03-26T10:31:11.326" v="11285" actId="1076"/>
          <ac:spMkLst>
            <pc:docMk/>
            <pc:sldMk cId="3408303291" sldId="322"/>
            <ac:spMk id="14" creationId="{B2C2C11B-FCE5-2F4B-AB18-A63B009F31D7}"/>
          </ac:spMkLst>
        </pc:spChg>
        <pc:spChg chg="mod">
          <ac:chgData name="Daly Donnacha HSLU I" userId="0f22e960-400a-43ff-baeb-4828c8f5cd3a" providerId="ADAL" clId="{55F1696D-224E-654D-8EE7-4CBBA757AA04}" dt="2021-03-26T10:31:11.326" v="11285" actId="1076"/>
          <ac:spMkLst>
            <pc:docMk/>
            <pc:sldMk cId="3408303291" sldId="322"/>
            <ac:spMk id="15" creationId="{44F55E7B-655B-FB4A-8C54-C4B0E6CA6422}"/>
          </ac:spMkLst>
        </pc:spChg>
        <pc:spChg chg="mod">
          <ac:chgData name="Daly Donnacha HSLU I" userId="0f22e960-400a-43ff-baeb-4828c8f5cd3a" providerId="ADAL" clId="{55F1696D-224E-654D-8EE7-4CBBA757AA04}" dt="2021-03-26T10:31:11.326" v="11285" actId="1076"/>
          <ac:spMkLst>
            <pc:docMk/>
            <pc:sldMk cId="3408303291" sldId="322"/>
            <ac:spMk id="16" creationId="{31F748B9-3DD5-8F40-96A7-3C07F0429E90}"/>
          </ac:spMkLst>
        </pc:spChg>
        <pc:spChg chg="mod">
          <ac:chgData name="Daly Donnacha HSLU I" userId="0f22e960-400a-43ff-baeb-4828c8f5cd3a" providerId="ADAL" clId="{55F1696D-224E-654D-8EE7-4CBBA757AA04}" dt="2021-03-26T10:31:11.326" v="11285" actId="1076"/>
          <ac:spMkLst>
            <pc:docMk/>
            <pc:sldMk cId="3408303291" sldId="322"/>
            <ac:spMk id="18" creationId="{C5178E11-FBDA-1D43-8889-24468160B92B}"/>
          </ac:spMkLst>
        </pc:spChg>
        <pc:spChg chg="mod">
          <ac:chgData name="Daly Donnacha HSLU I" userId="0f22e960-400a-43ff-baeb-4828c8f5cd3a" providerId="ADAL" clId="{55F1696D-224E-654D-8EE7-4CBBA757AA04}" dt="2021-03-26T10:31:11.326" v="11285" actId="1076"/>
          <ac:spMkLst>
            <pc:docMk/>
            <pc:sldMk cId="3408303291" sldId="322"/>
            <ac:spMk id="19" creationId="{88144341-15C3-2049-BD69-312931D96C16}"/>
          </ac:spMkLst>
        </pc:spChg>
        <pc:spChg chg="mod">
          <ac:chgData name="Daly Donnacha HSLU I" userId="0f22e960-400a-43ff-baeb-4828c8f5cd3a" providerId="ADAL" clId="{55F1696D-224E-654D-8EE7-4CBBA757AA04}" dt="2021-03-26T10:31:11.326" v="11285" actId="1076"/>
          <ac:spMkLst>
            <pc:docMk/>
            <pc:sldMk cId="3408303291" sldId="322"/>
            <ac:spMk id="20" creationId="{3156C746-B6FF-6B40-A2FB-326953BFEBC9}"/>
          </ac:spMkLst>
        </pc:spChg>
        <pc:spChg chg="mod">
          <ac:chgData name="Daly Donnacha HSLU I" userId="0f22e960-400a-43ff-baeb-4828c8f5cd3a" providerId="ADAL" clId="{55F1696D-224E-654D-8EE7-4CBBA757AA04}" dt="2021-03-26T10:38:03.585" v="11606" actId="14100"/>
          <ac:spMkLst>
            <pc:docMk/>
            <pc:sldMk cId="3408303291" sldId="322"/>
            <ac:spMk id="21" creationId="{2149F4ED-E38A-7A42-AC77-1EE19B93B9E1}"/>
          </ac:spMkLst>
        </pc:spChg>
        <pc:spChg chg="del">
          <ac:chgData name="Daly Donnacha HSLU I" userId="0f22e960-400a-43ff-baeb-4828c8f5cd3a" providerId="ADAL" clId="{55F1696D-224E-654D-8EE7-4CBBA757AA04}" dt="2021-03-26T10:31:24.630" v="11286" actId="478"/>
          <ac:spMkLst>
            <pc:docMk/>
            <pc:sldMk cId="3408303291" sldId="322"/>
            <ac:spMk id="22" creationId="{800F17DA-F131-4A45-AB72-B63AC4843F5F}"/>
          </ac:spMkLst>
        </pc:spChg>
        <pc:spChg chg="mod">
          <ac:chgData name="Daly Donnacha HSLU I" userId="0f22e960-400a-43ff-baeb-4828c8f5cd3a" providerId="ADAL" clId="{55F1696D-224E-654D-8EE7-4CBBA757AA04}" dt="2021-03-26T10:34:58.459" v="11523" actId="113"/>
          <ac:spMkLst>
            <pc:docMk/>
            <pc:sldMk cId="3408303291" sldId="322"/>
            <ac:spMk id="23" creationId="{C619E2E3-1704-0C4E-AB20-A7BA64BEF8D3}"/>
          </ac:spMkLst>
        </pc:spChg>
        <pc:cxnChg chg="mod">
          <ac:chgData name="Daly Donnacha HSLU I" userId="0f22e960-400a-43ff-baeb-4828c8f5cd3a" providerId="ADAL" clId="{55F1696D-224E-654D-8EE7-4CBBA757AA04}" dt="2021-03-26T10:31:11.326" v="11285" actId="1076"/>
          <ac:cxnSpMkLst>
            <pc:docMk/>
            <pc:sldMk cId="3408303291" sldId="322"/>
            <ac:cxnSpMk id="17" creationId="{5819F31E-4B42-2C46-B190-7C81DDF758D1}"/>
          </ac:cxnSpMkLst>
        </pc:cxnChg>
      </pc:sldChg>
      <pc:sldChg chg="add del">
        <pc:chgData name="Daly Donnacha HSLU I" userId="0f22e960-400a-43ff-baeb-4828c8f5cd3a" providerId="ADAL" clId="{55F1696D-224E-654D-8EE7-4CBBA757AA04}" dt="2021-03-26T09:47:18.759" v="10231" actId="2696"/>
        <pc:sldMkLst>
          <pc:docMk/>
          <pc:sldMk cId="300920673" sldId="323"/>
        </pc:sldMkLst>
      </pc:sldChg>
      <pc:sldChg chg="addSp delSp modSp add mod">
        <pc:chgData name="Daly Donnacha HSLU I" userId="0f22e960-400a-43ff-baeb-4828c8f5cd3a" providerId="ADAL" clId="{55F1696D-224E-654D-8EE7-4CBBA757AA04}" dt="2021-03-26T11:20:53.016" v="11903" actId="6549"/>
        <pc:sldMkLst>
          <pc:docMk/>
          <pc:sldMk cId="1912671424" sldId="323"/>
        </pc:sldMkLst>
        <pc:spChg chg="mod">
          <ac:chgData name="Daly Donnacha HSLU I" userId="0f22e960-400a-43ff-baeb-4828c8f5cd3a" providerId="ADAL" clId="{55F1696D-224E-654D-8EE7-4CBBA757AA04}" dt="2021-03-26T10:36:38.653" v="11596" actId="20577"/>
          <ac:spMkLst>
            <pc:docMk/>
            <pc:sldMk cId="1912671424" sldId="323"/>
            <ac:spMk id="2" creationId="{C688A639-B4BB-B545-AA96-691356D45A2C}"/>
          </ac:spMkLst>
        </pc:spChg>
        <pc:spChg chg="mod">
          <ac:chgData name="Daly Donnacha HSLU I" userId="0f22e960-400a-43ff-baeb-4828c8f5cd3a" providerId="ADAL" clId="{55F1696D-224E-654D-8EE7-4CBBA757AA04}" dt="2021-03-26T10:36:27.771" v="11573" actId="1076"/>
          <ac:spMkLst>
            <pc:docMk/>
            <pc:sldMk cId="1912671424" sldId="323"/>
            <ac:spMk id="3" creationId="{234418CD-9C41-BD46-9D60-2C21EF3CA507}"/>
          </ac:spMkLst>
        </pc:spChg>
        <pc:spChg chg="mod">
          <ac:chgData name="Daly Donnacha HSLU I" userId="0f22e960-400a-43ff-baeb-4828c8f5cd3a" providerId="ADAL" clId="{55F1696D-224E-654D-8EE7-4CBBA757AA04}" dt="2021-03-26T10:36:27.771" v="11573" actId="1076"/>
          <ac:spMkLst>
            <pc:docMk/>
            <pc:sldMk cId="1912671424" sldId="323"/>
            <ac:spMk id="4" creationId="{120B55A3-9419-6C41-B622-2B85669DB63A}"/>
          </ac:spMkLst>
        </pc:spChg>
        <pc:spChg chg="mod">
          <ac:chgData name="Daly Donnacha HSLU I" userId="0f22e960-400a-43ff-baeb-4828c8f5cd3a" providerId="ADAL" clId="{55F1696D-224E-654D-8EE7-4CBBA757AA04}" dt="2021-03-26T10:36:27.771" v="11573" actId="1076"/>
          <ac:spMkLst>
            <pc:docMk/>
            <pc:sldMk cId="1912671424" sldId="323"/>
            <ac:spMk id="5" creationId="{47BCD2C4-3ADA-7A4F-AF86-7D21290AE09C}"/>
          </ac:spMkLst>
        </pc:spChg>
        <pc:spChg chg="mod">
          <ac:chgData name="Daly Donnacha HSLU I" userId="0f22e960-400a-43ff-baeb-4828c8f5cd3a" providerId="ADAL" clId="{55F1696D-224E-654D-8EE7-4CBBA757AA04}" dt="2021-03-26T10:36:27.771" v="11573" actId="1076"/>
          <ac:spMkLst>
            <pc:docMk/>
            <pc:sldMk cId="1912671424" sldId="323"/>
            <ac:spMk id="6" creationId="{8CAFBA9A-1B59-7A4F-9A4A-70843C1A412B}"/>
          </ac:spMkLst>
        </pc:spChg>
        <pc:spChg chg="mod">
          <ac:chgData name="Daly Donnacha HSLU I" userId="0f22e960-400a-43ff-baeb-4828c8f5cd3a" providerId="ADAL" clId="{55F1696D-224E-654D-8EE7-4CBBA757AA04}" dt="2021-03-26T10:36:27.771" v="11573" actId="1076"/>
          <ac:spMkLst>
            <pc:docMk/>
            <pc:sldMk cId="1912671424" sldId="323"/>
            <ac:spMk id="7" creationId="{E8D07956-5426-2A4D-89EC-055DBACF9734}"/>
          </ac:spMkLst>
        </pc:spChg>
        <pc:spChg chg="mod">
          <ac:chgData name="Daly Donnacha HSLU I" userId="0f22e960-400a-43ff-baeb-4828c8f5cd3a" providerId="ADAL" clId="{55F1696D-224E-654D-8EE7-4CBBA757AA04}" dt="2021-03-26T10:36:27.771" v="11573" actId="1076"/>
          <ac:spMkLst>
            <pc:docMk/>
            <pc:sldMk cId="1912671424" sldId="323"/>
            <ac:spMk id="8" creationId="{445E82E0-9B20-FA40-BAB6-92FC90A6A275}"/>
          </ac:spMkLst>
        </pc:spChg>
        <pc:spChg chg="mod">
          <ac:chgData name="Daly Donnacha HSLU I" userId="0f22e960-400a-43ff-baeb-4828c8f5cd3a" providerId="ADAL" clId="{55F1696D-224E-654D-8EE7-4CBBA757AA04}" dt="2021-03-26T10:36:27.771" v="11573" actId="1076"/>
          <ac:spMkLst>
            <pc:docMk/>
            <pc:sldMk cId="1912671424" sldId="323"/>
            <ac:spMk id="9" creationId="{E8608694-B40C-6C4F-8012-FADF3ACA5D5A}"/>
          </ac:spMkLst>
        </pc:spChg>
        <pc:spChg chg="del">
          <ac:chgData name="Daly Donnacha HSLU I" userId="0f22e960-400a-43ff-baeb-4828c8f5cd3a" providerId="ADAL" clId="{55F1696D-224E-654D-8EE7-4CBBA757AA04}" dt="2021-03-26T10:36:09.902" v="11550" actId="478"/>
          <ac:spMkLst>
            <pc:docMk/>
            <pc:sldMk cId="1912671424" sldId="323"/>
            <ac:spMk id="10" creationId="{ACFAA599-4803-0345-BC9D-2ADD3D50E074}"/>
          </ac:spMkLst>
        </pc:spChg>
        <pc:spChg chg="mod">
          <ac:chgData name="Daly Donnacha HSLU I" userId="0f22e960-400a-43ff-baeb-4828c8f5cd3a" providerId="ADAL" clId="{55F1696D-224E-654D-8EE7-4CBBA757AA04}" dt="2021-03-26T10:36:27.771" v="11573" actId="1076"/>
          <ac:spMkLst>
            <pc:docMk/>
            <pc:sldMk cId="1912671424" sldId="323"/>
            <ac:spMk id="11" creationId="{453A5E22-E552-1A4A-A828-78FB97620921}"/>
          </ac:spMkLst>
        </pc:spChg>
        <pc:spChg chg="mod">
          <ac:chgData name="Daly Donnacha HSLU I" userId="0f22e960-400a-43ff-baeb-4828c8f5cd3a" providerId="ADAL" clId="{55F1696D-224E-654D-8EE7-4CBBA757AA04}" dt="2021-03-26T10:36:27.771" v="11573" actId="1076"/>
          <ac:spMkLst>
            <pc:docMk/>
            <pc:sldMk cId="1912671424" sldId="323"/>
            <ac:spMk id="12" creationId="{1756D714-0B08-EB48-8631-000CDFE85703}"/>
          </ac:spMkLst>
        </pc:spChg>
        <pc:spChg chg="mod">
          <ac:chgData name="Daly Donnacha HSLU I" userId="0f22e960-400a-43ff-baeb-4828c8f5cd3a" providerId="ADAL" clId="{55F1696D-224E-654D-8EE7-4CBBA757AA04}" dt="2021-03-26T10:36:27.771" v="11573" actId="1076"/>
          <ac:spMkLst>
            <pc:docMk/>
            <pc:sldMk cId="1912671424" sldId="323"/>
            <ac:spMk id="13" creationId="{629263C1-91AA-214B-8B78-92C722A4E79D}"/>
          </ac:spMkLst>
        </pc:spChg>
        <pc:spChg chg="mod">
          <ac:chgData name="Daly Donnacha HSLU I" userId="0f22e960-400a-43ff-baeb-4828c8f5cd3a" providerId="ADAL" clId="{55F1696D-224E-654D-8EE7-4CBBA757AA04}" dt="2021-03-26T10:36:27.771" v="11573" actId="1076"/>
          <ac:spMkLst>
            <pc:docMk/>
            <pc:sldMk cId="1912671424" sldId="323"/>
            <ac:spMk id="14" creationId="{3F34846E-853E-D04A-A744-148DFB98C68A}"/>
          </ac:spMkLst>
        </pc:spChg>
        <pc:spChg chg="mod">
          <ac:chgData name="Daly Donnacha HSLU I" userId="0f22e960-400a-43ff-baeb-4828c8f5cd3a" providerId="ADAL" clId="{55F1696D-224E-654D-8EE7-4CBBA757AA04}" dt="2021-03-26T10:36:27.771" v="11573" actId="1076"/>
          <ac:spMkLst>
            <pc:docMk/>
            <pc:sldMk cId="1912671424" sldId="323"/>
            <ac:spMk id="15" creationId="{48E57ACA-5316-CA4C-A575-66A4A0BCD0BE}"/>
          </ac:spMkLst>
        </pc:spChg>
        <pc:spChg chg="mod">
          <ac:chgData name="Daly Donnacha HSLU I" userId="0f22e960-400a-43ff-baeb-4828c8f5cd3a" providerId="ADAL" clId="{55F1696D-224E-654D-8EE7-4CBBA757AA04}" dt="2021-03-26T10:36:27.771" v="11573" actId="1076"/>
          <ac:spMkLst>
            <pc:docMk/>
            <pc:sldMk cId="1912671424" sldId="323"/>
            <ac:spMk id="16" creationId="{18611779-F87D-B048-8D7B-C20F1A8C092C}"/>
          </ac:spMkLst>
        </pc:spChg>
        <pc:spChg chg="mod">
          <ac:chgData name="Daly Donnacha HSLU I" userId="0f22e960-400a-43ff-baeb-4828c8f5cd3a" providerId="ADAL" clId="{55F1696D-224E-654D-8EE7-4CBBA757AA04}" dt="2021-03-26T10:36:27.771" v="11573" actId="1076"/>
          <ac:spMkLst>
            <pc:docMk/>
            <pc:sldMk cId="1912671424" sldId="323"/>
            <ac:spMk id="17" creationId="{070E7332-C3BB-BE41-B089-F7B7A2FB5616}"/>
          </ac:spMkLst>
        </pc:spChg>
        <pc:spChg chg="mod">
          <ac:chgData name="Daly Donnacha HSLU I" userId="0f22e960-400a-43ff-baeb-4828c8f5cd3a" providerId="ADAL" clId="{55F1696D-224E-654D-8EE7-4CBBA757AA04}" dt="2021-03-26T10:36:27.771" v="11573" actId="1076"/>
          <ac:spMkLst>
            <pc:docMk/>
            <pc:sldMk cId="1912671424" sldId="323"/>
            <ac:spMk id="18" creationId="{7ED52F0C-D8B3-7B4D-86B0-280F7F3344D5}"/>
          </ac:spMkLst>
        </pc:spChg>
        <pc:spChg chg="mod">
          <ac:chgData name="Daly Donnacha HSLU I" userId="0f22e960-400a-43ff-baeb-4828c8f5cd3a" providerId="ADAL" clId="{55F1696D-224E-654D-8EE7-4CBBA757AA04}" dt="2021-03-26T10:36:27.771" v="11573" actId="1076"/>
          <ac:spMkLst>
            <pc:docMk/>
            <pc:sldMk cId="1912671424" sldId="323"/>
            <ac:spMk id="28" creationId="{788D9162-ECDE-F843-8520-0C8E5D5E5C73}"/>
          </ac:spMkLst>
        </pc:spChg>
        <pc:spChg chg="mod">
          <ac:chgData name="Daly Donnacha HSLU I" userId="0f22e960-400a-43ff-baeb-4828c8f5cd3a" providerId="ADAL" clId="{55F1696D-224E-654D-8EE7-4CBBA757AA04}" dt="2021-03-26T10:36:27.771" v="11573" actId="1076"/>
          <ac:spMkLst>
            <pc:docMk/>
            <pc:sldMk cId="1912671424" sldId="323"/>
            <ac:spMk id="29" creationId="{B3920352-AFA2-0F4D-A5C9-E283FD27570E}"/>
          </ac:spMkLst>
        </pc:spChg>
        <pc:spChg chg="mod">
          <ac:chgData name="Daly Donnacha HSLU I" userId="0f22e960-400a-43ff-baeb-4828c8f5cd3a" providerId="ADAL" clId="{55F1696D-224E-654D-8EE7-4CBBA757AA04}" dt="2021-03-26T11:20:53.016" v="11903" actId="6549"/>
          <ac:spMkLst>
            <pc:docMk/>
            <pc:sldMk cId="1912671424" sldId="323"/>
            <ac:spMk id="32" creationId="{0402690A-FCCC-3242-A99F-BD35640AC7C9}"/>
          </ac:spMkLst>
        </pc:spChg>
        <pc:spChg chg="del">
          <ac:chgData name="Daly Donnacha HSLU I" userId="0f22e960-400a-43ff-baeb-4828c8f5cd3a" providerId="ADAL" clId="{55F1696D-224E-654D-8EE7-4CBBA757AA04}" dt="2021-03-26T10:36:55.510" v="11597" actId="478"/>
          <ac:spMkLst>
            <pc:docMk/>
            <pc:sldMk cId="1912671424" sldId="323"/>
            <ac:spMk id="33" creationId="{EA806A15-4D13-954D-BDC5-7A4428F06B70}"/>
          </ac:spMkLst>
        </pc:spChg>
        <pc:spChg chg="add mod">
          <ac:chgData name="Daly Donnacha HSLU I" userId="0f22e960-400a-43ff-baeb-4828c8f5cd3a" providerId="ADAL" clId="{55F1696D-224E-654D-8EE7-4CBBA757AA04}" dt="2021-03-26T10:41:39.767" v="11702" actId="20577"/>
          <ac:spMkLst>
            <pc:docMk/>
            <pc:sldMk cId="1912671424" sldId="323"/>
            <ac:spMk id="34" creationId="{054E47B4-50A9-6B46-B767-46FF14DD3FD1}"/>
          </ac:spMkLst>
        </pc:spChg>
        <pc:grpChg chg="mod">
          <ac:chgData name="Daly Donnacha HSLU I" userId="0f22e960-400a-43ff-baeb-4828c8f5cd3a" providerId="ADAL" clId="{55F1696D-224E-654D-8EE7-4CBBA757AA04}" dt="2021-03-26T10:36:27.771" v="11573" actId="1076"/>
          <ac:grpSpMkLst>
            <pc:docMk/>
            <pc:sldMk cId="1912671424" sldId="323"/>
            <ac:grpSpMk id="19" creationId="{B3845591-C205-EC44-9F40-F28C16072517}"/>
          </ac:grpSpMkLst>
        </pc:grpChg>
        <pc:grpChg chg="mod">
          <ac:chgData name="Daly Donnacha HSLU I" userId="0f22e960-400a-43ff-baeb-4828c8f5cd3a" providerId="ADAL" clId="{55F1696D-224E-654D-8EE7-4CBBA757AA04}" dt="2021-03-26T10:36:27.771" v="11573" actId="1076"/>
          <ac:grpSpMkLst>
            <pc:docMk/>
            <pc:sldMk cId="1912671424" sldId="323"/>
            <ac:grpSpMk id="22" creationId="{0DD3F111-58E4-1448-A1EF-F950836A43DF}"/>
          </ac:grpSpMkLst>
        </pc:grpChg>
        <pc:grpChg chg="mod">
          <ac:chgData name="Daly Donnacha HSLU I" userId="0f22e960-400a-43ff-baeb-4828c8f5cd3a" providerId="ADAL" clId="{55F1696D-224E-654D-8EE7-4CBBA757AA04}" dt="2021-03-26T10:36:27.771" v="11573" actId="1076"/>
          <ac:grpSpMkLst>
            <pc:docMk/>
            <pc:sldMk cId="1912671424" sldId="323"/>
            <ac:grpSpMk id="25" creationId="{5EC846BA-EE3F-9843-86B9-A76DB33469BC}"/>
          </ac:grpSpMkLst>
        </pc:grpChg>
        <pc:cxnChg chg="mod">
          <ac:chgData name="Daly Donnacha HSLU I" userId="0f22e960-400a-43ff-baeb-4828c8f5cd3a" providerId="ADAL" clId="{55F1696D-224E-654D-8EE7-4CBBA757AA04}" dt="2021-03-26T10:36:27.771" v="11573" actId="1076"/>
          <ac:cxnSpMkLst>
            <pc:docMk/>
            <pc:sldMk cId="1912671424" sldId="323"/>
            <ac:cxnSpMk id="30" creationId="{6245CD4F-E1F0-AD4A-BF36-7F0239EA3450}"/>
          </ac:cxnSpMkLst>
        </pc:cxnChg>
        <pc:cxnChg chg="mod">
          <ac:chgData name="Daly Donnacha HSLU I" userId="0f22e960-400a-43ff-baeb-4828c8f5cd3a" providerId="ADAL" clId="{55F1696D-224E-654D-8EE7-4CBBA757AA04}" dt="2021-03-26T10:36:27.771" v="11573" actId="1076"/>
          <ac:cxnSpMkLst>
            <pc:docMk/>
            <pc:sldMk cId="1912671424" sldId="323"/>
            <ac:cxnSpMk id="31" creationId="{6D7F76A7-579B-074C-94AF-466BF090D083}"/>
          </ac:cxnSpMkLst>
        </pc:cxnChg>
      </pc:sldChg>
      <pc:sldChg chg="addSp modSp new del">
        <pc:chgData name="Daly Donnacha HSLU I" userId="0f22e960-400a-43ff-baeb-4828c8f5cd3a" providerId="ADAL" clId="{55F1696D-224E-654D-8EE7-4CBBA757AA04}" dt="2021-03-22T11:25:53.662" v="257" actId="2696"/>
        <pc:sldMkLst>
          <pc:docMk/>
          <pc:sldMk cId="4027237612" sldId="323"/>
        </pc:sldMkLst>
        <pc:spChg chg="add mod">
          <ac:chgData name="Daly Donnacha HSLU I" userId="0f22e960-400a-43ff-baeb-4828c8f5cd3a" providerId="ADAL" clId="{55F1696D-224E-654D-8EE7-4CBBA757AA04}" dt="2021-03-22T11:13:20.340" v="109"/>
          <ac:spMkLst>
            <pc:docMk/>
            <pc:sldMk cId="4027237612" sldId="323"/>
            <ac:spMk id="3" creationId="{234418CD-9C41-BD46-9D60-2C21EF3CA507}"/>
          </ac:spMkLst>
        </pc:spChg>
        <pc:spChg chg="add mod">
          <ac:chgData name="Daly Donnacha HSLU I" userId="0f22e960-400a-43ff-baeb-4828c8f5cd3a" providerId="ADAL" clId="{55F1696D-224E-654D-8EE7-4CBBA757AA04}" dt="2021-03-22T11:13:20.340" v="109"/>
          <ac:spMkLst>
            <pc:docMk/>
            <pc:sldMk cId="4027237612" sldId="323"/>
            <ac:spMk id="4" creationId="{120B55A3-9419-6C41-B622-2B85669DB63A}"/>
          </ac:spMkLst>
        </pc:spChg>
        <pc:spChg chg="add mod">
          <ac:chgData name="Daly Donnacha HSLU I" userId="0f22e960-400a-43ff-baeb-4828c8f5cd3a" providerId="ADAL" clId="{55F1696D-224E-654D-8EE7-4CBBA757AA04}" dt="2021-03-22T11:13:20.340" v="109"/>
          <ac:spMkLst>
            <pc:docMk/>
            <pc:sldMk cId="4027237612" sldId="323"/>
            <ac:spMk id="5" creationId="{47BCD2C4-3ADA-7A4F-AF86-7D21290AE09C}"/>
          </ac:spMkLst>
        </pc:spChg>
        <pc:spChg chg="add mod">
          <ac:chgData name="Daly Donnacha HSLU I" userId="0f22e960-400a-43ff-baeb-4828c8f5cd3a" providerId="ADAL" clId="{55F1696D-224E-654D-8EE7-4CBBA757AA04}" dt="2021-03-22T11:13:20.340" v="109"/>
          <ac:spMkLst>
            <pc:docMk/>
            <pc:sldMk cId="4027237612" sldId="323"/>
            <ac:spMk id="6" creationId="{8CAFBA9A-1B59-7A4F-9A4A-70843C1A412B}"/>
          </ac:spMkLst>
        </pc:spChg>
        <pc:spChg chg="add mod">
          <ac:chgData name="Daly Donnacha HSLU I" userId="0f22e960-400a-43ff-baeb-4828c8f5cd3a" providerId="ADAL" clId="{55F1696D-224E-654D-8EE7-4CBBA757AA04}" dt="2021-03-22T11:13:20.340" v="109"/>
          <ac:spMkLst>
            <pc:docMk/>
            <pc:sldMk cId="4027237612" sldId="323"/>
            <ac:spMk id="7" creationId="{E8D07956-5426-2A4D-89EC-055DBACF9734}"/>
          </ac:spMkLst>
        </pc:spChg>
        <pc:spChg chg="add mod">
          <ac:chgData name="Daly Donnacha HSLU I" userId="0f22e960-400a-43ff-baeb-4828c8f5cd3a" providerId="ADAL" clId="{55F1696D-224E-654D-8EE7-4CBBA757AA04}" dt="2021-03-22T11:13:20.340" v="109"/>
          <ac:spMkLst>
            <pc:docMk/>
            <pc:sldMk cId="4027237612" sldId="323"/>
            <ac:spMk id="8" creationId="{445E82E0-9B20-FA40-BAB6-92FC90A6A275}"/>
          </ac:spMkLst>
        </pc:spChg>
        <pc:spChg chg="add mod">
          <ac:chgData name="Daly Donnacha HSLU I" userId="0f22e960-400a-43ff-baeb-4828c8f5cd3a" providerId="ADAL" clId="{55F1696D-224E-654D-8EE7-4CBBA757AA04}" dt="2021-03-22T11:13:20.340" v="109"/>
          <ac:spMkLst>
            <pc:docMk/>
            <pc:sldMk cId="4027237612" sldId="323"/>
            <ac:spMk id="9" creationId="{E8608694-B40C-6C4F-8012-FADF3ACA5D5A}"/>
          </ac:spMkLst>
        </pc:spChg>
        <pc:spChg chg="add mod">
          <ac:chgData name="Daly Donnacha HSLU I" userId="0f22e960-400a-43ff-baeb-4828c8f5cd3a" providerId="ADAL" clId="{55F1696D-224E-654D-8EE7-4CBBA757AA04}" dt="2021-03-22T11:13:20.340" v="109"/>
          <ac:spMkLst>
            <pc:docMk/>
            <pc:sldMk cId="4027237612" sldId="323"/>
            <ac:spMk id="10" creationId="{ACFAA599-4803-0345-BC9D-2ADD3D50E074}"/>
          </ac:spMkLst>
        </pc:spChg>
        <pc:spChg chg="add mod">
          <ac:chgData name="Daly Donnacha HSLU I" userId="0f22e960-400a-43ff-baeb-4828c8f5cd3a" providerId="ADAL" clId="{55F1696D-224E-654D-8EE7-4CBBA757AA04}" dt="2021-03-22T11:13:20.340" v="109"/>
          <ac:spMkLst>
            <pc:docMk/>
            <pc:sldMk cId="4027237612" sldId="323"/>
            <ac:spMk id="11" creationId="{453A5E22-E552-1A4A-A828-78FB97620921}"/>
          </ac:spMkLst>
        </pc:spChg>
        <pc:spChg chg="add mod">
          <ac:chgData name="Daly Donnacha HSLU I" userId="0f22e960-400a-43ff-baeb-4828c8f5cd3a" providerId="ADAL" clId="{55F1696D-224E-654D-8EE7-4CBBA757AA04}" dt="2021-03-22T11:13:20.340" v="109"/>
          <ac:spMkLst>
            <pc:docMk/>
            <pc:sldMk cId="4027237612" sldId="323"/>
            <ac:spMk id="12" creationId="{1756D714-0B08-EB48-8631-000CDFE85703}"/>
          </ac:spMkLst>
        </pc:spChg>
        <pc:spChg chg="add mod">
          <ac:chgData name="Daly Donnacha HSLU I" userId="0f22e960-400a-43ff-baeb-4828c8f5cd3a" providerId="ADAL" clId="{55F1696D-224E-654D-8EE7-4CBBA757AA04}" dt="2021-03-22T11:13:20.340" v="109"/>
          <ac:spMkLst>
            <pc:docMk/>
            <pc:sldMk cId="4027237612" sldId="323"/>
            <ac:spMk id="13" creationId="{629263C1-91AA-214B-8B78-92C722A4E79D}"/>
          </ac:spMkLst>
        </pc:spChg>
        <pc:spChg chg="add mod">
          <ac:chgData name="Daly Donnacha HSLU I" userId="0f22e960-400a-43ff-baeb-4828c8f5cd3a" providerId="ADAL" clId="{55F1696D-224E-654D-8EE7-4CBBA757AA04}" dt="2021-03-22T11:13:20.340" v="109"/>
          <ac:spMkLst>
            <pc:docMk/>
            <pc:sldMk cId="4027237612" sldId="323"/>
            <ac:spMk id="14" creationId="{3F34846E-853E-D04A-A744-148DFB98C68A}"/>
          </ac:spMkLst>
        </pc:spChg>
        <pc:spChg chg="add mod">
          <ac:chgData name="Daly Donnacha HSLU I" userId="0f22e960-400a-43ff-baeb-4828c8f5cd3a" providerId="ADAL" clId="{55F1696D-224E-654D-8EE7-4CBBA757AA04}" dt="2021-03-22T11:13:20.340" v="109"/>
          <ac:spMkLst>
            <pc:docMk/>
            <pc:sldMk cId="4027237612" sldId="323"/>
            <ac:spMk id="15" creationId="{48E57ACA-5316-CA4C-A575-66A4A0BCD0BE}"/>
          </ac:spMkLst>
        </pc:spChg>
        <pc:spChg chg="add mod">
          <ac:chgData name="Daly Donnacha HSLU I" userId="0f22e960-400a-43ff-baeb-4828c8f5cd3a" providerId="ADAL" clId="{55F1696D-224E-654D-8EE7-4CBBA757AA04}" dt="2021-03-22T11:13:20.340" v="109"/>
          <ac:spMkLst>
            <pc:docMk/>
            <pc:sldMk cId="4027237612" sldId="323"/>
            <ac:spMk id="16" creationId="{18611779-F87D-B048-8D7B-C20F1A8C092C}"/>
          </ac:spMkLst>
        </pc:spChg>
        <pc:spChg chg="add mod">
          <ac:chgData name="Daly Donnacha HSLU I" userId="0f22e960-400a-43ff-baeb-4828c8f5cd3a" providerId="ADAL" clId="{55F1696D-224E-654D-8EE7-4CBBA757AA04}" dt="2021-03-22T11:13:20.340" v="109"/>
          <ac:spMkLst>
            <pc:docMk/>
            <pc:sldMk cId="4027237612" sldId="323"/>
            <ac:spMk id="17" creationId="{070E7332-C3BB-BE41-B089-F7B7A2FB5616}"/>
          </ac:spMkLst>
        </pc:spChg>
        <pc:spChg chg="add mod">
          <ac:chgData name="Daly Donnacha HSLU I" userId="0f22e960-400a-43ff-baeb-4828c8f5cd3a" providerId="ADAL" clId="{55F1696D-224E-654D-8EE7-4CBBA757AA04}" dt="2021-03-22T11:13:20.340" v="109"/>
          <ac:spMkLst>
            <pc:docMk/>
            <pc:sldMk cId="4027237612" sldId="323"/>
            <ac:spMk id="18" creationId="{7ED52F0C-D8B3-7B4D-86B0-280F7F3344D5}"/>
          </ac:spMkLst>
        </pc:spChg>
        <pc:spChg chg="mod">
          <ac:chgData name="Daly Donnacha HSLU I" userId="0f22e960-400a-43ff-baeb-4828c8f5cd3a" providerId="ADAL" clId="{55F1696D-224E-654D-8EE7-4CBBA757AA04}" dt="2021-03-22T11:13:20.340" v="109"/>
          <ac:spMkLst>
            <pc:docMk/>
            <pc:sldMk cId="4027237612" sldId="323"/>
            <ac:spMk id="20" creationId="{487CB99F-0BB1-504E-8911-86982FAFC7BF}"/>
          </ac:spMkLst>
        </pc:spChg>
        <pc:spChg chg="mod">
          <ac:chgData name="Daly Donnacha HSLU I" userId="0f22e960-400a-43ff-baeb-4828c8f5cd3a" providerId="ADAL" clId="{55F1696D-224E-654D-8EE7-4CBBA757AA04}" dt="2021-03-22T11:13:20.340" v="109"/>
          <ac:spMkLst>
            <pc:docMk/>
            <pc:sldMk cId="4027237612" sldId="323"/>
            <ac:spMk id="21" creationId="{8179FA97-4EBB-E14B-95C7-16FDDBA6FB22}"/>
          </ac:spMkLst>
        </pc:spChg>
        <pc:spChg chg="mod">
          <ac:chgData name="Daly Donnacha HSLU I" userId="0f22e960-400a-43ff-baeb-4828c8f5cd3a" providerId="ADAL" clId="{55F1696D-224E-654D-8EE7-4CBBA757AA04}" dt="2021-03-22T11:13:20.340" v="109"/>
          <ac:spMkLst>
            <pc:docMk/>
            <pc:sldMk cId="4027237612" sldId="323"/>
            <ac:spMk id="23" creationId="{6CB1AD71-6F54-834A-B761-04870A1F91C0}"/>
          </ac:spMkLst>
        </pc:spChg>
        <pc:spChg chg="mod">
          <ac:chgData name="Daly Donnacha HSLU I" userId="0f22e960-400a-43ff-baeb-4828c8f5cd3a" providerId="ADAL" clId="{55F1696D-224E-654D-8EE7-4CBBA757AA04}" dt="2021-03-22T11:13:20.340" v="109"/>
          <ac:spMkLst>
            <pc:docMk/>
            <pc:sldMk cId="4027237612" sldId="323"/>
            <ac:spMk id="24" creationId="{BCEA1402-FE0C-0346-8D26-30E77EEBF361}"/>
          </ac:spMkLst>
        </pc:spChg>
        <pc:spChg chg="mod">
          <ac:chgData name="Daly Donnacha HSLU I" userId="0f22e960-400a-43ff-baeb-4828c8f5cd3a" providerId="ADAL" clId="{55F1696D-224E-654D-8EE7-4CBBA757AA04}" dt="2021-03-22T11:13:20.340" v="109"/>
          <ac:spMkLst>
            <pc:docMk/>
            <pc:sldMk cId="4027237612" sldId="323"/>
            <ac:spMk id="26" creationId="{CFD2753B-44EA-A04A-83E5-9549A711F175}"/>
          </ac:spMkLst>
        </pc:spChg>
        <pc:spChg chg="mod">
          <ac:chgData name="Daly Donnacha HSLU I" userId="0f22e960-400a-43ff-baeb-4828c8f5cd3a" providerId="ADAL" clId="{55F1696D-224E-654D-8EE7-4CBBA757AA04}" dt="2021-03-22T11:13:20.340" v="109"/>
          <ac:spMkLst>
            <pc:docMk/>
            <pc:sldMk cId="4027237612" sldId="323"/>
            <ac:spMk id="27" creationId="{81B9B499-A293-F048-BDF1-3161AD5078E8}"/>
          </ac:spMkLst>
        </pc:spChg>
        <pc:spChg chg="add mod">
          <ac:chgData name="Daly Donnacha HSLU I" userId="0f22e960-400a-43ff-baeb-4828c8f5cd3a" providerId="ADAL" clId="{55F1696D-224E-654D-8EE7-4CBBA757AA04}" dt="2021-03-22T11:13:20.340" v="109"/>
          <ac:spMkLst>
            <pc:docMk/>
            <pc:sldMk cId="4027237612" sldId="323"/>
            <ac:spMk id="28" creationId="{788D9162-ECDE-F843-8520-0C8E5D5E5C73}"/>
          </ac:spMkLst>
        </pc:spChg>
        <pc:spChg chg="add mod">
          <ac:chgData name="Daly Donnacha HSLU I" userId="0f22e960-400a-43ff-baeb-4828c8f5cd3a" providerId="ADAL" clId="{55F1696D-224E-654D-8EE7-4CBBA757AA04}" dt="2021-03-22T11:13:20.340" v="109"/>
          <ac:spMkLst>
            <pc:docMk/>
            <pc:sldMk cId="4027237612" sldId="323"/>
            <ac:spMk id="29" creationId="{B3920352-AFA2-0F4D-A5C9-E283FD27570E}"/>
          </ac:spMkLst>
        </pc:spChg>
        <pc:spChg chg="add mod">
          <ac:chgData name="Daly Donnacha HSLU I" userId="0f22e960-400a-43ff-baeb-4828c8f5cd3a" providerId="ADAL" clId="{55F1696D-224E-654D-8EE7-4CBBA757AA04}" dt="2021-03-22T11:13:20.340" v="109"/>
          <ac:spMkLst>
            <pc:docMk/>
            <pc:sldMk cId="4027237612" sldId="323"/>
            <ac:spMk id="32" creationId="{0402690A-FCCC-3242-A99F-BD35640AC7C9}"/>
          </ac:spMkLst>
        </pc:spChg>
        <pc:spChg chg="add mod">
          <ac:chgData name="Daly Donnacha HSLU I" userId="0f22e960-400a-43ff-baeb-4828c8f5cd3a" providerId="ADAL" clId="{55F1696D-224E-654D-8EE7-4CBBA757AA04}" dt="2021-03-22T11:13:20.340" v="109"/>
          <ac:spMkLst>
            <pc:docMk/>
            <pc:sldMk cId="4027237612" sldId="323"/>
            <ac:spMk id="33" creationId="{EA806A15-4D13-954D-BDC5-7A4428F06B70}"/>
          </ac:spMkLst>
        </pc:spChg>
        <pc:grpChg chg="add mod">
          <ac:chgData name="Daly Donnacha HSLU I" userId="0f22e960-400a-43ff-baeb-4828c8f5cd3a" providerId="ADAL" clId="{55F1696D-224E-654D-8EE7-4CBBA757AA04}" dt="2021-03-22T11:13:20.340" v="109"/>
          <ac:grpSpMkLst>
            <pc:docMk/>
            <pc:sldMk cId="4027237612" sldId="323"/>
            <ac:grpSpMk id="19" creationId="{B3845591-C205-EC44-9F40-F28C16072517}"/>
          </ac:grpSpMkLst>
        </pc:grpChg>
        <pc:grpChg chg="add mod">
          <ac:chgData name="Daly Donnacha HSLU I" userId="0f22e960-400a-43ff-baeb-4828c8f5cd3a" providerId="ADAL" clId="{55F1696D-224E-654D-8EE7-4CBBA757AA04}" dt="2021-03-22T11:13:20.340" v="109"/>
          <ac:grpSpMkLst>
            <pc:docMk/>
            <pc:sldMk cId="4027237612" sldId="323"/>
            <ac:grpSpMk id="22" creationId="{0DD3F111-58E4-1448-A1EF-F950836A43DF}"/>
          </ac:grpSpMkLst>
        </pc:grpChg>
        <pc:grpChg chg="add mod">
          <ac:chgData name="Daly Donnacha HSLU I" userId="0f22e960-400a-43ff-baeb-4828c8f5cd3a" providerId="ADAL" clId="{55F1696D-224E-654D-8EE7-4CBBA757AA04}" dt="2021-03-22T11:13:20.340" v="109"/>
          <ac:grpSpMkLst>
            <pc:docMk/>
            <pc:sldMk cId="4027237612" sldId="323"/>
            <ac:grpSpMk id="25" creationId="{5EC846BA-EE3F-9843-86B9-A76DB33469BC}"/>
          </ac:grpSpMkLst>
        </pc:grpChg>
        <pc:cxnChg chg="add mod">
          <ac:chgData name="Daly Donnacha HSLU I" userId="0f22e960-400a-43ff-baeb-4828c8f5cd3a" providerId="ADAL" clId="{55F1696D-224E-654D-8EE7-4CBBA757AA04}" dt="2021-03-22T11:13:20.340" v="109"/>
          <ac:cxnSpMkLst>
            <pc:docMk/>
            <pc:sldMk cId="4027237612" sldId="323"/>
            <ac:cxnSpMk id="30" creationId="{6245CD4F-E1F0-AD4A-BF36-7F0239EA3450}"/>
          </ac:cxnSpMkLst>
        </pc:cxnChg>
        <pc:cxnChg chg="add mod">
          <ac:chgData name="Daly Donnacha HSLU I" userId="0f22e960-400a-43ff-baeb-4828c8f5cd3a" providerId="ADAL" clId="{55F1696D-224E-654D-8EE7-4CBBA757AA04}" dt="2021-03-22T11:13:20.340" v="109"/>
          <ac:cxnSpMkLst>
            <pc:docMk/>
            <pc:sldMk cId="4027237612" sldId="323"/>
            <ac:cxnSpMk id="31" creationId="{6D7F76A7-579B-074C-94AF-466BF090D083}"/>
          </ac:cxnSpMkLst>
        </pc:cxnChg>
      </pc:sldChg>
      <pc:sldChg chg="modSp add mod ord">
        <pc:chgData name="Daly Donnacha HSLU I" userId="0f22e960-400a-43ff-baeb-4828c8f5cd3a" providerId="ADAL" clId="{55F1696D-224E-654D-8EE7-4CBBA757AA04}" dt="2021-03-26T11:18:03.283" v="11806" actId="404"/>
        <pc:sldMkLst>
          <pc:docMk/>
          <pc:sldMk cId="1897942297" sldId="324"/>
        </pc:sldMkLst>
        <pc:spChg chg="mod">
          <ac:chgData name="Daly Donnacha HSLU I" userId="0f22e960-400a-43ff-baeb-4828c8f5cd3a" providerId="ADAL" clId="{55F1696D-224E-654D-8EE7-4CBBA757AA04}" dt="2021-03-26T10:43:10.126" v="11768" actId="115"/>
          <ac:spMkLst>
            <pc:docMk/>
            <pc:sldMk cId="1897942297" sldId="324"/>
            <ac:spMk id="2" creationId="{0DAA752B-0C19-4343-828D-E9069BD4AAD4}"/>
          </ac:spMkLst>
        </pc:spChg>
        <pc:spChg chg="mod">
          <ac:chgData name="Daly Donnacha HSLU I" userId="0f22e960-400a-43ff-baeb-4828c8f5cd3a" providerId="ADAL" clId="{55F1696D-224E-654D-8EE7-4CBBA757AA04}" dt="2021-03-26T11:17:31.914" v="11798" actId="14100"/>
          <ac:spMkLst>
            <pc:docMk/>
            <pc:sldMk cId="1897942297" sldId="324"/>
            <ac:spMk id="6" creationId="{D73F60DC-C9F6-EA40-B04B-2D33F8D78CA3}"/>
          </ac:spMkLst>
        </pc:spChg>
        <pc:spChg chg="mod">
          <ac:chgData name="Daly Donnacha HSLU I" userId="0f22e960-400a-43ff-baeb-4828c8f5cd3a" providerId="ADAL" clId="{55F1696D-224E-654D-8EE7-4CBBA757AA04}" dt="2021-03-26T11:17:29.447" v="11797" actId="14100"/>
          <ac:spMkLst>
            <pc:docMk/>
            <pc:sldMk cId="1897942297" sldId="324"/>
            <ac:spMk id="7" creationId="{4F74D15E-BA8D-9C44-AC6D-2C7461386055}"/>
          </ac:spMkLst>
        </pc:spChg>
        <pc:spChg chg="mod">
          <ac:chgData name="Daly Donnacha HSLU I" userId="0f22e960-400a-43ff-baeb-4828c8f5cd3a" providerId="ADAL" clId="{55F1696D-224E-654D-8EE7-4CBBA757AA04}" dt="2021-03-26T11:18:03.283" v="11806" actId="404"/>
          <ac:spMkLst>
            <pc:docMk/>
            <pc:sldMk cId="1897942297" sldId="324"/>
            <ac:spMk id="8" creationId="{3AB9FF14-F627-DB44-8DE0-01B5B3B80545}"/>
          </ac:spMkLst>
        </pc:spChg>
      </pc:sldChg>
      <pc:sldChg chg="addSp modSp new del">
        <pc:chgData name="Daly Donnacha HSLU I" userId="0f22e960-400a-43ff-baeb-4828c8f5cd3a" providerId="ADAL" clId="{55F1696D-224E-654D-8EE7-4CBBA757AA04}" dt="2021-03-22T11:25:53.662" v="257" actId="2696"/>
        <pc:sldMkLst>
          <pc:docMk/>
          <pc:sldMk cId="2635723100" sldId="324"/>
        </pc:sldMkLst>
        <pc:spChg chg="add mod">
          <ac:chgData name="Daly Donnacha HSLU I" userId="0f22e960-400a-43ff-baeb-4828c8f5cd3a" providerId="ADAL" clId="{55F1696D-224E-654D-8EE7-4CBBA757AA04}" dt="2021-03-22T11:20:46.502" v="112"/>
          <ac:spMkLst>
            <pc:docMk/>
            <pc:sldMk cId="2635723100" sldId="324"/>
            <ac:spMk id="6" creationId="{D73F60DC-C9F6-EA40-B04B-2D33F8D78CA3}"/>
          </ac:spMkLst>
        </pc:spChg>
        <pc:spChg chg="add mod">
          <ac:chgData name="Daly Donnacha HSLU I" userId="0f22e960-400a-43ff-baeb-4828c8f5cd3a" providerId="ADAL" clId="{55F1696D-224E-654D-8EE7-4CBBA757AA04}" dt="2021-03-22T11:20:46.502" v="112"/>
          <ac:spMkLst>
            <pc:docMk/>
            <pc:sldMk cId="2635723100" sldId="324"/>
            <ac:spMk id="7" creationId="{4F74D15E-BA8D-9C44-AC6D-2C7461386055}"/>
          </ac:spMkLst>
        </pc:spChg>
        <pc:spChg chg="add mod">
          <ac:chgData name="Daly Donnacha HSLU I" userId="0f22e960-400a-43ff-baeb-4828c8f5cd3a" providerId="ADAL" clId="{55F1696D-224E-654D-8EE7-4CBBA757AA04}" dt="2021-03-22T11:20:46.502" v="112"/>
          <ac:spMkLst>
            <pc:docMk/>
            <pc:sldMk cId="2635723100" sldId="324"/>
            <ac:spMk id="8" creationId="{3AB9FF14-F627-DB44-8DE0-01B5B3B80545}"/>
          </ac:spMkLst>
        </pc:spChg>
        <pc:spChg chg="add mod">
          <ac:chgData name="Daly Donnacha HSLU I" userId="0f22e960-400a-43ff-baeb-4828c8f5cd3a" providerId="ADAL" clId="{55F1696D-224E-654D-8EE7-4CBBA757AA04}" dt="2021-03-22T11:20:46.502" v="112"/>
          <ac:spMkLst>
            <pc:docMk/>
            <pc:sldMk cId="2635723100" sldId="324"/>
            <ac:spMk id="10" creationId="{6376677B-5063-6E4F-B8DC-6F5388CB6589}"/>
          </ac:spMkLst>
        </pc:spChg>
        <pc:picChg chg="add mod">
          <ac:chgData name="Daly Donnacha HSLU I" userId="0f22e960-400a-43ff-baeb-4828c8f5cd3a" providerId="ADAL" clId="{55F1696D-224E-654D-8EE7-4CBBA757AA04}" dt="2021-03-22T11:20:46.502" v="112"/>
          <ac:picMkLst>
            <pc:docMk/>
            <pc:sldMk cId="2635723100" sldId="324"/>
            <ac:picMk id="3" creationId="{B8E8DC6E-030F-AC47-8DB5-0F526FE167D8}"/>
          </ac:picMkLst>
        </pc:picChg>
        <pc:picChg chg="add mod">
          <ac:chgData name="Daly Donnacha HSLU I" userId="0f22e960-400a-43ff-baeb-4828c8f5cd3a" providerId="ADAL" clId="{55F1696D-224E-654D-8EE7-4CBBA757AA04}" dt="2021-03-22T11:20:46.502" v="112"/>
          <ac:picMkLst>
            <pc:docMk/>
            <pc:sldMk cId="2635723100" sldId="324"/>
            <ac:picMk id="4" creationId="{F2E35DC4-A9E8-774B-9DEE-CA2CD2EFD3F5}"/>
          </ac:picMkLst>
        </pc:picChg>
        <pc:picChg chg="add mod">
          <ac:chgData name="Daly Donnacha HSLU I" userId="0f22e960-400a-43ff-baeb-4828c8f5cd3a" providerId="ADAL" clId="{55F1696D-224E-654D-8EE7-4CBBA757AA04}" dt="2021-03-22T11:20:46.502" v="112"/>
          <ac:picMkLst>
            <pc:docMk/>
            <pc:sldMk cId="2635723100" sldId="324"/>
            <ac:picMk id="5" creationId="{654ADA80-2147-AF45-A644-676054AE17DC}"/>
          </ac:picMkLst>
        </pc:picChg>
        <pc:cxnChg chg="add mod">
          <ac:chgData name="Daly Donnacha HSLU I" userId="0f22e960-400a-43ff-baeb-4828c8f5cd3a" providerId="ADAL" clId="{55F1696D-224E-654D-8EE7-4CBBA757AA04}" dt="2021-03-22T11:20:46.502" v="112"/>
          <ac:cxnSpMkLst>
            <pc:docMk/>
            <pc:sldMk cId="2635723100" sldId="324"/>
            <ac:cxnSpMk id="9" creationId="{DE77A4A1-6A3B-1741-AE6C-D49C675E7F78}"/>
          </ac:cxnSpMkLst>
        </pc:cxnChg>
      </pc:sldChg>
      <pc:sldChg chg="add del ord">
        <pc:chgData name="Daly Donnacha HSLU I" userId="0f22e960-400a-43ff-baeb-4828c8f5cd3a" providerId="ADAL" clId="{55F1696D-224E-654D-8EE7-4CBBA757AA04}" dt="2021-03-26T09:47:18.759" v="10231" actId="2696"/>
        <pc:sldMkLst>
          <pc:docMk/>
          <pc:sldMk cId="3382312005" sldId="324"/>
        </pc:sldMkLst>
      </pc:sldChg>
      <pc:sldChg chg="new del">
        <pc:chgData name="Daly Donnacha HSLU I" userId="0f22e960-400a-43ff-baeb-4828c8f5cd3a" providerId="ADAL" clId="{55F1696D-224E-654D-8EE7-4CBBA757AA04}" dt="2021-03-22T11:33:22.091" v="346" actId="2696"/>
        <pc:sldMkLst>
          <pc:docMk/>
          <pc:sldMk cId="1590011691" sldId="325"/>
        </pc:sldMkLst>
      </pc:sldChg>
      <pc:sldChg chg="del">
        <pc:chgData name="Daly Donnacha HSLU I" userId="0f22e960-400a-43ff-baeb-4828c8f5cd3a" providerId="ADAL" clId="{55F1696D-224E-654D-8EE7-4CBBA757AA04}" dt="2021-03-22T11:08:49.356" v="79" actId="2696"/>
        <pc:sldMkLst>
          <pc:docMk/>
          <pc:sldMk cId="412963255" sldId="351"/>
        </pc:sldMkLst>
      </pc:sldChg>
      <pc:sldChg chg="del">
        <pc:chgData name="Daly Donnacha HSLU I" userId="0f22e960-400a-43ff-baeb-4828c8f5cd3a" providerId="ADAL" clId="{55F1696D-224E-654D-8EE7-4CBBA757AA04}" dt="2021-03-22T11:08:49.356" v="79" actId="2696"/>
        <pc:sldMkLst>
          <pc:docMk/>
          <pc:sldMk cId="946872943" sldId="352"/>
        </pc:sldMkLst>
      </pc:sldChg>
      <pc:sldChg chg="del">
        <pc:chgData name="Daly Donnacha HSLU I" userId="0f22e960-400a-43ff-baeb-4828c8f5cd3a" providerId="ADAL" clId="{55F1696D-224E-654D-8EE7-4CBBA757AA04}" dt="2021-03-22T11:08:49.356" v="79" actId="2696"/>
        <pc:sldMkLst>
          <pc:docMk/>
          <pc:sldMk cId="3131368487" sldId="353"/>
        </pc:sldMkLst>
      </pc:sldChg>
      <pc:sldChg chg="del">
        <pc:chgData name="Daly Donnacha HSLU I" userId="0f22e960-400a-43ff-baeb-4828c8f5cd3a" providerId="ADAL" clId="{55F1696D-224E-654D-8EE7-4CBBA757AA04}" dt="2021-03-22T11:08:49.356" v="79" actId="2696"/>
        <pc:sldMkLst>
          <pc:docMk/>
          <pc:sldMk cId="3745397138" sldId="354"/>
        </pc:sldMkLst>
      </pc:sldChg>
      <pc:sldChg chg="del">
        <pc:chgData name="Daly Donnacha HSLU I" userId="0f22e960-400a-43ff-baeb-4828c8f5cd3a" providerId="ADAL" clId="{55F1696D-224E-654D-8EE7-4CBBA757AA04}" dt="2021-03-22T11:08:49.356" v="79" actId="2696"/>
        <pc:sldMkLst>
          <pc:docMk/>
          <pc:sldMk cId="435394932" sldId="355"/>
        </pc:sldMkLst>
      </pc:sldChg>
      <pc:sldChg chg="del">
        <pc:chgData name="Daly Donnacha HSLU I" userId="0f22e960-400a-43ff-baeb-4828c8f5cd3a" providerId="ADAL" clId="{55F1696D-224E-654D-8EE7-4CBBA757AA04}" dt="2021-03-22T11:08:49.356" v="79" actId="2696"/>
        <pc:sldMkLst>
          <pc:docMk/>
          <pc:sldMk cId="2900242276" sldId="356"/>
        </pc:sldMkLst>
      </pc:sldChg>
      <pc:sldChg chg="del">
        <pc:chgData name="Daly Donnacha HSLU I" userId="0f22e960-400a-43ff-baeb-4828c8f5cd3a" providerId="ADAL" clId="{55F1696D-224E-654D-8EE7-4CBBA757AA04}" dt="2021-03-22T11:08:49.356" v="79" actId="2696"/>
        <pc:sldMkLst>
          <pc:docMk/>
          <pc:sldMk cId="2470199032" sldId="359"/>
        </pc:sldMkLst>
      </pc:sldChg>
      <pc:sldChg chg="del">
        <pc:chgData name="Daly Donnacha HSLU I" userId="0f22e960-400a-43ff-baeb-4828c8f5cd3a" providerId="ADAL" clId="{55F1696D-224E-654D-8EE7-4CBBA757AA04}" dt="2021-03-22T11:08:49.356" v="79" actId="2696"/>
        <pc:sldMkLst>
          <pc:docMk/>
          <pc:sldMk cId="3542632118" sldId="360"/>
        </pc:sldMkLst>
      </pc:sldChg>
      <pc:sldChg chg="del">
        <pc:chgData name="Daly Donnacha HSLU I" userId="0f22e960-400a-43ff-baeb-4828c8f5cd3a" providerId="ADAL" clId="{55F1696D-224E-654D-8EE7-4CBBA757AA04}" dt="2021-03-22T11:08:49.356" v="79" actId="2696"/>
        <pc:sldMkLst>
          <pc:docMk/>
          <pc:sldMk cId="2307659357" sldId="361"/>
        </pc:sldMkLst>
      </pc:sldChg>
      <pc:sldChg chg="del">
        <pc:chgData name="Daly Donnacha HSLU I" userId="0f22e960-400a-43ff-baeb-4828c8f5cd3a" providerId="ADAL" clId="{55F1696D-224E-654D-8EE7-4CBBA757AA04}" dt="2021-03-22T11:08:49.356" v="79" actId="2696"/>
        <pc:sldMkLst>
          <pc:docMk/>
          <pc:sldMk cId="2970827735" sldId="362"/>
        </pc:sldMkLst>
      </pc:sldChg>
      <pc:sldChg chg="del">
        <pc:chgData name="Daly Donnacha HSLU I" userId="0f22e960-400a-43ff-baeb-4828c8f5cd3a" providerId="ADAL" clId="{55F1696D-224E-654D-8EE7-4CBBA757AA04}" dt="2021-03-22T11:08:49.356" v="79" actId="2696"/>
        <pc:sldMkLst>
          <pc:docMk/>
          <pc:sldMk cId="3424367511" sldId="364"/>
        </pc:sldMkLst>
      </pc:sldChg>
      <pc:sldChg chg="del">
        <pc:chgData name="Daly Donnacha HSLU I" userId="0f22e960-400a-43ff-baeb-4828c8f5cd3a" providerId="ADAL" clId="{55F1696D-224E-654D-8EE7-4CBBA757AA04}" dt="2021-03-22T11:08:49.356" v="79" actId="2696"/>
        <pc:sldMkLst>
          <pc:docMk/>
          <pc:sldMk cId="312775838" sldId="366"/>
        </pc:sldMkLst>
      </pc:sldChg>
      <pc:sldChg chg="del">
        <pc:chgData name="Daly Donnacha HSLU I" userId="0f22e960-400a-43ff-baeb-4828c8f5cd3a" providerId="ADAL" clId="{55F1696D-224E-654D-8EE7-4CBBA757AA04}" dt="2021-03-22T11:08:49.356" v="79" actId="2696"/>
        <pc:sldMkLst>
          <pc:docMk/>
          <pc:sldMk cId="788051887" sldId="367"/>
        </pc:sldMkLst>
      </pc:sldChg>
      <pc:sldChg chg="del">
        <pc:chgData name="Daly Donnacha HSLU I" userId="0f22e960-400a-43ff-baeb-4828c8f5cd3a" providerId="ADAL" clId="{55F1696D-224E-654D-8EE7-4CBBA757AA04}" dt="2021-03-22T11:08:49.356" v="79" actId="2696"/>
        <pc:sldMkLst>
          <pc:docMk/>
          <pc:sldMk cId="2476793434" sldId="370"/>
        </pc:sldMkLst>
      </pc:sldChg>
      <pc:sldChg chg="del">
        <pc:chgData name="Daly Donnacha HSLU I" userId="0f22e960-400a-43ff-baeb-4828c8f5cd3a" providerId="ADAL" clId="{55F1696D-224E-654D-8EE7-4CBBA757AA04}" dt="2021-03-22T11:08:49.356" v="79" actId="2696"/>
        <pc:sldMkLst>
          <pc:docMk/>
          <pc:sldMk cId="1547300287" sldId="371"/>
        </pc:sldMkLst>
      </pc:sldChg>
      <pc:sldChg chg="del">
        <pc:chgData name="Daly Donnacha HSLU I" userId="0f22e960-400a-43ff-baeb-4828c8f5cd3a" providerId="ADAL" clId="{55F1696D-224E-654D-8EE7-4CBBA757AA04}" dt="2021-03-22T11:08:49.356" v="79" actId="2696"/>
        <pc:sldMkLst>
          <pc:docMk/>
          <pc:sldMk cId="3013808243" sldId="372"/>
        </pc:sldMkLst>
      </pc:sldChg>
      <pc:sldChg chg="del">
        <pc:chgData name="Daly Donnacha HSLU I" userId="0f22e960-400a-43ff-baeb-4828c8f5cd3a" providerId="ADAL" clId="{55F1696D-224E-654D-8EE7-4CBBA757AA04}" dt="2021-03-22T11:08:49.356" v="79" actId="2696"/>
        <pc:sldMkLst>
          <pc:docMk/>
          <pc:sldMk cId="1273443601" sldId="373"/>
        </pc:sldMkLst>
      </pc:sldChg>
      <pc:sldChg chg="del">
        <pc:chgData name="Daly Donnacha HSLU I" userId="0f22e960-400a-43ff-baeb-4828c8f5cd3a" providerId="ADAL" clId="{55F1696D-224E-654D-8EE7-4CBBA757AA04}" dt="2021-03-22T11:08:49.356" v="79" actId="2696"/>
        <pc:sldMkLst>
          <pc:docMk/>
          <pc:sldMk cId="3935327740" sldId="374"/>
        </pc:sldMkLst>
      </pc:sldChg>
      <pc:sldChg chg="del">
        <pc:chgData name="Daly Donnacha HSLU I" userId="0f22e960-400a-43ff-baeb-4828c8f5cd3a" providerId="ADAL" clId="{55F1696D-224E-654D-8EE7-4CBBA757AA04}" dt="2021-03-22T11:08:49.356" v="79" actId="2696"/>
        <pc:sldMkLst>
          <pc:docMk/>
          <pc:sldMk cId="857097735" sldId="375"/>
        </pc:sldMkLst>
      </pc:sldChg>
      <pc:sldChg chg="del">
        <pc:chgData name="Daly Donnacha HSLU I" userId="0f22e960-400a-43ff-baeb-4828c8f5cd3a" providerId="ADAL" clId="{55F1696D-224E-654D-8EE7-4CBBA757AA04}" dt="2021-03-22T11:08:49.356" v="79" actId="2696"/>
        <pc:sldMkLst>
          <pc:docMk/>
          <pc:sldMk cId="1131895972" sldId="379"/>
        </pc:sldMkLst>
      </pc:sldChg>
      <pc:sldChg chg="del">
        <pc:chgData name="Daly Donnacha HSLU I" userId="0f22e960-400a-43ff-baeb-4828c8f5cd3a" providerId="ADAL" clId="{55F1696D-224E-654D-8EE7-4CBBA757AA04}" dt="2021-03-22T11:08:49.356" v="79" actId="2696"/>
        <pc:sldMkLst>
          <pc:docMk/>
          <pc:sldMk cId="1613548643" sldId="380"/>
        </pc:sldMkLst>
      </pc:sldChg>
      <pc:sldChg chg="del">
        <pc:chgData name="Daly Donnacha HSLU I" userId="0f22e960-400a-43ff-baeb-4828c8f5cd3a" providerId="ADAL" clId="{55F1696D-224E-654D-8EE7-4CBBA757AA04}" dt="2021-03-22T11:08:49.356" v="79" actId="2696"/>
        <pc:sldMkLst>
          <pc:docMk/>
          <pc:sldMk cId="3986624815" sldId="381"/>
        </pc:sldMkLst>
      </pc:sldChg>
      <pc:sldChg chg="del">
        <pc:chgData name="Daly Donnacha HSLU I" userId="0f22e960-400a-43ff-baeb-4828c8f5cd3a" providerId="ADAL" clId="{55F1696D-224E-654D-8EE7-4CBBA757AA04}" dt="2021-03-22T11:08:49.356" v="79" actId="2696"/>
        <pc:sldMkLst>
          <pc:docMk/>
          <pc:sldMk cId="1705226350" sldId="382"/>
        </pc:sldMkLst>
      </pc:sldChg>
      <pc:sldChg chg="del">
        <pc:chgData name="Daly Donnacha HSLU I" userId="0f22e960-400a-43ff-baeb-4828c8f5cd3a" providerId="ADAL" clId="{55F1696D-224E-654D-8EE7-4CBBA757AA04}" dt="2021-03-22T11:08:49.356" v="79" actId="2696"/>
        <pc:sldMkLst>
          <pc:docMk/>
          <pc:sldMk cId="569357116" sldId="383"/>
        </pc:sldMkLst>
      </pc:sldChg>
      <pc:sldChg chg="del">
        <pc:chgData name="Daly Donnacha HSLU I" userId="0f22e960-400a-43ff-baeb-4828c8f5cd3a" providerId="ADAL" clId="{55F1696D-224E-654D-8EE7-4CBBA757AA04}" dt="2021-03-22T11:08:49.356" v="79" actId="2696"/>
        <pc:sldMkLst>
          <pc:docMk/>
          <pc:sldMk cId="1442942350" sldId="384"/>
        </pc:sldMkLst>
      </pc:sldChg>
      <pc:sldChg chg="del">
        <pc:chgData name="Daly Donnacha HSLU I" userId="0f22e960-400a-43ff-baeb-4828c8f5cd3a" providerId="ADAL" clId="{55F1696D-224E-654D-8EE7-4CBBA757AA04}" dt="2021-03-22T11:08:49.356" v="79" actId="2696"/>
        <pc:sldMkLst>
          <pc:docMk/>
          <pc:sldMk cId="1556002604" sldId="385"/>
        </pc:sldMkLst>
      </pc:sldChg>
      <pc:sldChg chg="del">
        <pc:chgData name="Daly Donnacha HSLU I" userId="0f22e960-400a-43ff-baeb-4828c8f5cd3a" providerId="ADAL" clId="{55F1696D-224E-654D-8EE7-4CBBA757AA04}" dt="2021-03-22T11:08:49.356" v="79" actId="2696"/>
        <pc:sldMkLst>
          <pc:docMk/>
          <pc:sldMk cId="938862593" sldId="386"/>
        </pc:sldMkLst>
      </pc:sldChg>
      <pc:sldChg chg="del">
        <pc:chgData name="Daly Donnacha HSLU I" userId="0f22e960-400a-43ff-baeb-4828c8f5cd3a" providerId="ADAL" clId="{55F1696D-224E-654D-8EE7-4CBBA757AA04}" dt="2021-03-22T11:08:49.356" v="79" actId="2696"/>
        <pc:sldMkLst>
          <pc:docMk/>
          <pc:sldMk cId="923547564" sldId="388"/>
        </pc:sldMkLst>
      </pc:sldChg>
      <pc:sldChg chg="del">
        <pc:chgData name="Daly Donnacha HSLU I" userId="0f22e960-400a-43ff-baeb-4828c8f5cd3a" providerId="ADAL" clId="{55F1696D-224E-654D-8EE7-4CBBA757AA04}" dt="2021-03-22T11:08:49.356" v="79" actId="2696"/>
        <pc:sldMkLst>
          <pc:docMk/>
          <pc:sldMk cId="3688228376" sldId="389"/>
        </pc:sldMkLst>
      </pc:sldChg>
      <pc:sldChg chg="del">
        <pc:chgData name="Daly Donnacha HSLU I" userId="0f22e960-400a-43ff-baeb-4828c8f5cd3a" providerId="ADAL" clId="{55F1696D-224E-654D-8EE7-4CBBA757AA04}" dt="2021-03-22T11:08:49.356" v="79" actId="2696"/>
        <pc:sldMkLst>
          <pc:docMk/>
          <pc:sldMk cId="625800814" sldId="390"/>
        </pc:sldMkLst>
      </pc:sldChg>
      <pc:sldChg chg="del">
        <pc:chgData name="Daly Donnacha HSLU I" userId="0f22e960-400a-43ff-baeb-4828c8f5cd3a" providerId="ADAL" clId="{55F1696D-224E-654D-8EE7-4CBBA757AA04}" dt="2021-03-22T11:08:49.356" v="79" actId="2696"/>
        <pc:sldMkLst>
          <pc:docMk/>
          <pc:sldMk cId="1366931341" sldId="391"/>
        </pc:sldMkLst>
      </pc:sldChg>
      <pc:sldChg chg="del">
        <pc:chgData name="Daly Donnacha HSLU I" userId="0f22e960-400a-43ff-baeb-4828c8f5cd3a" providerId="ADAL" clId="{55F1696D-224E-654D-8EE7-4CBBA757AA04}" dt="2021-03-22T11:08:49.356" v="79" actId="2696"/>
        <pc:sldMkLst>
          <pc:docMk/>
          <pc:sldMk cId="653547022" sldId="392"/>
        </pc:sldMkLst>
      </pc:sldChg>
      <pc:sldChg chg="add del">
        <pc:chgData name="Daly Donnacha HSLU I" userId="0f22e960-400a-43ff-baeb-4828c8f5cd3a" providerId="ADAL" clId="{55F1696D-224E-654D-8EE7-4CBBA757AA04}" dt="2021-03-25T16:26:08.527" v="3272" actId="2696"/>
        <pc:sldMkLst>
          <pc:docMk/>
          <pc:sldMk cId="2615798967" sldId="512"/>
        </pc:sldMkLst>
      </pc:sldChg>
      <pc:sldChg chg="addSp delSp modSp add mod">
        <pc:chgData name="Daly Donnacha HSLU I" userId="0f22e960-400a-43ff-baeb-4828c8f5cd3a" providerId="ADAL" clId="{55F1696D-224E-654D-8EE7-4CBBA757AA04}" dt="2021-03-26T10:17:53.711" v="10504" actId="20577"/>
        <pc:sldMkLst>
          <pc:docMk/>
          <pc:sldMk cId="2941014727" sldId="512"/>
        </pc:sldMkLst>
        <pc:spChg chg="mod">
          <ac:chgData name="Daly Donnacha HSLU I" userId="0f22e960-400a-43ff-baeb-4828c8f5cd3a" providerId="ADAL" clId="{55F1696D-224E-654D-8EE7-4CBBA757AA04}" dt="2021-03-26T10:17:53.711" v="10504" actId="20577"/>
          <ac:spMkLst>
            <pc:docMk/>
            <pc:sldMk cId="2941014727" sldId="512"/>
            <ac:spMk id="2" creationId="{B2AB87A0-0AE0-784A-921A-B40A5C6DEB51}"/>
          </ac:spMkLst>
        </pc:spChg>
        <pc:spChg chg="mod">
          <ac:chgData name="Daly Donnacha HSLU I" userId="0f22e960-400a-43ff-baeb-4828c8f5cd3a" providerId="ADAL" clId="{55F1696D-224E-654D-8EE7-4CBBA757AA04}" dt="2021-03-26T09:27:18.006" v="9933" actId="1076"/>
          <ac:spMkLst>
            <pc:docMk/>
            <pc:sldMk cId="2941014727" sldId="512"/>
            <ac:spMk id="15" creationId="{D781D053-9BCF-1F42-ACE6-6DF6B8FBF7AC}"/>
          </ac:spMkLst>
        </pc:spChg>
        <pc:spChg chg="del mod">
          <ac:chgData name="Daly Donnacha HSLU I" userId="0f22e960-400a-43ff-baeb-4828c8f5cd3a" providerId="ADAL" clId="{55F1696D-224E-654D-8EE7-4CBBA757AA04}" dt="2021-03-26T09:20:13.561" v="9836" actId="478"/>
          <ac:spMkLst>
            <pc:docMk/>
            <pc:sldMk cId="2941014727" sldId="512"/>
            <ac:spMk id="16" creationId="{622B8F17-F50B-784F-A37C-59FEE701DA71}"/>
          </ac:spMkLst>
        </pc:spChg>
        <pc:spChg chg="mod">
          <ac:chgData name="Daly Donnacha HSLU I" userId="0f22e960-400a-43ff-baeb-4828c8f5cd3a" providerId="ADAL" clId="{55F1696D-224E-654D-8EE7-4CBBA757AA04}" dt="2021-03-26T09:27:00.773" v="9921" actId="1076"/>
          <ac:spMkLst>
            <pc:docMk/>
            <pc:sldMk cId="2941014727" sldId="512"/>
            <ac:spMk id="18" creationId="{F82E179E-F207-BF4B-ABD1-06EF275D72B0}"/>
          </ac:spMkLst>
        </pc:spChg>
        <pc:spChg chg="del mod">
          <ac:chgData name="Daly Donnacha HSLU I" userId="0f22e960-400a-43ff-baeb-4828c8f5cd3a" providerId="ADAL" clId="{55F1696D-224E-654D-8EE7-4CBBA757AA04}" dt="2021-03-26T09:26:44.860" v="9909" actId="478"/>
          <ac:spMkLst>
            <pc:docMk/>
            <pc:sldMk cId="2941014727" sldId="512"/>
            <ac:spMk id="19" creationId="{FBE1B89F-4ACC-D84B-A62B-ECDBC9E8E99D}"/>
          </ac:spMkLst>
        </pc:spChg>
        <pc:graphicFrameChg chg="add mod modGraphic">
          <ac:chgData name="Daly Donnacha HSLU I" userId="0f22e960-400a-43ff-baeb-4828c8f5cd3a" providerId="ADAL" clId="{55F1696D-224E-654D-8EE7-4CBBA757AA04}" dt="2021-03-26T09:43:27.039" v="10191" actId="1076"/>
          <ac:graphicFrameMkLst>
            <pc:docMk/>
            <pc:sldMk cId="2941014727" sldId="512"/>
            <ac:graphicFrameMk id="9" creationId="{09FA849B-B3C2-C442-8CD7-561D06048504}"/>
          </ac:graphicFrameMkLst>
        </pc:graphicFrameChg>
        <pc:graphicFrameChg chg="del mod modGraphic">
          <ac:chgData name="Daly Donnacha HSLU I" userId="0f22e960-400a-43ff-baeb-4828c8f5cd3a" providerId="ADAL" clId="{55F1696D-224E-654D-8EE7-4CBBA757AA04}" dt="2021-03-26T09:43:21.759" v="10190" actId="478"/>
          <ac:graphicFrameMkLst>
            <pc:docMk/>
            <pc:sldMk cId="2941014727" sldId="512"/>
            <ac:graphicFrameMk id="13" creationId="{C7079C76-D755-904D-8C98-0242C66B93E7}"/>
          </ac:graphicFrameMkLst>
        </pc:graphicFrameChg>
        <pc:graphicFrameChg chg="mod modGraphic">
          <ac:chgData name="Daly Donnacha HSLU I" userId="0f22e960-400a-43ff-baeb-4828c8f5cd3a" providerId="ADAL" clId="{55F1696D-224E-654D-8EE7-4CBBA757AA04}" dt="2021-03-26T09:44:00.063" v="10211" actId="1076"/>
          <ac:graphicFrameMkLst>
            <pc:docMk/>
            <pc:sldMk cId="2941014727" sldId="512"/>
            <ac:graphicFrameMk id="14" creationId="{87CA588F-E79D-EB46-887A-2AA18889C922}"/>
          </ac:graphicFrameMkLst>
        </pc:graphicFrameChg>
      </pc:sldChg>
      <pc:sldChg chg="add del">
        <pc:chgData name="Daly Donnacha HSLU I" userId="0f22e960-400a-43ff-baeb-4828c8f5cd3a" providerId="ADAL" clId="{55F1696D-224E-654D-8EE7-4CBBA757AA04}" dt="2021-03-26T04:32:41.123" v="4353" actId="2696"/>
        <pc:sldMkLst>
          <pc:docMk/>
          <pc:sldMk cId="1837241896" sldId="521"/>
        </pc:sldMkLst>
      </pc:sldChg>
      <pc:sldChg chg="addSp delSp modSp add mod">
        <pc:chgData name="Daly Donnacha HSLU I" userId="0f22e960-400a-43ff-baeb-4828c8f5cd3a" providerId="ADAL" clId="{55F1696D-224E-654D-8EE7-4CBBA757AA04}" dt="2021-03-26T10:16:07.496" v="10455" actId="1076"/>
        <pc:sldMkLst>
          <pc:docMk/>
          <pc:sldMk cId="793282942" sldId="524"/>
        </pc:sldMkLst>
        <pc:spChg chg="mod">
          <ac:chgData name="Daly Donnacha HSLU I" userId="0f22e960-400a-43ff-baeb-4828c8f5cd3a" providerId="ADAL" clId="{55F1696D-224E-654D-8EE7-4CBBA757AA04}" dt="2021-03-26T08:33:51.641" v="8613" actId="6549"/>
          <ac:spMkLst>
            <pc:docMk/>
            <pc:sldMk cId="793282942" sldId="524"/>
            <ac:spMk id="2" creationId="{4563E598-7568-384F-8352-40E17381E391}"/>
          </ac:spMkLst>
        </pc:spChg>
        <pc:spChg chg="add del mod">
          <ac:chgData name="Daly Donnacha HSLU I" userId="0f22e960-400a-43ff-baeb-4828c8f5cd3a" providerId="ADAL" clId="{55F1696D-224E-654D-8EE7-4CBBA757AA04}" dt="2021-03-26T08:37:58.382" v="8837"/>
          <ac:spMkLst>
            <pc:docMk/>
            <pc:sldMk cId="793282942" sldId="524"/>
            <ac:spMk id="3" creationId="{33B9A7F3-A095-014F-824D-8A0B98BDA4F6}"/>
          </ac:spMkLst>
        </pc:spChg>
        <pc:spChg chg="add mod">
          <ac:chgData name="Daly Donnacha HSLU I" userId="0f22e960-400a-43ff-baeb-4828c8f5cd3a" providerId="ADAL" clId="{55F1696D-224E-654D-8EE7-4CBBA757AA04}" dt="2021-03-26T10:15:27.521" v="10449" actId="404"/>
          <ac:spMkLst>
            <pc:docMk/>
            <pc:sldMk cId="793282942" sldId="524"/>
            <ac:spMk id="4" creationId="{438AA999-FBF3-6149-A2A8-08EAD2ADE098}"/>
          </ac:spMkLst>
        </pc:spChg>
        <pc:spChg chg="del">
          <ac:chgData name="Daly Donnacha HSLU I" userId="0f22e960-400a-43ff-baeb-4828c8f5cd3a" providerId="ADAL" clId="{55F1696D-224E-654D-8EE7-4CBBA757AA04}" dt="2021-03-26T08:34:58.566" v="8615" actId="478"/>
          <ac:spMkLst>
            <pc:docMk/>
            <pc:sldMk cId="793282942" sldId="524"/>
            <ac:spMk id="6" creationId="{BBED3224-8E79-8E4D-BC26-BF60547883C7}"/>
          </ac:spMkLst>
        </pc:spChg>
        <pc:spChg chg="del">
          <ac:chgData name="Daly Donnacha HSLU I" userId="0f22e960-400a-43ff-baeb-4828c8f5cd3a" providerId="ADAL" clId="{55F1696D-224E-654D-8EE7-4CBBA757AA04}" dt="2021-03-26T08:34:58.566" v="8615" actId="478"/>
          <ac:spMkLst>
            <pc:docMk/>
            <pc:sldMk cId="793282942" sldId="524"/>
            <ac:spMk id="7" creationId="{147350B9-BB8F-2B4B-ADB4-5DBD7D2DFC87}"/>
          </ac:spMkLst>
        </pc:spChg>
        <pc:spChg chg="del">
          <ac:chgData name="Daly Donnacha HSLU I" userId="0f22e960-400a-43ff-baeb-4828c8f5cd3a" providerId="ADAL" clId="{55F1696D-224E-654D-8EE7-4CBBA757AA04}" dt="2021-03-26T08:34:58.566" v="8615" actId="478"/>
          <ac:spMkLst>
            <pc:docMk/>
            <pc:sldMk cId="793282942" sldId="524"/>
            <ac:spMk id="8" creationId="{0E55420F-397A-EC41-A20B-21A0D5372AA3}"/>
          </ac:spMkLst>
        </pc:spChg>
        <pc:spChg chg="del">
          <ac:chgData name="Daly Donnacha HSLU I" userId="0f22e960-400a-43ff-baeb-4828c8f5cd3a" providerId="ADAL" clId="{55F1696D-224E-654D-8EE7-4CBBA757AA04}" dt="2021-03-26T08:34:58.566" v="8615" actId="478"/>
          <ac:spMkLst>
            <pc:docMk/>
            <pc:sldMk cId="793282942" sldId="524"/>
            <ac:spMk id="11" creationId="{99322682-7C02-8E4F-9ADB-277E00C28A6B}"/>
          </ac:spMkLst>
        </pc:spChg>
        <pc:spChg chg="del">
          <ac:chgData name="Daly Donnacha HSLU I" userId="0f22e960-400a-43ff-baeb-4828c8f5cd3a" providerId="ADAL" clId="{55F1696D-224E-654D-8EE7-4CBBA757AA04}" dt="2021-03-26T08:34:58.566" v="8615" actId="478"/>
          <ac:spMkLst>
            <pc:docMk/>
            <pc:sldMk cId="793282942" sldId="524"/>
            <ac:spMk id="12" creationId="{96E2D20F-2DE1-F840-9176-1A6A30CDACEF}"/>
          </ac:spMkLst>
        </pc:spChg>
        <pc:spChg chg="del">
          <ac:chgData name="Daly Donnacha HSLU I" userId="0f22e960-400a-43ff-baeb-4828c8f5cd3a" providerId="ADAL" clId="{55F1696D-224E-654D-8EE7-4CBBA757AA04}" dt="2021-03-26T08:34:58.566" v="8615" actId="478"/>
          <ac:spMkLst>
            <pc:docMk/>
            <pc:sldMk cId="793282942" sldId="524"/>
            <ac:spMk id="13" creationId="{44DEA466-0764-DD4A-98C1-A31629459AD1}"/>
          </ac:spMkLst>
        </pc:spChg>
        <pc:spChg chg="del">
          <ac:chgData name="Daly Donnacha HSLU I" userId="0f22e960-400a-43ff-baeb-4828c8f5cd3a" providerId="ADAL" clId="{55F1696D-224E-654D-8EE7-4CBBA757AA04}" dt="2021-03-26T08:34:58.566" v="8615" actId="478"/>
          <ac:spMkLst>
            <pc:docMk/>
            <pc:sldMk cId="793282942" sldId="524"/>
            <ac:spMk id="14" creationId="{C3B5EB71-057B-3E43-8A4B-18AD1511D276}"/>
          </ac:spMkLst>
        </pc:spChg>
        <pc:spChg chg="del">
          <ac:chgData name="Daly Donnacha HSLU I" userId="0f22e960-400a-43ff-baeb-4828c8f5cd3a" providerId="ADAL" clId="{55F1696D-224E-654D-8EE7-4CBBA757AA04}" dt="2021-03-26T08:34:58.566" v="8615" actId="478"/>
          <ac:spMkLst>
            <pc:docMk/>
            <pc:sldMk cId="793282942" sldId="524"/>
            <ac:spMk id="15" creationId="{5E8BA971-131A-E84E-BF63-3DA7CD0FAE6D}"/>
          </ac:spMkLst>
        </pc:spChg>
        <pc:spChg chg="del">
          <ac:chgData name="Daly Donnacha HSLU I" userId="0f22e960-400a-43ff-baeb-4828c8f5cd3a" providerId="ADAL" clId="{55F1696D-224E-654D-8EE7-4CBBA757AA04}" dt="2021-03-26T08:34:58.566" v="8615" actId="478"/>
          <ac:spMkLst>
            <pc:docMk/>
            <pc:sldMk cId="793282942" sldId="524"/>
            <ac:spMk id="16" creationId="{1FD4F76A-ADC5-5E48-BC90-F7AAAF96621C}"/>
          </ac:spMkLst>
        </pc:spChg>
        <pc:spChg chg="del">
          <ac:chgData name="Daly Donnacha HSLU I" userId="0f22e960-400a-43ff-baeb-4828c8f5cd3a" providerId="ADAL" clId="{55F1696D-224E-654D-8EE7-4CBBA757AA04}" dt="2021-03-26T08:34:58.566" v="8615" actId="478"/>
          <ac:spMkLst>
            <pc:docMk/>
            <pc:sldMk cId="793282942" sldId="524"/>
            <ac:spMk id="17" creationId="{27CE1899-49CA-244D-ADB7-E2FD70D89BED}"/>
          </ac:spMkLst>
        </pc:spChg>
        <pc:spChg chg="del">
          <ac:chgData name="Daly Donnacha HSLU I" userId="0f22e960-400a-43ff-baeb-4828c8f5cd3a" providerId="ADAL" clId="{55F1696D-224E-654D-8EE7-4CBBA757AA04}" dt="2021-03-26T08:34:58.566" v="8615" actId="478"/>
          <ac:spMkLst>
            <pc:docMk/>
            <pc:sldMk cId="793282942" sldId="524"/>
            <ac:spMk id="18" creationId="{51D4FD83-398B-EC41-9F83-912116326633}"/>
          </ac:spMkLst>
        </pc:spChg>
        <pc:spChg chg="del">
          <ac:chgData name="Daly Donnacha HSLU I" userId="0f22e960-400a-43ff-baeb-4828c8f5cd3a" providerId="ADAL" clId="{55F1696D-224E-654D-8EE7-4CBBA757AA04}" dt="2021-03-26T08:34:58.566" v="8615" actId="478"/>
          <ac:spMkLst>
            <pc:docMk/>
            <pc:sldMk cId="793282942" sldId="524"/>
            <ac:spMk id="19" creationId="{4B1179AA-9A23-1A4C-B96F-E3E686D1853C}"/>
          </ac:spMkLst>
        </pc:spChg>
        <pc:spChg chg="del">
          <ac:chgData name="Daly Donnacha HSLU I" userId="0f22e960-400a-43ff-baeb-4828c8f5cd3a" providerId="ADAL" clId="{55F1696D-224E-654D-8EE7-4CBBA757AA04}" dt="2021-03-26T08:34:58.566" v="8615" actId="478"/>
          <ac:spMkLst>
            <pc:docMk/>
            <pc:sldMk cId="793282942" sldId="524"/>
            <ac:spMk id="20" creationId="{9BA7BB3A-5ED1-5141-99C9-C71520D6CB6D}"/>
          </ac:spMkLst>
        </pc:spChg>
        <pc:spChg chg="del">
          <ac:chgData name="Daly Donnacha HSLU I" userId="0f22e960-400a-43ff-baeb-4828c8f5cd3a" providerId="ADAL" clId="{55F1696D-224E-654D-8EE7-4CBBA757AA04}" dt="2021-03-26T08:34:58.566" v="8615" actId="478"/>
          <ac:spMkLst>
            <pc:docMk/>
            <pc:sldMk cId="793282942" sldId="524"/>
            <ac:spMk id="21" creationId="{50996D4B-791E-7442-834E-5D2CE5907017}"/>
          </ac:spMkLst>
        </pc:spChg>
        <pc:spChg chg="del">
          <ac:chgData name="Daly Donnacha HSLU I" userId="0f22e960-400a-43ff-baeb-4828c8f5cd3a" providerId="ADAL" clId="{55F1696D-224E-654D-8EE7-4CBBA757AA04}" dt="2021-03-26T08:34:58.566" v="8615" actId="478"/>
          <ac:spMkLst>
            <pc:docMk/>
            <pc:sldMk cId="793282942" sldId="524"/>
            <ac:spMk id="22" creationId="{7444FD87-465B-F847-8E93-EF027FB9812B}"/>
          </ac:spMkLst>
        </pc:spChg>
        <pc:spChg chg="del">
          <ac:chgData name="Daly Donnacha HSLU I" userId="0f22e960-400a-43ff-baeb-4828c8f5cd3a" providerId="ADAL" clId="{55F1696D-224E-654D-8EE7-4CBBA757AA04}" dt="2021-03-26T08:34:58.566" v="8615" actId="478"/>
          <ac:spMkLst>
            <pc:docMk/>
            <pc:sldMk cId="793282942" sldId="524"/>
            <ac:spMk id="23" creationId="{9E02F381-97E8-5146-94B4-443F8F056850}"/>
          </ac:spMkLst>
        </pc:spChg>
        <pc:spChg chg="del">
          <ac:chgData name="Daly Donnacha HSLU I" userId="0f22e960-400a-43ff-baeb-4828c8f5cd3a" providerId="ADAL" clId="{55F1696D-224E-654D-8EE7-4CBBA757AA04}" dt="2021-03-26T08:34:58.566" v="8615" actId="478"/>
          <ac:spMkLst>
            <pc:docMk/>
            <pc:sldMk cId="793282942" sldId="524"/>
            <ac:spMk id="24" creationId="{EE39CBAF-06A1-2142-BBD4-7D8D64B19941}"/>
          </ac:spMkLst>
        </pc:spChg>
        <pc:spChg chg="del">
          <ac:chgData name="Daly Donnacha HSLU I" userId="0f22e960-400a-43ff-baeb-4828c8f5cd3a" providerId="ADAL" clId="{55F1696D-224E-654D-8EE7-4CBBA757AA04}" dt="2021-03-26T08:34:58.566" v="8615" actId="478"/>
          <ac:spMkLst>
            <pc:docMk/>
            <pc:sldMk cId="793282942" sldId="524"/>
            <ac:spMk id="25" creationId="{2577CAFE-31C6-A94E-B85C-D89570979E20}"/>
          </ac:spMkLst>
        </pc:spChg>
        <pc:spChg chg="del">
          <ac:chgData name="Daly Donnacha HSLU I" userId="0f22e960-400a-43ff-baeb-4828c8f5cd3a" providerId="ADAL" clId="{55F1696D-224E-654D-8EE7-4CBBA757AA04}" dt="2021-03-26T08:34:58.566" v="8615" actId="478"/>
          <ac:spMkLst>
            <pc:docMk/>
            <pc:sldMk cId="793282942" sldId="524"/>
            <ac:spMk id="26" creationId="{C2A149C5-8CFB-A143-96EB-03267CDB3CDD}"/>
          </ac:spMkLst>
        </pc:spChg>
        <pc:spChg chg="del">
          <ac:chgData name="Daly Donnacha HSLU I" userId="0f22e960-400a-43ff-baeb-4828c8f5cd3a" providerId="ADAL" clId="{55F1696D-224E-654D-8EE7-4CBBA757AA04}" dt="2021-03-26T08:34:58.566" v="8615" actId="478"/>
          <ac:spMkLst>
            <pc:docMk/>
            <pc:sldMk cId="793282942" sldId="524"/>
            <ac:spMk id="27" creationId="{99C8109F-510A-C74E-92E3-AA5ECD383472}"/>
          </ac:spMkLst>
        </pc:spChg>
        <pc:spChg chg="del">
          <ac:chgData name="Daly Donnacha HSLU I" userId="0f22e960-400a-43ff-baeb-4828c8f5cd3a" providerId="ADAL" clId="{55F1696D-224E-654D-8EE7-4CBBA757AA04}" dt="2021-03-26T08:34:58.566" v="8615" actId="478"/>
          <ac:spMkLst>
            <pc:docMk/>
            <pc:sldMk cId="793282942" sldId="524"/>
            <ac:spMk id="28" creationId="{DB3F6C2E-4536-654A-8721-51785857875C}"/>
          </ac:spMkLst>
        </pc:spChg>
        <pc:spChg chg="del">
          <ac:chgData name="Daly Donnacha HSLU I" userId="0f22e960-400a-43ff-baeb-4828c8f5cd3a" providerId="ADAL" clId="{55F1696D-224E-654D-8EE7-4CBBA757AA04}" dt="2021-03-26T08:34:58.566" v="8615" actId="478"/>
          <ac:spMkLst>
            <pc:docMk/>
            <pc:sldMk cId="793282942" sldId="524"/>
            <ac:spMk id="29" creationId="{6FDBD0C8-B806-B545-8738-D2B247D6AE54}"/>
          </ac:spMkLst>
        </pc:spChg>
        <pc:spChg chg="del">
          <ac:chgData name="Daly Donnacha HSLU I" userId="0f22e960-400a-43ff-baeb-4828c8f5cd3a" providerId="ADAL" clId="{55F1696D-224E-654D-8EE7-4CBBA757AA04}" dt="2021-03-26T08:34:58.566" v="8615" actId="478"/>
          <ac:spMkLst>
            <pc:docMk/>
            <pc:sldMk cId="793282942" sldId="524"/>
            <ac:spMk id="30" creationId="{B4DFD4F6-F0D3-A142-8267-1C8A8F48C78A}"/>
          </ac:spMkLst>
        </pc:spChg>
        <pc:spChg chg="del">
          <ac:chgData name="Daly Donnacha HSLU I" userId="0f22e960-400a-43ff-baeb-4828c8f5cd3a" providerId="ADAL" clId="{55F1696D-224E-654D-8EE7-4CBBA757AA04}" dt="2021-03-26T08:34:58.566" v="8615" actId="478"/>
          <ac:spMkLst>
            <pc:docMk/>
            <pc:sldMk cId="793282942" sldId="524"/>
            <ac:spMk id="31" creationId="{1F85F6FD-B8CD-4646-84FA-673ADBF785B8}"/>
          </ac:spMkLst>
        </pc:spChg>
        <pc:spChg chg="del">
          <ac:chgData name="Daly Donnacha HSLU I" userId="0f22e960-400a-43ff-baeb-4828c8f5cd3a" providerId="ADAL" clId="{55F1696D-224E-654D-8EE7-4CBBA757AA04}" dt="2021-03-26T08:34:58.566" v="8615" actId="478"/>
          <ac:spMkLst>
            <pc:docMk/>
            <pc:sldMk cId="793282942" sldId="524"/>
            <ac:spMk id="32" creationId="{1A109575-E8AC-9944-AFBB-4D9B256921E9}"/>
          </ac:spMkLst>
        </pc:spChg>
        <pc:spChg chg="del">
          <ac:chgData name="Daly Donnacha HSLU I" userId="0f22e960-400a-43ff-baeb-4828c8f5cd3a" providerId="ADAL" clId="{55F1696D-224E-654D-8EE7-4CBBA757AA04}" dt="2021-03-26T08:34:58.566" v="8615" actId="478"/>
          <ac:spMkLst>
            <pc:docMk/>
            <pc:sldMk cId="793282942" sldId="524"/>
            <ac:spMk id="33" creationId="{743455B7-2E76-8542-9118-6E982DAFC11A}"/>
          </ac:spMkLst>
        </pc:spChg>
        <pc:spChg chg="del">
          <ac:chgData name="Daly Donnacha HSLU I" userId="0f22e960-400a-43ff-baeb-4828c8f5cd3a" providerId="ADAL" clId="{55F1696D-224E-654D-8EE7-4CBBA757AA04}" dt="2021-03-26T08:34:58.566" v="8615" actId="478"/>
          <ac:spMkLst>
            <pc:docMk/>
            <pc:sldMk cId="793282942" sldId="524"/>
            <ac:spMk id="34" creationId="{095B0AA7-A36E-5F4A-BEBA-893EA5804E40}"/>
          </ac:spMkLst>
        </pc:spChg>
        <pc:spChg chg="del">
          <ac:chgData name="Daly Donnacha HSLU I" userId="0f22e960-400a-43ff-baeb-4828c8f5cd3a" providerId="ADAL" clId="{55F1696D-224E-654D-8EE7-4CBBA757AA04}" dt="2021-03-26T08:34:58.566" v="8615" actId="478"/>
          <ac:spMkLst>
            <pc:docMk/>
            <pc:sldMk cId="793282942" sldId="524"/>
            <ac:spMk id="35" creationId="{A2F58372-A971-3C4A-B0A1-B48C2DC88CEF}"/>
          </ac:spMkLst>
        </pc:spChg>
        <pc:spChg chg="del">
          <ac:chgData name="Daly Donnacha HSLU I" userId="0f22e960-400a-43ff-baeb-4828c8f5cd3a" providerId="ADAL" clId="{55F1696D-224E-654D-8EE7-4CBBA757AA04}" dt="2021-03-26T08:34:58.566" v="8615" actId="478"/>
          <ac:spMkLst>
            <pc:docMk/>
            <pc:sldMk cId="793282942" sldId="524"/>
            <ac:spMk id="36" creationId="{9AACC0C2-7C03-0744-9A25-2BFA29AFF552}"/>
          </ac:spMkLst>
        </pc:spChg>
        <pc:spChg chg="del">
          <ac:chgData name="Daly Donnacha HSLU I" userId="0f22e960-400a-43ff-baeb-4828c8f5cd3a" providerId="ADAL" clId="{55F1696D-224E-654D-8EE7-4CBBA757AA04}" dt="2021-03-26T08:34:58.566" v="8615" actId="478"/>
          <ac:spMkLst>
            <pc:docMk/>
            <pc:sldMk cId="793282942" sldId="524"/>
            <ac:spMk id="37" creationId="{7104D2EA-2534-B444-9B7A-E571DE4FF0C3}"/>
          </ac:spMkLst>
        </pc:spChg>
        <pc:spChg chg="del">
          <ac:chgData name="Daly Donnacha HSLU I" userId="0f22e960-400a-43ff-baeb-4828c8f5cd3a" providerId="ADAL" clId="{55F1696D-224E-654D-8EE7-4CBBA757AA04}" dt="2021-03-26T08:34:58.566" v="8615" actId="478"/>
          <ac:spMkLst>
            <pc:docMk/>
            <pc:sldMk cId="793282942" sldId="524"/>
            <ac:spMk id="38" creationId="{CD1589DF-BB5E-2242-9C5F-400849E248A4}"/>
          </ac:spMkLst>
        </pc:spChg>
        <pc:spChg chg="del">
          <ac:chgData name="Daly Donnacha HSLU I" userId="0f22e960-400a-43ff-baeb-4828c8f5cd3a" providerId="ADAL" clId="{55F1696D-224E-654D-8EE7-4CBBA757AA04}" dt="2021-03-26T08:34:58.566" v="8615" actId="478"/>
          <ac:spMkLst>
            <pc:docMk/>
            <pc:sldMk cId="793282942" sldId="524"/>
            <ac:spMk id="39" creationId="{F617F68B-2C0B-A74B-8D66-94753A80F77C}"/>
          </ac:spMkLst>
        </pc:spChg>
        <pc:spChg chg="del">
          <ac:chgData name="Daly Donnacha HSLU I" userId="0f22e960-400a-43ff-baeb-4828c8f5cd3a" providerId="ADAL" clId="{55F1696D-224E-654D-8EE7-4CBBA757AA04}" dt="2021-03-26T08:34:58.566" v="8615" actId="478"/>
          <ac:spMkLst>
            <pc:docMk/>
            <pc:sldMk cId="793282942" sldId="524"/>
            <ac:spMk id="40" creationId="{5B790931-0138-3E44-B752-DA6AC1C64531}"/>
          </ac:spMkLst>
        </pc:spChg>
        <pc:spChg chg="del">
          <ac:chgData name="Daly Donnacha HSLU I" userId="0f22e960-400a-43ff-baeb-4828c8f5cd3a" providerId="ADAL" clId="{55F1696D-224E-654D-8EE7-4CBBA757AA04}" dt="2021-03-26T08:34:58.566" v="8615" actId="478"/>
          <ac:spMkLst>
            <pc:docMk/>
            <pc:sldMk cId="793282942" sldId="524"/>
            <ac:spMk id="41" creationId="{5DDCC179-AFDD-EB42-A3F5-8C571F595A9F}"/>
          </ac:spMkLst>
        </pc:spChg>
        <pc:spChg chg="del">
          <ac:chgData name="Daly Donnacha HSLU I" userId="0f22e960-400a-43ff-baeb-4828c8f5cd3a" providerId="ADAL" clId="{55F1696D-224E-654D-8EE7-4CBBA757AA04}" dt="2021-03-26T08:34:58.566" v="8615" actId="478"/>
          <ac:spMkLst>
            <pc:docMk/>
            <pc:sldMk cId="793282942" sldId="524"/>
            <ac:spMk id="42" creationId="{A7588A52-4EB9-D34E-8220-9E8034305C87}"/>
          </ac:spMkLst>
        </pc:spChg>
        <pc:spChg chg="del">
          <ac:chgData name="Daly Donnacha HSLU I" userId="0f22e960-400a-43ff-baeb-4828c8f5cd3a" providerId="ADAL" clId="{55F1696D-224E-654D-8EE7-4CBBA757AA04}" dt="2021-03-26T08:34:58.566" v="8615" actId="478"/>
          <ac:spMkLst>
            <pc:docMk/>
            <pc:sldMk cId="793282942" sldId="524"/>
            <ac:spMk id="43" creationId="{05A67147-A26E-6645-AE80-9C3601CB51A1}"/>
          </ac:spMkLst>
        </pc:spChg>
        <pc:spChg chg="del">
          <ac:chgData name="Daly Donnacha HSLU I" userId="0f22e960-400a-43ff-baeb-4828c8f5cd3a" providerId="ADAL" clId="{55F1696D-224E-654D-8EE7-4CBBA757AA04}" dt="2021-03-26T08:34:58.566" v="8615" actId="478"/>
          <ac:spMkLst>
            <pc:docMk/>
            <pc:sldMk cId="793282942" sldId="524"/>
            <ac:spMk id="44" creationId="{265856B5-B034-6845-BDC5-8C906E9C1CA9}"/>
          </ac:spMkLst>
        </pc:spChg>
        <pc:spChg chg="del">
          <ac:chgData name="Daly Donnacha HSLU I" userId="0f22e960-400a-43ff-baeb-4828c8f5cd3a" providerId="ADAL" clId="{55F1696D-224E-654D-8EE7-4CBBA757AA04}" dt="2021-03-26T08:34:58.566" v="8615" actId="478"/>
          <ac:spMkLst>
            <pc:docMk/>
            <pc:sldMk cId="793282942" sldId="524"/>
            <ac:spMk id="55" creationId="{A3DD9910-3F82-0E47-A669-E1FABDD7F85F}"/>
          </ac:spMkLst>
        </pc:spChg>
        <pc:spChg chg="del">
          <ac:chgData name="Daly Donnacha HSLU I" userId="0f22e960-400a-43ff-baeb-4828c8f5cd3a" providerId="ADAL" clId="{55F1696D-224E-654D-8EE7-4CBBA757AA04}" dt="2021-03-26T08:34:58.566" v="8615" actId="478"/>
          <ac:spMkLst>
            <pc:docMk/>
            <pc:sldMk cId="793282942" sldId="524"/>
            <ac:spMk id="56" creationId="{875A4B6C-4C44-BE4A-BE9A-978F151996F1}"/>
          </ac:spMkLst>
        </pc:spChg>
        <pc:spChg chg="del">
          <ac:chgData name="Daly Donnacha HSLU I" userId="0f22e960-400a-43ff-baeb-4828c8f5cd3a" providerId="ADAL" clId="{55F1696D-224E-654D-8EE7-4CBBA757AA04}" dt="2021-03-26T08:34:58.566" v="8615" actId="478"/>
          <ac:spMkLst>
            <pc:docMk/>
            <pc:sldMk cId="793282942" sldId="524"/>
            <ac:spMk id="57" creationId="{F9B2B37C-8AFB-984B-9D7C-829D35F89E57}"/>
          </ac:spMkLst>
        </pc:spChg>
        <pc:spChg chg="del">
          <ac:chgData name="Daly Donnacha HSLU I" userId="0f22e960-400a-43ff-baeb-4828c8f5cd3a" providerId="ADAL" clId="{55F1696D-224E-654D-8EE7-4CBBA757AA04}" dt="2021-03-26T08:34:58.566" v="8615" actId="478"/>
          <ac:spMkLst>
            <pc:docMk/>
            <pc:sldMk cId="793282942" sldId="524"/>
            <ac:spMk id="58" creationId="{0ACD3EFD-93FD-B344-A572-089071A9DC28}"/>
          </ac:spMkLst>
        </pc:spChg>
        <pc:spChg chg="del">
          <ac:chgData name="Daly Donnacha HSLU I" userId="0f22e960-400a-43ff-baeb-4828c8f5cd3a" providerId="ADAL" clId="{55F1696D-224E-654D-8EE7-4CBBA757AA04}" dt="2021-03-26T08:34:58.566" v="8615" actId="478"/>
          <ac:spMkLst>
            <pc:docMk/>
            <pc:sldMk cId="793282942" sldId="524"/>
            <ac:spMk id="59" creationId="{F3F5CF4F-C3E7-D940-839F-EC2E8FFF5392}"/>
          </ac:spMkLst>
        </pc:spChg>
        <pc:spChg chg="del">
          <ac:chgData name="Daly Donnacha HSLU I" userId="0f22e960-400a-43ff-baeb-4828c8f5cd3a" providerId="ADAL" clId="{55F1696D-224E-654D-8EE7-4CBBA757AA04}" dt="2021-03-26T08:34:58.566" v="8615" actId="478"/>
          <ac:spMkLst>
            <pc:docMk/>
            <pc:sldMk cId="793282942" sldId="524"/>
            <ac:spMk id="60" creationId="{307BD75E-BA3A-2149-B360-8636DA403D9C}"/>
          </ac:spMkLst>
        </pc:spChg>
        <pc:spChg chg="del">
          <ac:chgData name="Daly Donnacha HSLU I" userId="0f22e960-400a-43ff-baeb-4828c8f5cd3a" providerId="ADAL" clId="{55F1696D-224E-654D-8EE7-4CBBA757AA04}" dt="2021-03-26T08:34:58.566" v="8615" actId="478"/>
          <ac:spMkLst>
            <pc:docMk/>
            <pc:sldMk cId="793282942" sldId="524"/>
            <ac:spMk id="61" creationId="{85C3D959-2BF6-DE44-B02F-2DBFE91D1F48}"/>
          </ac:spMkLst>
        </pc:spChg>
        <pc:spChg chg="del">
          <ac:chgData name="Daly Donnacha HSLU I" userId="0f22e960-400a-43ff-baeb-4828c8f5cd3a" providerId="ADAL" clId="{55F1696D-224E-654D-8EE7-4CBBA757AA04}" dt="2021-03-26T08:34:58.566" v="8615" actId="478"/>
          <ac:spMkLst>
            <pc:docMk/>
            <pc:sldMk cId="793282942" sldId="524"/>
            <ac:spMk id="62" creationId="{9FBA29AA-F0A9-4047-BFAD-5C8317981676}"/>
          </ac:spMkLst>
        </pc:spChg>
        <pc:spChg chg="del">
          <ac:chgData name="Daly Donnacha HSLU I" userId="0f22e960-400a-43ff-baeb-4828c8f5cd3a" providerId="ADAL" clId="{55F1696D-224E-654D-8EE7-4CBBA757AA04}" dt="2021-03-26T08:34:58.566" v="8615" actId="478"/>
          <ac:spMkLst>
            <pc:docMk/>
            <pc:sldMk cId="793282942" sldId="524"/>
            <ac:spMk id="63" creationId="{86BBEAF2-B11A-514E-B3AE-D02A06FEE905}"/>
          </ac:spMkLst>
        </pc:spChg>
        <pc:spChg chg="del">
          <ac:chgData name="Daly Donnacha HSLU I" userId="0f22e960-400a-43ff-baeb-4828c8f5cd3a" providerId="ADAL" clId="{55F1696D-224E-654D-8EE7-4CBBA757AA04}" dt="2021-03-26T08:34:58.566" v="8615" actId="478"/>
          <ac:spMkLst>
            <pc:docMk/>
            <pc:sldMk cId="793282942" sldId="524"/>
            <ac:spMk id="64" creationId="{E2FEFC26-D7B7-4249-A8BF-3E8BBA28B728}"/>
          </ac:spMkLst>
        </pc:spChg>
        <pc:spChg chg="del">
          <ac:chgData name="Daly Donnacha HSLU I" userId="0f22e960-400a-43ff-baeb-4828c8f5cd3a" providerId="ADAL" clId="{55F1696D-224E-654D-8EE7-4CBBA757AA04}" dt="2021-03-26T08:34:58.566" v="8615" actId="478"/>
          <ac:spMkLst>
            <pc:docMk/>
            <pc:sldMk cId="793282942" sldId="524"/>
            <ac:spMk id="65" creationId="{1F55EA65-AD8C-884D-A54B-5A8F90D136CA}"/>
          </ac:spMkLst>
        </pc:spChg>
        <pc:spChg chg="del">
          <ac:chgData name="Daly Donnacha HSLU I" userId="0f22e960-400a-43ff-baeb-4828c8f5cd3a" providerId="ADAL" clId="{55F1696D-224E-654D-8EE7-4CBBA757AA04}" dt="2021-03-26T08:34:58.566" v="8615" actId="478"/>
          <ac:spMkLst>
            <pc:docMk/>
            <pc:sldMk cId="793282942" sldId="524"/>
            <ac:spMk id="66" creationId="{4D9F5669-378C-2A4E-8A73-6A1E1D85322B}"/>
          </ac:spMkLst>
        </pc:spChg>
        <pc:spChg chg="del">
          <ac:chgData name="Daly Donnacha HSLU I" userId="0f22e960-400a-43ff-baeb-4828c8f5cd3a" providerId="ADAL" clId="{55F1696D-224E-654D-8EE7-4CBBA757AA04}" dt="2021-03-26T08:34:58.566" v="8615" actId="478"/>
          <ac:spMkLst>
            <pc:docMk/>
            <pc:sldMk cId="793282942" sldId="524"/>
            <ac:spMk id="67" creationId="{3A1B25CF-FCF6-1042-9FDE-01ACCE928B42}"/>
          </ac:spMkLst>
        </pc:spChg>
        <pc:spChg chg="del">
          <ac:chgData name="Daly Donnacha HSLU I" userId="0f22e960-400a-43ff-baeb-4828c8f5cd3a" providerId="ADAL" clId="{55F1696D-224E-654D-8EE7-4CBBA757AA04}" dt="2021-03-26T08:34:58.566" v="8615" actId="478"/>
          <ac:spMkLst>
            <pc:docMk/>
            <pc:sldMk cId="793282942" sldId="524"/>
            <ac:spMk id="68" creationId="{5726BC7D-B606-C141-9791-D9A70A034324}"/>
          </ac:spMkLst>
        </pc:spChg>
        <pc:spChg chg="del">
          <ac:chgData name="Daly Donnacha HSLU I" userId="0f22e960-400a-43ff-baeb-4828c8f5cd3a" providerId="ADAL" clId="{55F1696D-224E-654D-8EE7-4CBBA757AA04}" dt="2021-03-26T08:37:33.758" v="8827" actId="478"/>
          <ac:spMkLst>
            <pc:docMk/>
            <pc:sldMk cId="793282942" sldId="524"/>
            <ac:spMk id="69" creationId="{8D723E59-4C82-3149-A3C1-5ED4FE0969AF}"/>
          </ac:spMkLst>
        </pc:spChg>
        <pc:spChg chg="mod">
          <ac:chgData name="Daly Donnacha HSLU I" userId="0f22e960-400a-43ff-baeb-4828c8f5cd3a" providerId="ADAL" clId="{55F1696D-224E-654D-8EE7-4CBBA757AA04}" dt="2021-03-26T10:16:07.496" v="10455" actId="1076"/>
          <ac:spMkLst>
            <pc:docMk/>
            <pc:sldMk cId="793282942" sldId="524"/>
            <ac:spMk id="70" creationId="{A656B62C-D4DE-2848-981A-9F1F508B5A82}"/>
          </ac:spMkLst>
        </pc:spChg>
        <pc:spChg chg="mod">
          <ac:chgData name="Daly Donnacha HSLU I" userId="0f22e960-400a-43ff-baeb-4828c8f5cd3a" providerId="ADAL" clId="{55F1696D-224E-654D-8EE7-4CBBA757AA04}" dt="2021-03-26T10:15:51.262" v="10452" actId="1035"/>
          <ac:spMkLst>
            <pc:docMk/>
            <pc:sldMk cId="793282942" sldId="524"/>
            <ac:spMk id="73" creationId="{A5C4CE62-0F71-374F-9AFA-75472204255C}"/>
          </ac:spMkLst>
        </pc:spChg>
        <pc:spChg chg="mod">
          <ac:chgData name="Daly Donnacha HSLU I" userId="0f22e960-400a-43ff-baeb-4828c8f5cd3a" providerId="ADAL" clId="{55F1696D-224E-654D-8EE7-4CBBA757AA04}" dt="2021-03-26T10:15:51.262" v="10452" actId="1035"/>
          <ac:spMkLst>
            <pc:docMk/>
            <pc:sldMk cId="793282942" sldId="524"/>
            <ac:spMk id="74" creationId="{35016284-5A52-6A45-A497-985107E5B6D0}"/>
          </ac:spMkLst>
        </pc:spChg>
        <pc:spChg chg="mod">
          <ac:chgData name="Daly Donnacha HSLU I" userId="0f22e960-400a-43ff-baeb-4828c8f5cd3a" providerId="ADAL" clId="{55F1696D-224E-654D-8EE7-4CBBA757AA04}" dt="2021-03-26T10:15:51.262" v="10452" actId="1035"/>
          <ac:spMkLst>
            <pc:docMk/>
            <pc:sldMk cId="793282942" sldId="524"/>
            <ac:spMk id="75" creationId="{96506380-1C68-2D40-84F8-95A77B28EA25}"/>
          </ac:spMkLst>
        </pc:spChg>
        <pc:spChg chg="mod">
          <ac:chgData name="Daly Donnacha HSLU I" userId="0f22e960-400a-43ff-baeb-4828c8f5cd3a" providerId="ADAL" clId="{55F1696D-224E-654D-8EE7-4CBBA757AA04}" dt="2021-03-26T10:15:51.262" v="10452" actId="1035"/>
          <ac:spMkLst>
            <pc:docMk/>
            <pc:sldMk cId="793282942" sldId="524"/>
            <ac:spMk id="76" creationId="{17FCCD5B-592C-2E4F-972A-F89886C137E3}"/>
          </ac:spMkLst>
        </pc:spChg>
        <pc:spChg chg="mod">
          <ac:chgData name="Daly Donnacha HSLU I" userId="0f22e960-400a-43ff-baeb-4828c8f5cd3a" providerId="ADAL" clId="{55F1696D-224E-654D-8EE7-4CBBA757AA04}" dt="2021-03-26T10:15:51.262" v="10452" actId="1035"/>
          <ac:spMkLst>
            <pc:docMk/>
            <pc:sldMk cId="793282942" sldId="524"/>
            <ac:spMk id="77" creationId="{0EC92737-CF6F-6346-951A-89826C36A660}"/>
          </ac:spMkLst>
        </pc:spChg>
        <pc:spChg chg="mod">
          <ac:chgData name="Daly Donnacha HSLU I" userId="0f22e960-400a-43ff-baeb-4828c8f5cd3a" providerId="ADAL" clId="{55F1696D-224E-654D-8EE7-4CBBA757AA04}" dt="2021-03-26T10:15:51.262" v="10452" actId="1035"/>
          <ac:spMkLst>
            <pc:docMk/>
            <pc:sldMk cId="793282942" sldId="524"/>
            <ac:spMk id="78" creationId="{BA0B6A97-A141-8E49-AD47-AE6D1585B3CB}"/>
          </ac:spMkLst>
        </pc:spChg>
        <pc:spChg chg="mod">
          <ac:chgData name="Daly Donnacha HSLU I" userId="0f22e960-400a-43ff-baeb-4828c8f5cd3a" providerId="ADAL" clId="{55F1696D-224E-654D-8EE7-4CBBA757AA04}" dt="2021-03-26T10:15:51.262" v="10452" actId="1035"/>
          <ac:spMkLst>
            <pc:docMk/>
            <pc:sldMk cId="793282942" sldId="524"/>
            <ac:spMk id="79" creationId="{63EB9282-4FCF-CA45-A3BA-2EDE0B407117}"/>
          </ac:spMkLst>
        </pc:spChg>
        <pc:spChg chg="mod">
          <ac:chgData name="Daly Donnacha HSLU I" userId="0f22e960-400a-43ff-baeb-4828c8f5cd3a" providerId="ADAL" clId="{55F1696D-224E-654D-8EE7-4CBBA757AA04}" dt="2021-03-26T10:15:51.262" v="10452" actId="1035"/>
          <ac:spMkLst>
            <pc:docMk/>
            <pc:sldMk cId="793282942" sldId="524"/>
            <ac:spMk id="80" creationId="{544A3B58-A3B6-8A49-AEBB-A4018F192F96}"/>
          </ac:spMkLst>
        </pc:spChg>
        <pc:spChg chg="mod">
          <ac:chgData name="Daly Donnacha HSLU I" userId="0f22e960-400a-43ff-baeb-4828c8f5cd3a" providerId="ADAL" clId="{55F1696D-224E-654D-8EE7-4CBBA757AA04}" dt="2021-03-26T10:15:51.262" v="10452" actId="1035"/>
          <ac:spMkLst>
            <pc:docMk/>
            <pc:sldMk cId="793282942" sldId="524"/>
            <ac:spMk id="81" creationId="{C0EF396B-E460-8D40-B9BF-45D11B59E72D}"/>
          </ac:spMkLst>
        </pc:spChg>
        <pc:spChg chg="mod">
          <ac:chgData name="Daly Donnacha HSLU I" userId="0f22e960-400a-43ff-baeb-4828c8f5cd3a" providerId="ADAL" clId="{55F1696D-224E-654D-8EE7-4CBBA757AA04}" dt="2021-03-26T10:15:51.262" v="10452" actId="1035"/>
          <ac:spMkLst>
            <pc:docMk/>
            <pc:sldMk cId="793282942" sldId="524"/>
            <ac:spMk id="82" creationId="{7F90241F-497C-D341-A553-0081F4DEA767}"/>
          </ac:spMkLst>
        </pc:spChg>
        <pc:spChg chg="mod">
          <ac:chgData name="Daly Donnacha HSLU I" userId="0f22e960-400a-43ff-baeb-4828c8f5cd3a" providerId="ADAL" clId="{55F1696D-224E-654D-8EE7-4CBBA757AA04}" dt="2021-03-26T10:15:51.262" v="10452" actId="1035"/>
          <ac:spMkLst>
            <pc:docMk/>
            <pc:sldMk cId="793282942" sldId="524"/>
            <ac:spMk id="83" creationId="{4E4DC0AD-D9F1-E84F-845B-112618B593A1}"/>
          </ac:spMkLst>
        </pc:spChg>
        <pc:spChg chg="mod">
          <ac:chgData name="Daly Donnacha HSLU I" userId="0f22e960-400a-43ff-baeb-4828c8f5cd3a" providerId="ADAL" clId="{55F1696D-224E-654D-8EE7-4CBBA757AA04}" dt="2021-03-26T10:15:51.262" v="10452" actId="1035"/>
          <ac:spMkLst>
            <pc:docMk/>
            <pc:sldMk cId="793282942" sldId="524"/>
            <ac:spMk id="84" creationId="{E2B7D211-5872-5445-98EA-7CF1ECBBA599}"/>
          </ac:spMkLst>
        </pc:spChg>
        <pc:spChg chg="mod">
          <ac:chgData name="Daly Donnacha HSLU I" userId="0f22e960-400a-43ff-baeb-4828c8f5cd3a" providerId="ADAL" clId="{55F1696D-224E-654D-8EE7-4CBBA757AA04}" dt="2021-03-26T10:15:51.262" v="10452" actId="1035"/>
          <ac:spMkLst>
            <pc:docMk/>
            <pc:sldMk cId="793282942" sldId="524"/>
            <ac:spMk id="85" creationId="{9CD6F8EB-5375-554D-B788-6092A416EAC0}"/>
          </ac:spMkLst>
        </pc:spChg>
        <pc:spChg chg="mod">
          <ac:chgData name="Daly Donnacha HSLU I" userId="0f22e960-400a-43ff-baeb-4828c8f5cd3a" providerId="ADAL" clId="{55F1696D-224E-654D-8EE7-4CBBA757AA04}" dt="2021-03-26T10:15:51.262" v="10452" actId="1035"/>
          <ac:spMkLst>
            <pc:docMk/>
            <pc:sldMk cId="793282942" sldId="524"/>
            <ac:spMk id="86" creationId="{25797157-A05C-714A-8D2C-C6527C5E5600}"/>
          </ac:spMkLst>
        </pc:spChg>
        <pc:spChg chg="mod">
          <ac:chgData name="Daly Donnacha HSLU I" userId="0f22e960-400a-43ff-baeb-4828c8f5cd3a" providerId="ADAL" clId="{55F1696D-224E-654D-8EE7-4CBBA757AA04}" dt="2021-03-26T10:15:51.262" v="10452" actId="1035"/>
          <ac:spMkLst>
            <pc:docMk/>
            <pc:sldMk cId="793282942" sldId="524"/>
            <ac:spMk id="87" creationId="{B8FCDE04-7405-CC41-B877-7B06FF6D27EF}"/>
          </ac:spMkLst>
        </pc:spChg>
        <pc:spChg chg="mod">
          <ac:chgData name="Daly Donnacha HSLU I" userId="0f22e960-400a-43ff-baeb-4828c8f5cd3a" providerId="ADAL" clId="{55F1696D-224E-654D-8EE7-4CBBA757AA04}" dt="2021-03-26T10:15:51.262" v="10452" actId="1035"/>
          <ac:spMkLst>
            <pc:docMk/>
            <pc:sldMk cId="793282942" sldId="524"/>
            <ac:spMk id="88" creationId="{33EF307F-5414-9847-AAA7-D1D594487B08}"/>
          </ac:spMkLst>
        </pc:spChg>
        <pc:spChg chg="mod">
          <ac:chgData name="Daly Donnacha HSLU I" userId="0f22e960-400a-43ff-baeb-4828c8f5cd3a" providerId="ADAL" clId="{55F1696D-224E-654D-8EE7-4CBBA757AA04}" dt="2021-03-26T10:15:51.262" v="10452" actId="1035"/>
          <ac:spMkLst>
            <pc:docMk/>
            <pc:sldMk cId="793282942" sldId="524"/>
            <ac:spMk id="89" creationId="{1FEBFF39-8368-A04B-B7B7-AF9183ECAB2B}"/>
          </ac:spMkLst>
        </pc:spChg>
        <pc:spChg chg="mod">
          <ac:chgData name="Daly Donnacha HSLU I" userId="0f22e960-400a-43ff-baeb-4828c8f5cd3a" providerId="ADAL" clId="{55F1696D-224E-654D-8EE7-4CBBA757AA04}" dt="2021-03-26T10:15:51.262" v="10452" actId="1035"/>
          <ac:spMkLst>
            <pc:docMk/>
            <pc:sldMk cId="793282942" sldId="524"/>
            <ac:spMk id="90" creationId="{D285E97E-98CC-4E4D-BFDE-54DA2AC89BEB}"/>
          </ac:spMkLst>
        </pc:spChg>
        <pc:spChg chg="mod">
          <ac:chgData name="Daly Donnacha HSLU I" userId="0f22e960-400a-43ff-baeb-4828c8f5cd3a" providerId="ADAL" clId="{55F1696D-224E-654D-8EE7-4CBBA757AA04}" dt="2021-03-26T10:15:51.262" v="10452" actId="1035"/>
          <ac:spMkLst>
            <pc:docMk/>
            <pc:sldMk cId="793282942" sldId="524"/>
            <ac:spMk id="91" creationId="{C1476A96-BB32-2445-892C-51F5E1ACE2A5}"/>
          </ac:spMkLst>
        </pc:spChg>
        <pc:spChg chg="mod">
          <ac:chgData name="Daly Donnacha HSLU I" userId="0f22e960-400a-43ff-baeb-4828c8f5cd3a" providerId="ADAL" clId="{55F1696D-224E-654D-8EE7-4CBBA757AA04}" dt="2021-03-26T10:15:51.262" v="10452" actId="1035"/>
          <ac:spMkLst>
            <pc:docMk/>
            <pc:sldMk cId="793282942" sldId="524"/>
            <ac:spMk id="92" creationId="{19EFB4EF-56F8-1541-BEAF-A2799659A8F1}"/>
          </ac:spMkLst>
        </pc:spChg>
        <pc:spChg chg="mod">
          <ac:chgData name="Daly Donnacha HSLU I" userId="0f22e960-400a-43ff-baeb-4828c8f5cd3a" providerId="ADAL" clId="{55F1696D-224E-654D-8EE7-4CBBA757AA04}" dt="2021-03-26T10:15:51.262" v="10452" actId="1035"/>
          <ac:spMkLst>
            <pc:docMk/>
            <pc:sldMk cId="793282942" sldId="524"/>
            <ac:spMk id="93" creationId="{7F5CBFFF-C11D-C448-BB2B-C0EE0AAF5264}"/>
          </ac:spMkLst>
        </pc:spChg>
        <pc:spChg chg="mod">
          <ac:chgData name="Daly Donnacha HSLU I" userId="0f22e960-400a-43ff-baeb-4828c8f5cd3a" providerId="ADAL" clId="{55F1696D-224E-654D-8EE7-4CBBA757AA04}" dt="2021-03-26T10:15:51.262" v="10452" actId="1035"/>
          <ac:spMkLst>
            <pc:docMk/>
            <pc:sldMk cId="793282942" sldId="524"/>
            <ac:spMk id="94" creationId="{5895D9E5-DCCE-B34C-ADA1-94E84284B386}"/>
          </ac:spMkLst>
        </pc:spChg>
        <pc:spChg chg="mod">
          <ac:chgData name="Daly Donnacha HSLU I" userId="0f22e960-400a-43ff-baeb-4828c8f5cd3a" providerId="ADAL" clId="{55F1696D-224E-654D-8EE7-4CBBA757AA04}" dt="2021-03-26T10:15:51.262" v="10452" actId="1035"/>
          <ac:spMkLst>
            <pc:docMk/>
            <pc:sldMk cId="793282942" sldId="524"/>
            <ac:spMk id="95" creationId="{F3026768-451D-2B44-98DF-595899B26FFA}"/>
          </ac:spMkLst>
        </pc:spChg>
        <pc:spChg chg="mod">
          <ac:chgData name="Daly Donnacha HSLU I" userId="0f22e960-400a-43ff-baeb-4828c8f5cd3a" providerId="ADAL" clId="{55F1696D-224E-654D-8EE7-4CBBA757AA04}" dt="2021-03-26T10:15:51.262" v="10452" actId="1035"/>
          <ac:spMkLst>
            <pc:docMk/>
            <pc:sldMk cId="793282942" sldId="524"/>
            <ac:spMk id="96" creationId="{78E59A78-FE23-B343-ABC5-CC2D0BC9BCA3}"/>
          </ac:spMkLst>
        </pc:spChg>
        <pc:spChg chg="mod">
          <ac:chgData name="Daly Donnacha HSLU I" userId="0f22e960-400a-43ff-baeb-4828c8f5cd3a" providerId="ADAL" clId="{55F1696D-224E-654D-8EE7-4CBBA757AA04}" dt="2021-03-26T10:15:51.262" v="10452" actId="1035"/>
          <ac:spMkLst>
            <pc:docMk/>
            <pc:sldMk cId="793282942" sldId="524"/>
            <ac:spMk id="97" creationId="{4B4F5353-26A6-3345-83B2-D4A593851032}"/>
          </ac:spMkLst>
        </pc:spChg>
        <pc:spChg chg="mod">
          <ac:chgData name="Daly Donnacha HSLU I" userId="0f22e960-400a-43ff-baeb-4828c8f5cd3a" providerId="ADAL" clId="{55F1696D-224E-654D-8EE7-4CBBA757AA04}" dt="2021-03-26T10:15:51.262" v="10452" actId="1035"/>
          <ac:spMkLst>
            <pc:docMk/>
            <pc:sldMk cId="793282942" sldId="524"/>
            <ac:spMk id="98" creationId="{5A8A93DB-A61D-1D48-B675-7E143BABC322}"/>
          </ac:spMkLst>
        </pc:spChg>
        <pc:spChg chg="mod">
          <ac:chgData name="Daly Donnacha HSLU I" userId="0f22e960-400a-43ff-baeb-4828c8f5cd3a" providerId="ADAL" clId="{55F1696D-224E-654D-8EE7-4CBBA757AA04}" dt="2021-03-26T10:15:51.262" v="10452" actId="1035"/>
          <ac:spMkLst>
            <pc:docMk/>
            <pc:sldMk cId="793282942" sldId="524"/>
            <ac:spMk id="99" creationId="{B69A8484-243A-0D4A-B9C4-0647E93F4545}"/>
          </ac:spMkLst>
        </pc:spChg>
        <pc:spChg chg="mod">
          <ac:chgData name="Daly Donnacha HSLU I" userId="0f22e960-400a-43ff-baeb-4828c8f5cd3a" providerId="ADAL" clId="{55F1696D-224E-654D-8EE7-4CBBA757AA04}" dt="2021-03-26T10:15:51.262" v="10452" actId="1035"/>
          <ac:spMkLst>
            <pc:docMk/>
            <pc:sldMk cId="793282942" sldId="524"/>
            <ac:spMk id="100" creationId="{3095178B-EF98-7B47-A5D3-52742880DB70}"/>
          </ac:spMkLst>
        </pc:spChg>
        <pc:spChg chg="mod">
          <ac:chgData name="Daly Donnacha HSLU I" userId="0f22e960-400a-43ff-baeb-4828c8f5cd3a" providerId="ADAL" clId="{55F1696D-224E-654D-8EE7-4CBBA757AA04}" dt="2021-03-26T10:15:51.262" v="10452" actId="1035"/>
          <ac:spMkLst>
            <pc:docMk/>
            <pc:sldMk cId="793282942" sldId="524"/>
            <ac:spMk id="101" creationId="{0F4E2E11-E511-BF43-8C4A-14DE34416986}"/>
          </ac:spMkLst>
        </pc:spChg>
        <pc:spChg chg="mod">
          <ac:chgData name="Daly Donnacha HSLU I" userId="0f22e960-400a-43ff-baeb-4828c8f5cd3a" providerId="ADAL" clId="{55F1696D-224E-654D-8EE7-4CBBA757AA04}" dt="2021-03-26T10:15:51.262" v="10452" actId="1035"/>
          <ac:spMkLst>
            <pc:docMk/>
            <pc:sldMk cId="793282942" sldId="524"/>
            <ac:spMk id="102" creationId="{C72BC3B9-028F-7947-AC4B-F4BA2E870C83}"/>
          </ac:spMkLst>
        </pc:spChg>
        <pc:spChg chg="mod">
          <ac:chgData name="Daly Donnacha HSLU I" userId="0f22e960-400a-43ff-baeb-4828c8f5cd3a" providerId="ADAL" clId="{55F1696D-224E-654D-8EE7-4CBBA757AA04}" dt="2021-03-26T10:15:51.262" v="10452" actId="1035"/>
          <ac:spMkLst>
            <pc:docMk/>
            <pc:sldMk cId="793282942" sldId="524"/>
            <ac:spMk id="103" creationId="{165683AB-B178-C749-B23E-7B319D5BEB64}"/>
          </ac:spMkLst>
        </pc:spChg>
        <pc:spChg chg="mod">
          <ac:chgData name="Daly Donnacha HSLU I" userId="0f22e960-400a-43ff-baeb-4828c8f5cd3a" providerId="ADAL" clId="{55F1696D-224E-654D-8EE7-4CBBA757AA04}" dt="2021-03-26T10:15:51.262" v="10452" actId="1035"/>
          <ac:spMkLst>
            <pc:docMk/>
            <pc:sldMk cId="793282942" sldId="524"/>
            <ac:spMk id="104" creationId="{6610D712-9A22-804B-9C76-52046FC6D1C6}"/>
          </ac:spMkLst>
        </pc:spChg>
        <pc:spChg chg="mod">
          <ac:chgData name="Daly Donnacha HSLU I" userId="0f22e960-400a-43ff-baeb-4828c8f5cd3a" providerId="ADAL" clId="{55F1696D-224E-654D-8EE7-4CBBA757AA04}" dt="2021-03-26T10:15:51.262" v="10452" actId="1035"/>
          <ac:spMkLst>
            <pc:docMk/>
            <pc:sldMk cId="793282942" sldId="524"/>
            <ac:spMk id="105" creationId="{2397EE9F-2912-A94A-8438-E141154D1435}"/>
          </ac:spMkLst>
        </pc:spChg>
        <pc:spChg chg="mod">
          <ac:chgData name="Daly Donnacha HSLU I" userId="0f22e960-400a-43ff-baeb-4828c8f5cd3a" providerId="ADAL" clId="{55F1696D-224E-654D-8EE7-4CBBA757AA04}" dt="2021-03-26T10:15:51.262" v="10452" actId="1035"/>
          <ac:spMkLst>
            <pc:docMk/>
            <pc:sldMk cId="793282942" sldId="524"/>
            <ac:spMk id="106" creationId="{867FBB3F-BB89-744F-9012-2059C0F562E7}"/>
          </ac:spMkLst>
        </pc:spChg>
        <pc:spChg chg="mod">
          <ac:chgData name="Daly Donnacha HSLU I" userId="0f22e960-400a-43ff-baeb-4828c8f5cd3a" providerId="ADAL" clId="{55F1696D-224E-654D-8EE7-4CBBA757AA04}" dt="2021-03-26T10:15:51.262" v="10452" actId="1035"/>
          <ac:spMkLst>
            <pc:docMk/>
            <pc:sldMk cId="793282942" sldId="524"/>
            <ac:spMk id="124" creationId="{485DAAF6-CC5C-0D4F-8C29-A1EB13454402}"/>
          </ac:spMkLst>
        </pc:spChg>
        <pc:spChg chg="mod">
          <ac:chgData name="Daly Donnacha HSLU I" userId="0f22e960-400a-43ff-baeb-4828c8f5cd3a" providerId="ADAL" clId="{55F1696D-224E-654D-8EE7-4CBBA757AA04}" dt="2021-03-26T10:15:51.262" v="10452" actId="1035"/>
          <ac:spMkLst>
            <pc:docMk/>
            <pc:sldMk cId="793282942" sldId="524"/>
            <ac:spMk id="125" creationId="{F2CC4644-C4B0-534C-AD5D-095223860104}"/>
          </ac:spMkLst>
        </pc:spChg>
        <pc:spChg chg="mod">
          <ac:chgData name="Daly Donnacha HSLU I" userId="0f22e960-400a-43ff-baeb-4828c8f5cd3a" providerId="ADAL" clId="{55F1696D-224E-654D-8EE7-4CBBA757AA04}" dt="2021-03-26T10:16:07.496" v="10455" actId="1076"/>
          <ac:spMkLst>
            <pc:docMk/>
            <pc:sldMk cId="793282942" sldId="524"/>
            <ac:spMk id="126" creationId="{4C804488-747A-474D-A24D-5B5EA206D153}"/>
          </ac:spMkLst>
        </pc:spChg>
        <pc:spChg chg="mod">
          <ac:chgData name="Daly Donnacha HSLU I" userId="0f22e960-400a-43ff-baeb-4828c8f5cd3a" providerId="ADAL" clId="{55F1696D-224E-654D-8EE7-4CBBA757AA04}" dt="2021-03-26T10:16:07.496" v="10455" actId="1076"/>
          <ac:spMkLst>
            <pc:docMk/>
            <pc:sldMk cId="793282942" sldId="524"/>
            <ac:spMk id="127" creationId="{6A62B8DC-7FE5-C448-9C91-240AB425462A}"/>
          </ac:spMkLst>
        </pc:spChg>
        <pc:spChg chg="mod">
          <ac:chgData name="Daly Donnacha HSLU I" userId="0f22e960-400a-43ff-baeb-4828c8f5cd3a" providerId="ADAL" clId="{55F1696D-224E-654D-8EE7-4CBBA757AA04}" dt="2021-03-26T10:16:07.496" v="10455" actId="1076"/>
          <ac:spMkLst>
            <pc:docMk/>
            <pc:sldMk cId="793282942" sldId="524"/>
            <ac:spMk id="128" creationId="{21912E5D-45FC-6941-B6AA-BBE7DF25791A}"/>
          </ac:spMkLst>
        </pc:spChg>
        <pc:spChg chg="mod">
          <ac:chgData name="Daly Donnacha HSLU I" userId="0f22e960-400a-43ff-baeb-4828c8f5cd3a" providerId="ADAL" clId="{55F1696D-224E-654D-8EE7-4CBBA757AA04}" dt="2021-03-26T10:15:51.262" v="10452" actId="1035"/>
          <ac:spMkLst>
            <pc:docMk/>
            <pc:sldMk cId="793282942" sldId="524"/>
            <ac:spMk id="131" creationId="{FC619880-B77E-E64E-B4D3-7BACFC4F3EAC}"/>
          </ac:spMkLst>
        </pc:spChg>
        <pc:spChg chg="mod">
          <ac:chgData name="Daly Donnacha HSLU I" userId="0f22e960-400a-43ff-baeb-4828c8f5cd3a" providerId="ADAL" clId="{55F1696D-224E-654D-8EE7-4CBBA757AA04}" dt="2021-03-26T10:15:51.262" v="10452" actId="1035"/>
          <ac:spMkLst>
            <pc:docMk/>
            <pc:sldMk cId="793282942" sldId="524"/>
            <ac:spMk id="136" creationId="{1AFC0A98-B56F-2243-AE73-9F84B51D4E94}"/>
          </ac:spMkLst>
        </pc:spChg>
        <pc:spChg chg="mod">
          <ac:chgData name="Daly Donnacha HSLU I" userId="0f22e960-400a-43ff-baeb-4828c8f5cd3a" providerId="ADAL" clId="{55F1696D-224E-654D-8EE7-4CBBA757AA04}" dt="2021-03-26T10:15:51.262" v="10452" actId="1035"/>
          <ac:spMkLst>
            <pc:docMk/>
            <pc:sldMk cId="793282942" sldId="524"/>
            <ac:spMk id="137" creationId="{02A617D9-D52B-4F46-B502-1E1CE6B39F3A}"/>
          </ac:spMkLst>
        </pc:spChg>
        <pc:spChg chg="mod">
          <ac:chgData name="Daly Donnacha HSLU I" userId="0f22e960-400a-43ff-baeb-4828c8f5cd3a" providerId="ADAL" clId="{55F1696D-224E-654D-8EE7-4CBBA757AA04}" dt="2021-03-26T10:15:51.262" v="10452" actId="1035"/>
          <ac:spMkLst>
            <pc:docMk/>
            <pc:sldMk cId="793282942" sldId="524"/>
            <ac:spMk id="138" creationId="{F3C1C969-2E12-1940-9004-913A3E08FE45}"/>
          </ac:spMkLst>
        </pc:spChg>
        <pc:spChg chg="mod">
          <ac:chgData name="Daly Donnacha HSLU I" userId="0f22e960-400a-43ff-baeb-4828c8f5cd3a" providerId="ADAL" clId="{55F1696D-224E-654D-8EE7-4CBBA757AA04}" dt="2021-03-26T10:15:51.262" v="10452" actId="1035"/>
          <ac:spMkLst>
            <pc:docMk/>
            <pc:sldMk cId="793282942" sldId="524"/>
            <ac:spMk id="139" creationId="{E5E95597-905F-144A-9774-AC8E7BCCC8B2}"/>
          </ac:spMkLst>
        </pc:spChg>
        <pc:spChg chg="mod">
          <ac:chgData name="Daly Donnacha HSLU I" userId="0f22e960-400a-43ff-baeb-4828c8f5cd3a" providerId="ADAL" clId="{55F1696D-224E-654D-8EE7-4CBBA757AA04}" dt="2021-03-26T10:15:51.262" v="10452" actId="1035"/>
          <ac:spMkLst>
            <pc:docMk/>
            <pc:sldMk cId="793282942" sldId="524"/>
            <ac:spMk id="140" creationId="{1DBCBBE8-C14A-E847-9E1B-786880610464}"/>
          </ac:spMkLst>
        </pc:spChg>
        <pc:spChg chg="mod">
          <ac:chgData name="Daly Donnacha HSLU I" userId="0f22e960-400a-43ff-baeb-4828c8f5cd3a" providerId="ADAL" clId="{55F1696D-224E-654D-8EE7-4CBBA757AA04}" dt="2021-03-26T10:15:51.262" v="10452" actId="1035"/>
          <ac:spMkLst>
            <pc:docMk/>
            <pc:sldMk cId="793282942" sldId="524"/>
            <ac:spMk id="141" creationId="{353D40AB-4C5F-E24B-B401-C1C09A67757A}"/>
          </ac:spMkLst>
        </pc:spChg>
        <pc:spChg chg="mod">
          <ac:chgData name="Daly Donnacha HSLU I" userId="0f22e960-400a-43ff-baeb-4828c8f5cd3a" providerId="ADAL" clId="{55F1696D-224E-654D-8EE7-4CBBA757AA04}" dt="2021-03-26T10:15:51.262" v="10452" actId="1035"/>
          <ac:spMkLst>
            <pc:docMk/>
            <pc:sldMk cId="793282942" sldId="524"/>
            <ac:spMk id="142" creationId="{40A1C299-0579-7F41-80F3-A5B8EDB814F8}"/>
          </ac:spMkLst>
        </pc:spChg>
        <pc:spChg chg="mod">
          <ac:chgData name="Daly Donnacha HSLU I" userId="0f22e960-400a-43ff-baeb-4828c8f5cd3a" providerId="ADAL" clId="{55F1696D-224E-654D-8EE7-4CBBA757AA04}" dt="2021-03-26T10:15:51.262" v="10452" actId="1035"/>
          <ac:spMkLst>
            <pc:docMk/>
            <pc:sldMk cId="793282942" sldId="524"/>
            <ac:spMk id="143" creationId="{9AAF0A04-2268-3E45-B898-063EE7CCB8F0}"/>
          </ac:spMkLst>
        </pc:spChg>
        <pc:spChg chg="mod">
          <ac:chgData name="Daly Donnacha HSLU I" userId="0f22e960-400a-43ff-baeb-4828c8f5cd3a" providerId="ADAL" clId="{55F1696D-224E-654D-8EE7-4CBBA757AA04}" dt="2021-03-26T10:15:51.262" v="10452" actId="1035"/>
          <ac:spMkLst>
            <pc:docMk/>
            <pc:sldMk cId="793282942" sldId="524"/>
            <ac:spMk id="144" creationId="{1B242052-68C8-2D45-BD12-B8D955C942E9}"/>
          </ac:spMkLst>
        </pc:spChg>
        <pc:spChg chg="mod">
          <ac:chgData name="Daly Donnacha HSLU I" userId="0f22e960-400a-43ff-baeb-4828c8f5cd3a" providerId="ADAL" clId="{55F1696D-224E-654D-8EE7-4CBBA757AA04}" dt="2021-03-26T10:15:51.262" v="10452" actId="1035"/>
          <ac:spMkLst>
            <pc:docMk/>
            <pc:sldMk cId="793282942" sldId="524"/>
            <ac:spMk id="145" creationId="{EADC5763-DE2F-CA43-B3A6-6B0911C3CF78}"/>
          </ac:spMkLst>
        </pc:spChg>
        <pc:spChg chg="mod">
          <ac:chgData name="Daly Donnacha HSLU I" userId="0f22e960-400a-43ff-baeb-4828c8f5cd3a" providerId="ADAL" clId="{55F1696D-224E-654D-8EE7-4CBBA757AA04}" dt="2021-03-26T10:15:51.262" v="10452" actId="1035"/>
          <ac:spMkLst>
            <pc:docMk/>
            <pc:sldMk cId="793282942" sldId="524"/>
            <ac:spMk id="146" creationId="{03B49C4D-2532-634D-889A-9FE68E375BDC}"/>
          </ac:spMkLst>
        </pc:spChg>
        <pc:spChg chg="mod">
          <ac:chgData name="Daly Donnacha HSLU I" userId="0f22e960-400a-43ff-baeb-4828c8f5cd3a" providerId="ADAL" clId="{55F1696D-224E-654D-8EE7-4CBBA757AA04}" dt="2021-03-26T10:15:51.262" v="10452" actId="1035"/>
          <ac:spMkLst>
            <pc:docMk/>
            <pc:sldMk cId="793282942" sldId="524"/>
            <ac:spMk id="147" creationId="{AEF3ED70-E78E-D94D-AABC-2765942159E8}"/>
          </ac:spMkLst>
        </pc:spChg>
        <pc:spChg chg="mod">
          <ac:chgData name="Daly Donnacha HSLU I" userId="0f22e960-400a-43ff-baeb-4828c8f5cd3a" providerId="ADAL" clId="{55F1696D-224E-654D-8EE7-4CBBA757AA04}" dt="2021-03-26T10:15:51.262" v="10452" actId="1035"/>
          <ac:spMkLst>
            <pc:docMk/>
            <pc:sldMk cId="793282942" sldId="524"/>
            <ac:spMk id="148" creationId="{E95D38A6-ED18-DB40-AAA1-72ACA0F902F5}"/>
          </ac:spMkLst>
        </pc:spChg>
        <pc:spChg chg="mod">
          <ac:chgData name="Daly Donnacha HSLU I" userId="0f22e960-400a-43ff-baeb-4828c8f5cd3a" providerId="ADAL" clId="{55F1696D-224E-654D-8EE7-4CBBA757AA04}" dt="2021-03-26T10:15:51.262" v="10452" actId="1035"/>
          <ac:spMkLst>
            <pc:docMk/>
            <pc:sldMk cId="793282942" sldId="524"/>
            <ac:spMk id="149" creationId="{EC85C1A7-6059-7D4C-B249-20EE1157AF1E}"/>
          </ac:spMkLst>
        </pc:spChg>
        <pc:spChg chg="mod">
          <ac:chgData name="Daly Donnacha HSLU I" userId="0f22e960-400a-43ff-baeb-4828c8f5cd3a" providerId="ADAL" clId="{55F1696D-224E-654D-8EE7-4CBBA757AA04}" dt="2021-03-26T10:15:51.262" v="10452" actId="1035"/>
          <ac:spMkLst>
            <pc:docMk/>
            <pc:sldMk cId="793282942" sldId="524"/>
            <ac:spMk id="150" creationId="{7851589E-22C1-DF45-89F2-4037608A019B}"/>
          </ac:spMkLst>
        </pc:spChg>
        <pc:spChg chg="mod">
          <ac:chgData name="Daly Donnacha HSLU I" userId="0f22e960-400a-43ff-baeb-4828c8f5cd3a" providerId="ADAL" clId="{55F1696D-224E-654D-8EE7-4CBBA757AA04}" dt="2021-03-26T10:15:51.262" v="10452" actId="1035"/>
          <ac:spMkLst>
            <pc:docMk/>
            <pc:sldMk cId="793282942" sldId="524"/>
            <ac:spMk id="151" creationId="{727A203E-2460-B942-BB08-6205E56EA5C8}"/>
          </ac:spMkLst>
        </pc:spChg>
        <pc:spChg chg="mod">
          <ac:chgData name="Daly Donnacha HSLU I" userId="0f22e960-400a-43ff-baeb-4828c8f5cd3a" providerId="ADAL" clId="{55F1696D-224E-654D-8EE7-4CBBA757AA04}" dt="2021-03-26T10:15:39.542" v="10450" actId="14100"/>
          <ac:spMkLst>
            <pc:docMk/>
            <pc:sldMk cId="793282942" sldId="524"/>
            <ac:spMk id="152" creationId="{7BAEB2E6-CCF7-1649-8029-6FDE2ECB2B07}"/>
          </ac:spMkLst>
        </pc:spChg>
        <pc:spChg chg="mod">
          <ac:chgData name="Daly Donnacha HSLU I" userId="0f22e960-400a-43ff-baeb-4828c8f5cd3a" providerId="ADAL" clId="{55F1696D-224E-654D-8EE7-4CBBA757AA04}" dt="2021-03-26T10:15:51.262" v="10452" actId="1035"/>
          <ac:spMkLst>
            <pc:docMk/>
            <pc:sldMk cId="793282942" sldId="524"/>
            <ac:spMk id="154" creationId="{48BF6863-641E-814D-9753-15A7D876476E}"/>
          </ac:spMkLst>
        </pc:spChg>
        <pc:spChg chg="mod">
          <ac:chgData name="Daly Donnacha HSLU I" userId="0f22e960-400a-43ff-baeb-4828c8f5cd3a" providerId="ADAL" clId="{55F1696D-224E-654D-8EE7-4CBBA757AA04}" dt="2021-03-26T10:15:51.262" v="10452" actId="1035"/>
          <ac:spMkLst>
            <pc:docMk/>
            <pc:sldMk cId="793282942" sldId="524"/>
            <ac:spMk id="155" creationId="{17418CE0-75C8-524F-A0C6-B3217A16A06B}"/>
          </ac:spMkLst>
        </pc:spChg>
        <pc:cxnChg chg="del">
          <ac:chgData name="Daly Donnacha HSLU I" userId="0f22e960-400a-43ff-baeb-4828c8f5cd3a" providerId="ADAL" clId="{55F1696D-224E-654D-8EE7-4CBBA757AA04}" dt="2021-03-26T08:34:58.566" v="8615" actId="478"/>
          <ac:cxnSpMkLst>
            <pc:docMk/>
            <pc:sldMk cId="793282942" sldId="524"/>
            <ac:cxnSpMk id="9" creationId="{19C4E94B-18A5-7E42-A6ED-12211D1DF1A3}"/>
          </ac:cxnSpMkLst>
        </pc:cxnChg>
        <pc:cxnChg chg="del">
          <ac:chgData name="Daly Donnacha HSLU I" userId="0f22e960-400a-43ff-baeb-4828c8f5cd3a" providerId="ADAL" clId="{55F1696D-224E-654D-8EE7-4CBBA757AA04}" dt="2021-03-26T08:34:58.566" v="8615" actId="478"/>
          <ac:cxnSpMkLst>
            <pc:docMk/>
            <pc:sldMk cId="793282942" sldId="524"/>
            <ac:cxnSpMk id="10" creationId="{93E93872-6640-264E-B2E6-F9A7149DA865}"/>
          </ac:cxnSpMkLst>
        </pc:cxnChg>
        <pc:cxnChg chg="del">
          <ac:chgData name="Daly Donnacha HSLU I" userId="0f22e960-400a-43ff-baeb-4828c8f5cd3a" providerId="ADAL" clId="{55F1696D-224E-654D-8EE7-4CBBA757AA04}" dt="2021-03-26T08:34:58.566" v="8615" actId="478"/>
          <ac:cxnSpMkLst>
            <pc:docMk/>
            <pc:sldMk cId="793282942" sldId="524"/>
            <ac:cxnSpMk id="45" creationId="{9A7268BA-967E-CF46-9E3C-911FA4D24471}"/>
          </ac:cxnSpMkLst>
        </pc:cxnChg>
        <pc:cxnChg chg="del">
          <ac:chgData name="Daly Donnacha HSLU I" userId="0f22e960-400a-43ff-baeb-4828c8f5cd3a" providerId="ADAL" clId="{55F1696D-224E-654D-8EE7-4CBBA757AA04}" dt="2021-03-26T08:34:58.566" v="8615" actId="478"/>
          <ac:cxnSpMkLst>
            <pc:docMk/>
            <pc:sldMk cId="793282942" sldId="524"/>
            <ac:cxnSpMk id="46" creationId="{47265412-B657-8C40-9936-762079F8AC7C}"/>
          </ac:cxnSpMkLst>
        </pc:cxnChg>
        <pc:cxnChg chg="del">
          <ac:chgData name="Daly Donnacha HSLU I" userId="0f22e960-400a-43ff-baeb-4828c8f5cd3a" providerId="ADAL" clId="{55F1696D-224E-654D-8EE7-4CBBA757AA04}" dt="2021-03-26T08:34:58.566" v="8615" actId="478"/>
          <ac:cxnSpMkLst>
            <pc:docMk/>
            <pc:sldMk cId="793282942" sldId="524"/>
            <ac:cxnSpMk id="47" creationId="{34EA7EB5-F534-5444-8FDE-DA41D4B56786}"/>
          </ac:cxnSpMkLst>
        </pc:cxnChg>
        <pc:cxnChg chg="del">
          <ac:chgData name="Daly Donnacha HSLU I" userId="0f22e960-400a-43ff-baeb-4828c8f5cd3a" providerId="ADAL" clId="{55F1696D-224E-654D-8EE7-4CBBA757AA04}" dt="2021-03-26T08:34:58.566" v="8615" actId="478"/>
          <ac:cxnSpMkLst>
            <pc:docMk/>
            <pc:sldMk cId="793282942" sldId="524"/>
            <ac:cxnSpMk id="48" creationId="{8DCD8AA7-B6EB-5046-8797-B77860FA38BC}"/>
          </ac:cxnSpMkLst>
        </pc:cxnChg>
        <pc:cxnChg chg="del">
          <ac:chgData name="Daly Donnacha HSLU I" userId="0f22e960-400a-43ff-baeb-4828c8f5cd3a" providerId="ADAL" clId="{55F1696D-224E-654D-8EE7-4CBBA757AA04}" dt="2021-03-26T08:34:58.566" v="8615" actId="478"/>
          <ac:cxnSpMkLst>
            <pc:docMk/>
            <pc:sldMk cId="793282942" sldId="524"/>
            <ac:cxnSpMk id="49" creationId="{142F3152-07BF-2645-BB33-0F8836978568}"/>
          </ac:cxnSpMkLst>
        </pc:cxnChg>
        <pc:cxnChg chg="del">
          <ac:chgData name="Daly Donnacha HSLU I" userId="0f22e960-400a-43ff-baeb-4828c8f5cd3a" providerId="ADAL" clId="{55F1696D-224E-654D-8EE7-4CBBA757AA04}" dt="2021-03-26T08:34:58.566" v="8615" actId="478"/>
          <ac:cxnSpMkLst>
            <pc:docMk/>
            <pc:sldMk cId="793282942" sldId="524"/>
            <ac:cxnSpMk id="50" creationId="{80C18EC2-2F5A-0F4D-AEC2-7EDF435DF6AD}"/>
          </ac:cxnSpMkLst>
        </pc:cxnChg>
        <pc:cxnChg chg="del">
          <ac:chgData name="Daly Donnacha HSLU I" userId="0f22e960-400a-43ff-baeb-4828c8f5cd3a" providerId="ADAL" clId="{55F1696D-224E-654D-8EE7-4CBBA757AA04}" dt="2021-03-26T08:34:58.566" v="8615" actId="478"/>
          <ac:cxnSpMkLst>
            <pc:docMk/>
            <pc:sldMk cId="793282942" sldId="524"/>
            <ac:cxnSpMk id="51" creationId="{97B393CE-70F8-394F-82C3-FC9B749FFF2D}"/>
          </ac:cxnSpMkLst>
        </pc:cxnChg>
        <pc:cxnChg chg="del">
          <ac:chgData name="Daly Donnacha HSLU I" userId="0f22e960-400a-43ff-baeb-4828c8f5cd3a" providerId="ADAL" clId="{55F1696D-224E-654D-8EE7-4CBBA757AA04}" dt="2021-03-26T08:34:58.566" v="8615" actId="478"/>
          <ac:cxnSpMkLst>
            <pc:docMk/>
            <pc:sldMk cId="793282942" sldId="524"/>
            <ac:cxnSpMk id="52" creationId="{BDC62E05-2524-CA47-A79E-7F287DEAB854}"/>
          </ac:cxnSpMkLst>
        </pc:cxnChg>
        <pc:cxnChg chg="del">
          <ac:chgData name="Daly Donnacha HSLU I" userId="0f22e960-400a-43ff-baeb-4828c8f5cd3a" providerId="ADAL" clId="{55F1696D-224E-654D-8EE7-4CBBA757AA04}" dt="2021-03-26T08:34:58.566" v="8615" actId="478"/>
          <ac:cxnSpMkLst>
            <pc:docMk/>
            <pc:sldMk cId="793282942" sldId="524"/>
            <ac:cxnSpMk id="53" creationId="{185B478D-6E53-9846-AC33-903B5E871D93}"/>
          </ac:cxnSpMkLst>
        </pc:cxnChg>
        <pc:cxnChg chg="del">
          <ac:chgData name="Daly Donnacha HSLU I" userId="0f22e960-400a-43ff-baeb-4828c8f5cd3a" providerId="ADAL" clId="{55F1696D-224E-654D-8EE7-4CBBA757AA04}" dt="2021-03-26T08:34:58.566" v="8615" actId="478"/>
          <ac:cxnSpMkLst>
            <pc:docMk/>
            <pc:sldMk cId="793282942" sldId="524"/>
            <ac:cxnSpMk id="54" creationId="{67B66F55-6D13-DB4F-8714-4A59C3B3ACCF}"/>
          </ac:cxnSpMkLst>
        </pc:cxnChg>
        <pc:cxnChg chg="mod">
          <ac:chgData name="Daly Donnacha HSLU I" userId="0f22e960-400a-43ff-baeb-4828c8f5cd3a" providerId="ADAL" clId="{55F1696D-224E-654D-8EE7-4CBBA757AA04}" dt="2021-03-26T10:15:51.262" v="10452" actId="1035"/>
          <ac:cxnSpMkLst>
            <pc:docMk/>
            <pc:sldMk cId="793282942" sldId="524"/>
            <ac:cxnSpMk id="71" creationId="{6D8C782C-1762-A841-86F5-E3B092A190FC}"/>
          </ac:cxnSpMkLst>
        </pc:cxnChg>
        <pc:cxnChg chg="mod">
          <ac:chgData name="Daly Donnacha HSLU I" userId="0f22e960-400a-43ff-baeb-4828c8f5cd3a" providerId="ADAL" clId="{55F1696D-224E-654D-8EE7-4CBBA757AA04}" dt="2021-03-26T10:15:51.262" v="10452" actId="1035"/>
          <ac:cxnSpMkLst>
            <pc:docMk/>
            <pc:sldMk cId="793282942" sldId="524"/>
            <ac:cxnSpMk id="72" creationId="{FBBEB349-8B62-9341-A9D1-1BBEBE4E130C}"/>
          </ac:cxnSpMkLst>
        </pc:cxnChg>
      </pc:sldChg>
      <pc:sldChg chg="addSp delSp modSp add mod ord">
        <pc:chgData name="Daly Donnacha HSLU I" userId="0f22e960-400a-43ff-baeb-4828c8f5cd3a" providerId="ADAL" clId="{55F1696D-224E-654D-8EE7-4CBBA757AA04}" dt="2021-03-26T12:10:57.575" v="12170" actId="14100"/>
        <pc:sldMkLst>
          <pc:docMk/>
          <pc:sldMk cId="950948790" sldId="525"/>
        </pc:sldMkLst>
        <pc:spChg chg="mod">
          <ac:chgData name="Daly Donnacha HSLU I" userId="0f22e960-400a-43ff-baeb-4828c8f5cd3a" providerId="ADAL" clId="{55F1696D-224E-654D-8EE7-4CBBA757AA04}" dt="2021-03-26T12:01:22.011" v="12135" actId="20577"/>
          <ac:spMkLst>
            <pc:docMk/>
            <pc:sldMk cId="950948790" sldId="525"/>
            <ac:spMk id="2" creationId="{DB7FE2E5-1547-4F45-93F9-7925C79CD326}"/>
          </ac:spMkLst>
        </pc:spChg>
        <pc:spChg chg="mod">
          <ac:chgData name="Daly Donnacha HSLU I" userId="0f22e960-400a-43ff-baeb-4828c8f5cd3a" providerId="ADAL" clId="{55F1696D-224E-654D-8EE7-4CBBA757AA04}" dt="2021-03-26T12:03:41.272" v="12148" actId="1076"/>
          <ac:spMkLst>
            <pc:docMk/>
            <pc:sldMk cId="950948790" sldId="525"/>
            <ac:spMk id="10" creationId="{77436CD2-33A8-744C-955F-2BE90284E888}"/>
          </ac:spMkLst>
        </pc:spChg>
        <pc:spChg chg="del">
          <ac:chgData name="Daly Donnacha HSLU I" userId="0f22e960-400a-43ff-baeb-4828c8f5cd3a" providerId="ADAL" clId="{55F1696D-224E-654D-8EE7-4CBBA757AA04}" dt="2021-03-26T12:04:02.650" v="12152" actId="478"/>
          <ac:spMkLst>
            <pc:docMk/>
            <pc:sldMk cId="950948790" sldId="525"/>
            <ac:spMk id="13" creationId="{CF671DA6-B3AF-8740-B8A4-0103F2DDD834}"/>
          </ac:spMkLst>
        </pc:spChg>
        <pc:picChg chg="add del mod">
          <ac:chgData name="Daly Donnacha HSLU I" userId="0f22e960-400a-43ff-baeb-4828c8f5cd3a" providerId="ADAL" clId="{55F1696D-224E-654D-8EE7-4CBBA757AA04}" dt="2021-03-26T12:04:27.437" v="12153" actId="478"/>
          <ac:picMkLst>
            <pc:docMk/>
            <pc:sldMk cId="950948790" sldId="525"/>
            <ac:picMk id="3" creationId="{EDF79893-D0F3-3D4F-8F1D-0459D7170580}"/>
          </ac:picMkLst>
        </pc:picChg>
        <pc:picChg chg="add mod">
          <ac:chgData name="Daly Donnacha HSLU I" userId="0f22e960-400a-43ff-baeb-4828c8f5cd3a" providerId="ADAL" clId="{55F1696D-224E-654D-8EE7-4CBBA757AA04}" dt="2021-03-26T12:04:35.234" v="12159" actId="1038"/>
          <ac:picMkLst>
            <pc:docMk/>
            <pc:sldMk cId="950948790" sldId="525"/>
            <ac:picMk id="4" creationId="{8978FE1A-A34A-D849-B598-9E313A74DE64}"/>
          </ac:picMkLst>
        </pc:picChg>
        <pc:picChg chg="add mod">
          <ac:chgData name="Daly Donnacha HSLU I" userId="0f22e960-400a-43ff-baeb-4828c8f5cd3a" providerId="ADAL" clId="{55F1696D-224E-654D-8EE7-4CBBA757AA04}" dt="2021-03-26T12:10:32.270" v="12166" actId="14100"/>
          <ac:picMkLst>
            <pc:docMk/>
            <pc:sldMk cId="950948790" sldId="525"/>
            <ac:picMk id="5" creationId="{0D2FD7F5-7CCD-E743-AA4D-1772469DEB98}"/>
          </ac:picMkLst>
        </pc:picChg>
        <pc:picChg chg="add mod">
          <ac:chgData name="Daly Donnacha HSLU I" userId="0f22e960-400a-43ff-baeb-4828c8f5cd3a" providerId="ADAL" clId="{55F1696D-224E-654D-8EE7-4CBBA757AA04}" dt="2021-03-26T12:10:57.575" v="12170" actId="14100"/>
          <ac:picMkLst>
            <pc:docMk/>
            <pc:sldMk cId="950948790" sldId="525"/>
            <ac:picMk id="6" creationId="{53CF2994-4FED-194D-B047-70846D4069C0}"/>
          </ac:picMkLst>
        </pc:picChg>
        <pc:picChg chg="del">
          <ac:chgData name="Daly Donnacha HSLU I" userId="0f22e960-400a-43ff-baeb-4828c8f5cd3a" providerId="ADAL" clId="{55F1696D-224E-654D-8EE7-4CBBA757AA04}" dt="2021-03-26T12:03:19.925" v="12143" actId="478"/>
          <ac:picMkLst>
            <pc:docMk/>
            <pc:sldMk cId="950948790" sldId="525"/>
            <ac:picMk id="9" creationId="{98EC8DE1-6EE2-EE45-BECB-D5EE3DC2DE94}"/>
          </ac:picMkLst>
        </pc:picChg>
        <pc:picChg chg="del">
          <ac:chgData name="Daly Donnacha HSLU I" userId="0f22e960-400a-43ff-baeb-4828c8f5cd3a" providerId="ADAL" clId="{55F1696D-224E-654D-8EE7-4CBBA757AA04}" dt="2021-03-26T12:10:17.485" v="12160" actId="478"/>
          <ac:picMkLst>
            <pc:docMk/>
            <pc:sldMk cId="950948790" sldId="525"/>
            <ac:picMk id="16" creationId="{BC6218E3-CFC8-9846-8FE9-ED69BA50443D}"/>
          </ac:picMkLst>
        </pc:picChg>
        <pc:picChg chg="del">
          <ac:chgData name="Daly Donnacha HSLU I" userId="0f22e960-400a-43ff-baeb-4828c8f5cd3a" providerId="ADAL" clId="{55F1696D-224E-654D-8EE7-4CBBA757AA04}" dt="2021-03-26T12:10:51.518" v="12167" actId="478"/>
          <ac:picMkLst>
            <pc:docMk/>
            <pc:sldMk cId="950948790" sldId="525"/>
            <ac:picMk id="19" creationId="{CEFAFF98-21E4-BF43-B710-40B08A2A7DDE}"/>
          </ac:picMkLst>
        </pc:picChg>
      </pc:sldChg>
      <pc:sldChg chg="modSp add del mod ord">
        <pc:chgData name="Daly Donnacha HSLU I" userId="0f22e960-400a-43ff-baeb-4828c8f5cd3a" providerId="ADAL" clId="{55F1696D-224E-654D-8EE7-4CBBA757AA04}" dt="2021-03-26T08:33:26.785" v="8612" actId="2696"/>
        <pc:sldMkLst>
          <pc:docMk/>
          <pc:sldMk cId="2567604478" sldId="525"/>
        </pc:sldMkLst>
        <pc:spChg chg="mod">
          <ac:chgData name="Daly Donnacha HSLU I" userId="0f22e960-400a-43ff-baeb-4828c8f5cd3a" providerId="ADAL" clId="{55F1696D-224E-654D-8EE7-4CBBA757AA04}" dt="2021-03-26T08:32:49.793" v="8611" actId="6549"/>
          <ac:spMkLst>
            <pc:docMk/>
            <pc:sldMk cId="2567604478" sldId="525"/>
            <ac:spMk id="2" creationId="{DB7FE2E5-1547-4F45-93F9-7925C79CD326}"/>
          </ac:spMkLst>
        </pc:spChg>
      </pc:sldChg>
      <pc:sldChg chg="add del">
        <pc:chgData name="Daly Donnacha HSLU I" userId="0f22e960-400a-43ff-baeb-4828c8f5cd3a" providerId="ADAL" clId="{55F1696D-224E-654D-8EE7-4CBBA757AA04}" dt="2021-03-26T09:47:35.610" v="10233" actId="2696"/>
        <pc:sldMkLst>
          <pc:docMk/>
          <pc:sldMk cId="482777544" sldId="527"/>
        </pc:sldMkLst>
      </pc:sldChg>
      <pc:sldChg chg="modSp add mod">
        <pc:chgData name="Daly Donnacha HSLU I" userId="0f22e960-400a-43ff-baeb-4828c8f5cd3a" providerId="ADAL" clId="{55F1696D-224E-654D-8EE7-4CBBA757AA04}" dt="2021-03-26T12:15:30.214" v="12201" actId="1035"/>
        <pc:sldMkLst>
          <pc:docMk/>
          <pc:sldMk cId="999236803" sldId="527"/>
        </pc:sldMkLst>
        <pc:spChg chg="mod">
          <ac:chgData name="Daly Donnacha HSLU I" userId="0f22e960-400a-43ff-baeb-4828c8f5cd3a" providerId="ADAL" clId="{55F1696D-224E-654D-8EE7-4CBBA757AA04}" dt="2021-03-26T12:13:52.804" v="12173" actId="6549"/>
          <ac:spMkLst>
            <pc:docMk/>
            <pc:sldMk cId="999236803" sldId="527"/>
            <ac:spMk id="2" creationId="{45F53726-295C-7B45-A9DF-85AB9AAA2D1E}"/>
          </ac:spMkLst>
        </pc:spChg>
        <pc:spChg chg="mod">
          <ac:chgData name="Daly Donnacha HSLU I" userId="0f22e960-400a-43ff-baeb-4828c8f5cd3a" providerId="ADAL" clId="{55F1696D-224E-654D-8EE7-4CBBA757AA04}" dt="2021-03-26T12:15:26.366" v="12193" actId="1036"/>
          <ac:spMkLst>
            <pc:docMk/>
            <pc:sldMk cId="999236803" sldId="527"/>
            <ac:spMk id="8" creationId="{0C7D1DB9-F559-CA47-8396-D593BEF35E5E}"/>
          </ac:spMkLst>
        </pc:spChg>
        <pc:spChg chg="mod">
          <ac:chgData name="Daly Donnacha HSLU I" userId="0f22e960-400a-43ff-baeb-4828c8f5cd3a" providerId="ADAL" clId="{55F1696D-224E-654D-8EE7-4CBBA757AA04}" dt="2021-03-26T12:15:30.214" v="12201" actId="1035"/>
          <ac:spMkLst>
            <pc:docMk/>
            <pc:sldMk cId="999236803" sldId="527"/>
            <ac:spMk id="9" creationId="{C192475B-6612-7F47-AE2A-9FA3AFC95B70}"/>
          </ac:spMkLst>
        </pc:spChg>
        <pc:picChg chg="mod">
          <ac:chgData name="Daly Donnacha HSLU I" userId="0f22e960-400a-43ff-baeb-4828c8f5cd3a" providerId="ADAL" clId="{55F1696D-224E-654D-8EE7-4CBBA757AA04}" dt="2021-03-26T12:14:46.169" v="12185" actId="14100"/>
          <ac:picMkLst>
            <pc:docMk/>
            <pc:sldMk cId="999236803" sldId="527"/>
            <ac:picMk id="7" creationId="{3310F3C9-9A5C-4947-9D7C-C4550A14504D}"/>
          </ac:picMkLst>
        </pc:picChg>
      </pc:sldChg>
      <pc:sldChg chg="add del">
        <pc:chgData name="Daly Donnacha HSLU I" userId="0f22e960-400a-43ff-baeb-4828c8f5cd3a" providerId="ADAL" clId="{55F1696D-224E-654D-8EE7-4CBBA757AA04}" dt="2021-03-26T09:47:59.699" v="10235"/>
        <pc:sldMkLst>
          <pc:docMk/>
          <pc:sldMk cId="1324931664" sldId="527"/>
        </pc:sldMkLst>
      </pc:sldChg>
      <pc:sldChg chg="modSp add mod">
        <pc:chgData name="Daly Donnacha HSLU I" userId="0f22e960-400a-43ff-baeb-4828c8f5cd3a" providerId="ADAL" clId="{55F1696D-224E-654D-8EE7-4CBBA757AA04}" dt="2021-03-26T12:18:36.873" v="12232" actId="114"/>
        <pc:sldMkLst>
          <pc:docMk/>
          <pc:sldMk cId="2436607685" sldId="529"/>
        </pc:sldMkLst>
        <pc:spChg chg="mod">
          <ac:chgData name="Daly Donnacha HSLU I" userId="0f22e960-400a-43ff-baeb-4828c8f5cd3a" providerId="ADAL" clId="{55F1696D-224E-654D-8EE7-4CBBA757AA04}" dt="2021-03-26T12:16:36.840" v="12210" actId="6549"/>
          <ac:spMkLst>
            <pc:docMk/>
            <pc:sldMk cId="2436607685" sldId="529"/>
            <ac:spMk id="2" creationId="{51A9D85C-E25D-1A46-A993-761E4B517589}"/>
          </ac:spMkLst>
        </pc:spChg>
        <pc:spChg chg="mod">
          <ac:chgData name="Daly Donnacha HSLU I" userId="0f22e960-400a-43ff-baeb-4828c8f5cd3a" providerId="ADAL" clId="{55F1696D-224E-654D-8EE7-4CBBA757AA04}" dt="2021-03-26T12:17:19.268" v="12216" actId="1076"/>
          <ac:spMkLst>
            <pc:docMk/>
            <pc:sldMk cId="2436607685" sldId="529"/>
            <ac:spMk id="10" creationId="{D39E0B63-5335-7346-B945-35462CD41DE8}"/>
          </ac:spMkLst>
        </pc:spChg>
        <pc:spChg chg="mod">
          <ac:chgData name="Daly Donnacha HSLU I" userId="0f22e960-400a-43ff-baeb-4828c8f5cd3a" providerId="ADAL" clId="{55F1696D-224E-654D-8EE7-4CBBA757AA04}" dt="2021-03-26T12:17:23.271" v="12220" actId="1036"/>
          <ac:spMkLst>
            <pc:docMk/>
            <pc:sldMk cId="2436607685" sldId="529"/>
            <ac:spMk id="11" creationId="{6F7927FC-2541-F941-A9A3-24456FD9EFDB}"/>
          </ac:spMkLst>
        </pc:spChg>
        <pc:spChg chg="mod">
          <ac:chgData name="Daly Donnacha HSLU I" userId="0f22e960-400a-43ff-baeb-4828c8f5cd3a" providerId="ADAL" clId="{55F1696D-224E-654D-8EE7-4CBBA757AA04}" dt="2021-03-26T12:18:19.918" v="12229" actId="1076"/>
          <ac:spMkLst>
            <pc:docMk/>
            <pc:sldMk cId="2436607685" sldId="529"/>
            <ac:spMk id="30" creationId="{CA6F1F32-8AC4-7343-80D5-304FF51BC8E0}"/>
          </ac:spMkLst>
        </pc:spChg>
        <pc:spChg chg="mod">
          <ac:chgData name="Daly Donnacha HSLU I" userId="0f22e960-400a-43ff-baeb-4828c8f5cd3a" providerId="ADAL" clId="{55F1696D-224E-654D-8EE7-4CBBA757AA04}" dt="2021-03-26T12:18:22.881" v="12231" actId="1035"/>
          <ac:spMkLst>
            <pc:docMk/>
            <pc:sldMk cId="2436607685" sldId="529"/>
            <ac:spMk id="31" creationId="{AB967C2C-9531-6346-8E2C-26DD1278F014}"/>
          </ac:spMkLst>
        </pc:spChg>
        <pc:spChg chg="mod">
          <ac:chgData name="Daly Donnacha HSLU I" userId="0f22e960-400a-43ff-baeb-4828c8f5cd3a" providerId="ADAL" clId="{55F1696D-224E-654D-8EE7-4CBBA757AA04}" dt="2021-03-26T12:18:36.873" v="12232" actId="114"/>
          <ac:spMkLst>
            <pc:docMk/>
            <pc:sldMk cId="2436607685" sldId="529"/>
            <ac:spMk id="34" creationId="{66DF4AE7-5854-4745-9B37-420C96B4180F}"/>
          </ac:spMkLst>
        </pc:spChg>
        <pc:spChg chg="mod">
          <ac:chgData name="Daly Donnacha HSLU I" userId="0f22e960-400a-43ff-baeb-4828c8f5cd3a" providerId="ADAL" clId="{55F1696D-224E-654D-8EE7-4CBBA757AA04}" dt="2021-03-26T12:17:30.957" v="12221" actId="14100"/>
          <ac:spMkLst>
            <pc:docMk/>
            <pc:sldMk cId="2436607685" sldId="529"/>
            <ac:spMk id="35" creationId="{71C5C646-1DE5-6F4B-9444-F8D064809F1D}"/>
          </ac:spMkLst>
        </pc:spChg>
      </pc:sldChg>
      <pc:sldChg chg="delSp modSp add del mod">
        <pc:chgData name="Daly Donnacha HSLU I" userId="0f22e960-400a-43ff-baeb-4828c8f5cd3a" providerId="ADAL" clId="{55F1696D-224E-654D-8EE7-4CBBA757AA04}" dt="2021-03-26T11:33:48.779" v="12004" actId="2696"/>
        <pc:sldMkLst>
          <pc:docMk/>
          <pc:sldMk cId="3101929384" sldId="533"/>
        </pc:sldMkLst>
        <pc:spChg chg="mod">
          <ac:chgData name="Daly Donnacha HSLU I" userId="0f22e960-400a-43ff-baeb-4828c8f5cd3a" providerId="ADAL" clId="{55F1696D-224E-654D-8EE7-4CBBA757AA04}" dt="2021-03-22T11:24:17.709" v="174" actId="1076"/>
          <ac:spMkLst>
            <pc:docMk/>
            <pc:sldMk cId="3101929384" sldId="533"/>
            <ac:spMk id="5" creationId="{7C8AEE44-5F31-2F4A-84E0-96C75AAFFB5E}"/>
          </ac:spMkLst>
        </pc:spChg>
        <pc:spChg chg="del">
          <ac:chgData name="Daly Donnacha HSLU I" userId="0f22e960-400a-43ff-baeb-4828c8f5cd3a" providerId="ADAL" clId="{55F1696D-224E-654D-8EE7-4CBBA757AA04}" dt="2021-03-22T11:23:54.219" v="117" actId="478"/>
          <ac:spMkLst>
            <pc:docMk/>
            <pc:sldMk cId="3101929384" sldId="533"/>
            <ac:spMk id="6" creationId="{80FFF231-A480-DE41-82F7-7CFC6ADC697D}"/>
          </ac:spMkLst>
        </pc:spChg>
        <pc:picChg chg="del">
          <ac:chgData name="Daly Donnacha HSLU I" userId="0f22e960-400a-43ff-baeb-4828c8f5cd3a" providerId="ADAL" clId="{55F1696D-224E-654D-8EE7-4CBBA757AA04}" dt="2021-03-22T11:23:51.444" v="116" actId="478"/>
          <ac:picMkLst>
            <pc:docMk/>
            <pc:sldMk cId="3101929384" sldId="533"/>
            <ac:picMk id="1028" creationId="{983B83DE-8706-3743-A141-AF3D48B7E233}"/>
          </ac:picMkLst>
        </pc:picChg>
      </pc:sldChg>
      <pc:sldChg chg="modSp add mod ord">
        <pc:chgData name="Daly Donnacha HSLU I" userId="0f22e960-400a-43ff-baeb-4828c8f5cd3a" providerId="ADAL" clId="{55F1696D-224E-654D-8EE7-4CBBA757AA04}" dt="2021-03-26T09:15:58.039" v="9651" actId="20578"/>
        <pc:sldMkLst>
          <pc:docMk/>
          <pc:sldMk cId="3964597699" sldId="535"/>
        </pc:sldMkLst>
        <pc:spChg chg="mod">
          <ac:chgData name="Daly Donnacha HSLU I" userId="0f22e960-400a-43ff-baeb-4828c8f5cd3a" providerId="ADAL" clId="{55F1696D-224E-654D-8EE7-4CBBA757AA04}" dt="2021-03-25T13:13:29.917" v="532" actId="20577"/>
          <ac:spMkLst>
            <pc:docMk/>
            <pc:sldMk cId="3964597699" sldId="535"/>
            <ac:spMk id="2" creationId="{33011B2A-B90D-364C-A4E2-4E54FB9D1251}"/>
          </ac:spMkLst>
        </pc:spChg>
        <pc:spChg chg="mod">
          <ac:chgData name="Daly Donnacha HSLU I" userId="0f22e960-400a-43ff-baeb-4828c8f5cd3a" providerId="ADAL" clId="{55F1696D-224E-654D-8EE7-4CBBA757AA04}" dt="2021-03-25T13:47:57.846" v="1197" actId="1035"/>
          <ac:spMkLst>
            <pc:docMk/>
            <pc:sldMk cId="3964597699" sldId="535"/>
            <ac:spMk id="111" creationId="{D6531634-B0E3-3F42-9AFD-A3BA9D6CF5D5}"/>
          </ac:spMkLst>
        </pc:spChg>
        <pc:spChg chg="mod">
          <ac:chgData name="Daly Donnacha HSLU I" userId="0f22e960-400a-43ff-baeb-4828c8f5cd3a" providerId="ADAL" clId="{55F1696D-224E-654D-8EE7-4CBBA757AA04}" dt="2021-03-25T13:47:54.310" v="1194" actId="1035"/>
          <ac:spMkLst>
            <pc:docMk/>
            <pc:sldMk cId="3964597699" sldId="535"/>
            <ac:spMk id="112" creationId="{76D83343-B14F-9C4C-8C2D-71953D6D3770}"/>
          </ac:spMkLst>
        </pc:spChg>
        <pc:spChg chg="mod">
          <ac:chgData name="Daly Donnacha HSLU I" userId="0f22e960-400a-43ff-baeb-4828c8f5cd3a" providerId="ADAL" clId="{55F1696D-224E-654D-8EE7-4CBBA757AA04}" dt="2021-03-25T13:27:42.393" v="827" actId="113"/>
          <ac:spMkLst>
            <pc:docMk/>
            <pc:sldMk cId="3964597699" sldId="535"/>
            <ac:spMk id="113" creationId="{774F3E62-F00A-3849-A92B-FA903A605AD1}"/>
          </ac:spMkLst>
        </pc:spChg>
        <pc:spChg chg="mod">
          <ac:chgData name="Daly Donnacha HSLU I" userId="0f22e960-400a-43ff-baeb-4828c8f5cd3a" providerId="ADAL" clId="{55F1696D-224E-654D-8EE7-4CBBA757AA04}" dt="2021-03-25T13:11:49.467" v="519" actId="14100"/>
          <ac:spMkLst>
            <pc:docMk/>
            <pc:sldMk cId="3964597699" sldId="535"/>
            <ac:spMk id="114" creationId="{3291EC06-3B23-6242-B3E6-B2F68D3DBC7A}"/>
          </ac:spMkLst>
        </pc:spChg>
        <pc:picChg chg="mod">
          <ac:chgData name="Daly Donnacha HSLU I" userId="0f22e960-400a-43ff-baeb-4828c8f5cd3a" providerId="ADAL" clId="{55F1696D-224E-654D-8EE7-4CBBA757AA04}" dt="2021-03-25T13:13:17.914" v="531" actId="14100"/>
          <ac:picMkLst>
            <pc:docMk/>
            <pc:sldMk cId="3964597699" sldId="535"/>
            <ac:picMk id="108" creationId="{CD5079D1-89A5-9C49-8F4B-C8DE5AF2C23C}"/>
          </ac:picMkLst>
        </pc:picChg>
        <pc:picChg chg="mod">
          <ac:chgData name="Daly Donnacha HSLU I" userId="0f22e960-400a-43ff-baeb-4828c8f5cd3a" providerId="ADAL" clId="{55F1696D-224E-654D-8EE7-4CBBA757AA04}" dt="2021-03-25T13:12:47.917" v="529" actId="1036"/>
          <ac:picMkLst>
            <pc:docMk/>
            <pc:sldMk cId="3964597699" sldId="535"/>
            <ac:picMk id="110" creationId="{A8E81BF6-4AC9-A54B-8878-A9E8B3A2D836}"/>
          </ac:picMkLst>
        </pc:picChg>
      </pc:sldChg>
      <pc:sldChg chg="addSp delSp modSp add mod ord">
        <pc:chgData name="Daly Donnacha HSLU I" userId="0f22e960-400a-43ff-baeb-4828c8f5cd3a" providerId="ADAL" clId="{55F1696D-224E-654D-8EE7-4CBBA757AA04}" dt="2021-03-26T09:15:58.039" v="9651" actId="20578"/>
        <pc:sldMkLst>
          <pc:docMk/>
          <pc:sldMk cId="3307430950" sldId="537"/>
        </pc:sldMkLst>
        <pc:spChg chg="mod">
          <ac:chgData name="Daly Donnacha HSLU I" userId="0f22e960-400a-43ff-baeb-4828c8f5cd3a" providerId="ADAL" clId="{55F1696D-224E-654D-8EE7-4CBBA757AA04}" dt="2021-03-25T13:19:31.734" v="566" actId="20577"/>
          <ac:spMkLst>
            <pc:docMk/>
            <pc:sldMk cId="3307430950" sldId="537"/>
            <ac:spMk id="2" creationId="{A07B4D9D-385E-BE49-B918-A0EAD96FFACC}"/>
          </ac:spMkLst>
        </pc:spChg>
        <pc:spChg chg="mod">
          <ac:chgData name="Daly Donnacha HSLU I" userId="0f22e960-400a-43ff-baeb-4828c8f5cd3a" providerId="ADAL" clId="{55F1696D-224E-654D-8EE7-4CBBA757AA04}" dt="2021-03-25T13:18:18.970" v="549" actId="114"/>
          <ac:spMkLst>
            <pc:docMk/>
            <pc:sldMk cId="3307430950" sldId="537"/>
            <ac:spMk id="3" creationId="{120C2FB3-9324-9F4D-B2B3-53C0A2B2E3F1}"/>
          </ac:spMkLst>
        </pc:spChg>
        <pc:spChg chg="del">
          <ac:chgData name="Daly Donnacha HSLU I" userId="0f22e960-400a-43ff-baeb-4828c8f5cd3a" providerId="ADAL" clId="{55F1696D-224E-654D-8EE7-4CBBA757AA04}" dt="2021-03-25T13:18:14.831" v="548" actId="478"/>
          <ac:spMkLst>
            <pc:docMk/>
            <pc:sldMk cId="3307430950" sldId="537"/>
            <ac:spMk id="4" creationId="{55CA9B64-7752-8A4B-8406-BC7E663B7C06}"/>
          </ac:spMkLst>
        </pc:spChg>
        <pc:spChg chg="mod">
          <ac:chgData name="Daly Donnacha HSLU I" userId="0f22e960-400a-43ff-baeb-4828c8f5cd3a" providerId="ADAL" clId="{55F1696D-224E-654D-8EE7-4CBBA757AA04}" dt="2021-03-25T16:33:57.980" v="3317" actId="1035"/>
          <ac:spMkLst>
            <pc:docMk/>
            <pc:sldMk cId="3307430950" sldId="537"/>
            <ac:spMk id="5" creationId="{E157A9B5-9832-6746-997D-F4CED7ED855C}"/>
          </ac:spMkLst>
        </pc:spChg>
        <pc:spChg chg="mod">
          <ac:chgData name="Daly Donnacha HSLU I" userId="0f22e960-400a-43ff-baeb-4828c8f5cd3a" providerId="ADAL" clId="{55F1696D-224E-654D-8EE7-4CBBA757AA04}" dt="2021-03-25T13:30:23.775" v="875" actId="1035"/>
          <ac:spMkLst>
            <pc:docMk/>
            <pc:sldMk cId="3307430950" sldId="537"/>
            <ac:spMk id="6" creationId="{47865D23-403F-D84F-96E7-BF5D7B2FA405}"/>
          </ac:spMkLst>
        </pc:spChg>
        <pc:spChg chg="mod">
          <ac:chgData name="Daly Donnacha HSLU I" userId="0f22e960-400a-43ff-baeb-4828c8f5cd3a" providerId="ADAL" clId="{55F1696D-224E-654D-8EE7-4CBBA757AA04}" dt="2021-03-25T13:24:15.441" v="571" actId="207"/>
          <ac:spMkLst>
            <pc:docMk/>
            <pc:sldMk cId="3307430950" sldId="537"/>
            <ac:spMk id="7" creationId="{F103FDB1-6A32-B64E-ACE1-D26148C527C8}"/>
          </ac:spMkLst>
        </pc:spChg>
        <pc:spChg chg="mod">
          <ac:chgData name="Daly Donnacha HSLU I" userId="0f22e960-400a-43ff-baeb-4828c8f5cd3a" providerId="ADAL" clId="{55F1696D-224E-654D-8EE7-4CBBA757AA04}" dt="2021-03-25T13:23:35.105" v="569" actId="207"/>
          <ac:spMkLst>
            <pc:docMk/>
            <pc:sldMk cId="3307430950" sldId="537"/>
            <ac:spMk id="8" creationId="{03AC0AC7-8EDC-3245-8FC6-97348F01C137}"/>
          </ac:spMkLst>
        </pc:spChg>
        <pc:spChg chg="add mod">
          <ac:chgData name="Daly Donnacha HSLU I" userId="0f22e960-400a-43ff-baeb-4828c8f5cd3a" providerId="ADAL" clId="{55F1696D-224E-654D-8EE7-4CBBA757AA04}" dt="2021-03-25T13:26:18.908" v="826" actId="113"/>
          <ac:spMkLst>
            <pc:docMk/>
            <pc:sldMk cId="3307430950" sldId="537"/>
            <ac:spMk id="9" creationId="{053F6AE2-C932-1C41-A64A-7A94AE764027}"/>
          </ac:spMkLst>
        </pc:spChg>
      </pc:sldChg>
      <pc:sldChg chg="addSp delSp modSp add mod">
        <pc:chgData name="Daly Donnacha HSLU I" userId="0f22e960-400a-43ff-baeb-4828c8f5cd3a" providerId="ADAL" clId="{55F1696D-224E-654D-8EE7-4CBBA757AA04}" dt="2021-03-26T09:52:12.385" v="10291" actId="465"/>
        <pc:sldMkLst>
          <pc:docMk/>
          <pc:sldMk cId="107938347" sldId="539"/>
        </pc:sldMkLst>
        <pc:spChg chg="mod">
          <ac:chgData name="Daly Donnacha HSLU I" userId="0f22e960-400a-43ff-baeb-4828c8f5cd3a" providerId="ADAL" clId="{55F1696D-224E-654D-8EE7-4CBBA757AA04}" dt="2021-03-26T09:49:11.045" v="10272" actId="20577"/>
          <ac:spMkLst>
            <pc:docMk/>
            <pc:sldMk cId="107938347" sldId="539"/>
            <ac:spMk id="2" creationId="{B2AB87A0-0AE0-784A-921A-B40A5C6DEB51}"/>
          </ac:spMkLst>
        </pc:spChg>
        <pc:spChg chg="del">
          <ac:chgData name="Daly Donnacha HSLU I" userId="0f22e960-400a-43ff-baeb-4828c8f5cd3a" providerId="ADAL" clId="{55F1696D-224E-654D-8EE7-4CBBA757AA04}" dt="2021-03-26T09:49:14.373" v="10273" actId="478"/>
          <ac:spMkLst>
            <pc:docMk/>
            <pc:sldMk cId="107938347" sldId="539"/>
            <ac:spMk id="14" creationId="{704F81A5-A911-3341-8896-DF3648D9E60E}"/>
          </ac:spMkLst>
        </pc:spChg>
        <pc:spChg chg="mod">
          <ac:chgData name="Daly Donnacha HSLU I" userId="0f22e960-400a-43ff-baeb-4828c8f5cd3a" providerId="ADAL" clId="{55F1696D-224E-654D-8EE7-4CBBA757AA04}" dt="2021-03-26T09:50:27.712" v="10282" actId="1076"/>
          <ac:spMkLst>
            <pc:docMk/>
            <pc:sldMk cId="107938347" sldId="539"/>
            <ac:spMk id="19" creationId="{1E095802-D1C9-4543-81B4-3EAA712B5CE3}"/>
          </ac:spMkLst>
        </pc:spChg>
        <pc:spChg chg="mod">
          <ac:chgData name="Daly Donnacha HSLU I" userId="0f22e960-400a-43ff-baeb-4828c8f5cd3a" providerId="ADAL" clId="{55F1696D-224E-654D-8EE7-4CBBA757AA04}" dt="2021-03-26T09:49:36.034" v="10274" actId="1076"/>
          <ac:spMkLst>
            <pc:docMk/>
            <pc:sldMk cId="107938347" sldId="539"/>
            <ac:spMk id="20" creationId="{000A6686-2036-424D-A858-BE5260A172F0}"/>
          </ac:spMkLst>
        </pc:spChg>
        <pc:spChg chg="mod">
          <ac:chgData name="Daly Donnacha HSLU I" userId="0f22e960-400a-43ff-baeb-4828c8f5cd3a" providerId="ADAL" clId="{55F1696D-224E-654D-8EE7-4CBBA757AA04}" dt="2021-03-26T09:48:54.705" v="10246" actId="14100"/>
          <ac:spMkLst>
            <pc:docMk/>
            <pc:sldMk cId="107938347" sldId="539"/>
            <ac:spMk id="22" creationId="{7C026B0E-18C6-7340-9586-CE58C8C7AC3B}"/>
          </ac:spMkLst>
        </pc:spChg>
        <pc:spChg chg="del mod">
          <ac:chgData name="Daly Donnacha HSLU I" userId="0f22e960-400a-43ff-baeb-4828c8f5cd3a" providerId="ADAL" clId="{55F1696D-224E-654D-8EE7-4CBBA757AA04}" dt="2021-03-26T09:51:54.894" v="10287" actId="478"/>
          <ac:spMkLst>
            <pc:docMk/>
            <pc:sldMk cId="107938347" sldId="539"/>
            <ac:spMk id="23" creationId="{3236F5F0-E542-1C4B-9BE2-7C860DC8FFEB}"/>
          </ac:spMkLst>
        </pc:spChg>
        <pc:graphicFrameChg chg="add mod">
          <ac:chgData name="Daly Donnacha HSLU I" userId="0f22e960-400a-43ff-baeb-4828c8f5cd3a" providerId="ADAL" clId="{55F1696D-224E-654D-8EE7-4CBBA757AA04}" dt="2021-03-26T09:48:35.697" v="10242"/>
          <ac:graphicFrameMkLst>
            <pc:docMk/>
            <pc:sldMk cId="107938347" sldId="539"/>
            <ac:graphicFrameMk id="13" creationId="{0568BE42-E4C8-C04C-8E02-DDC884798E6E}"/>
          </ac:graphicFrameMkLst>
        </pc:graphicFrameChg>
        <pc:graphicFrameChg chg="del modGraphic">
          <ac:chgData name="Daly Donnacha HSLU I" userId="0f22e960-400a-43ff-baeb-4828c8f5cd3a" providerId="ADAL" clId="{55F1696D-224E-654D-8EE7-4CBBA757AA04}" dt="2021-03-26T09:48:35.382" v="10241" actId="478"/>
          <ac:graphicFrameMkLst>
            <pc:docMk/>
            <pc:sldMk cId="107938347" sldId="539"/>
            <ac:graphicFrameMk id="15" creationId="{2287AAF0-9351-1F41-BFFD-5E2A471A5190}"/>
          </ac:graphicFrameMkLst>
        </pc:graphicFrameChg>
        <pc:picChg chg="mod">
          <ac:chgData name="Daly Donnacha HSLU I" userId="0f22e960-400a-43ff-baeb-4828c8f5cd3a" providerId="ADAL" clId="{55F1696D-224E-654D-8EE7-4CBBA757AA04}" dt="2021-03-26T09:49:36.034" v="10274" actId="1076"/>
          <ac:picMkLst>
            <pc:docMk/>
            <pc:sldMk cId="107938347" sldId="539"/>
            <ac:picMk id="16" creationId="{57790F7C-E5BA-F04E-B1AC-C6722936E4F7}"/>
          </ac:picMkLst>
        </pc:picChg>
        <pc:picChg chg="mod">
          <ac:chgData name="Daly Donnacha HSLU I" userId="0f22e960-400a-43ff-baeb-4828c8f5cd3a" providerId="ADAL" clId="{55F1696D-224E-654D-8EE7-4CBBA757AA04}" dt="2021-03-26T09:52:12.385" v="10291" actId="465"/>
          <ac:picMkLst>
            <pc:docMk/>
            <pc:sldMk cId="107938347" sldId="539"/>
            <ac:picMk id="17" creationId="{1533C842-0A7B-3541-863C-763515450658}"/>
          </ac:picMkLst>
        </pc:picChg>
        <pc:picChg chg="mod">
          <ac:chgData name="Daly Donnacha HSLU I" userId="0f22e960-400a-43ff-baeb-4828c8f5cd3a" providerId="ADAL" clId="{55F1696D-224E-654D-8EE7-4CBBA757AA04}" dt="2021-03-26T09:52:12.385" v="10291" actId="465"/>
          <ac:picMkLst>
            <pc:docMk/>
            <pc:sldMk cId="107938347" sldId="539"/>
            <ac:picMk id="18" creationId="{BE42DD30-E47E-614B-AE24-C88457B807AB}"/>
          </ac:picMkLst>
        </pc:picChg>
        <pc:picChg chg="mod">
          <ac:chgData name="Daly Donnacha HSLU I" userId="0f22e960-400a-43ff-baeb-4828c8f5cd3a" providerId="ADAL" clId="{55F1696D-224E-654D-8EE7-4CBBA757AA04}" dt="2021-03-26T09:52:02.061" v="10290" actId="1076"/>
          <ac:picMkLst>
            <pc:docMk/>
            <pc:sldMk cId="107938347" sldId="539"/>
            <ac:picMk id="21" creationId="{B1C07A7B-8609-7D42-9D79-472361A4AF4D}"/>
          </ac:picMkLst>
        </pc:picChg>
      </pc:sldChg>
      <pc:sldChg chg="add del">
        <pc:chgData name="Daly Donnacha HSLU I" userId="0f22e960-400a-43ff-baeb-4828c8f5cd3a" providerId="ADAL" clId="{55F1696D-224E-654D-8EE7-4CBBA757AA04}" dt="2021-03-25T16:26:08.527" v="3272" actId="2696"/>
        <pc:sldMkLst>
          <pc:docMk/>
          <pc:sldMk cId="3324427522" sldId="539"/>
        </pc:sldMkLst>
      </pc:sldChg>
      <pc:sldChg chg="addSp delSp modSp add mod">
        <pc:chgData name="Daly Donnacha HSLU I" userId="0f22e960-400a-43ff-baeb-4828c8f5cd3a" providerId="ADAL" clId="{55F1696D-224E-654D-8EE7-4CBBA757AA04}" dt="2021-03-26T05:49:19.015" v="5223" actId="20577"/>
        <pc:sldMkLst>
          <pc:docMk/>
          <pc:sldMk cId="379516510" sldId="549"/>
        </pc:sldMkLst>
        <pc:spChg chg="mod">
          <ac:chgData name="Daly Donnacha HSLU I" userId="0f22e960-400a-43ff-baeb-4828c8f5cd3a" providerId="ADAL" clId="{55F1696D-224E-654D-8EE7-4CBBA757AA04}" dt="2021-03-26T04:32:46.936" v="4354" actId="6549"/>
          <ac:spMkLst>
            <pc:docMk/>
            <pc:sldMk cId="379516510" sldId="549"/>
            <ac:spMk id="2" creationId="{73E1470E-D17E-1047-8916-D4F1C8A807E4}"/>
          </ac:spMkLst>
        </pc:spChg>
        <pc:spChg chg="add mod">
          <ac:chgData name="Daly Donnacha HSLU I" userId="0f22e960-400a-43ff-baeb-4828c8f5cd3a" providerId="ADAL" clId="{55F1696D-224E-654D-8EE7-4CBBA757AA04}" dt="2021-03-26T04:38:31.278" v="4549" actId="114"/>
          <ac:spMkLst>
            <pc:docMk/>
            <pc:sldMk cId="379516510" sldId="549"/>
            <ac:spMk id="7" creationId="{67F97B80-8693-0446-87A5-C9372B546B78}"/>
          </ac:spMkLst>
        </pc:spChg>
        <pc:spChg chg="mod">
          <ac:chgData name="Daly Donnacha HSLU I" userId="0f22e960-400a-43ff-baeb-4828c8f5cd3a" providerId="ADAL" clId="{55F1696D-224E-654D-8EE7-4CBBA757AA04}" dt="2021-03-26T04:36:13.274" v="4458" actId="1076"/>
          <ac:spMkLst>
            <pc:docMk/>
            <pc:sldMk cId="379516510" sldId="549"/>
            <ac:spMk id="40" creationId="{D5564662-8E55-1246-B831-4A1135B1A3E1}"/>
          </ac:spMkLst>
        </pc:spChg>
        <pc:spChg chg="mod">
          <ac:chgData name="Daly Donnacha HSLU I" userId="0f22e960-400a-43ff-baeb-4828c8f5cd3a" providerId="ADAL" clId="{55F1696D-224E-654D-8EE7-4CBBA757AA04}" dt="2021-03-26T05:49:19.015" v="5223" actId="20577"/>
          <ac:spMkLst>
            <pc:docMk/>
            <pc:sldMk cId="379516510" sldId="549"/>
            <ac:spMk id="64" creationId="{0DDA58D5-866F-A64C-8553-B4E6C0C2E120}"/>
          </ac:spMkLst>
        </pc:spChg>
        <pc:spChg chg="mod">
          <ac:chgData name="Daly Donnacha HSLU I" userId="0f22e960-400a-43ff-baeb-4828c8f5cd3a" providerId="ADAL" clId="{55F1696D-224E-654D-8EE7-4CBBA757AA04}" dt="2021-03-26T04:43:49.337" v="4617" actId="6549"/>
          <ac:spMkLst>
            <pc:docMk/>
            <pc:sldMk cId="379516510" sldId="549"/>
            <ac:spMk id="66" creationId="{629184A2-8202-064B-A9FA-BE75DE0E4C8C}"/>
          </ac:spMkLst>
        </pc:spChg>
        <pc:spChg chg="mod">
          <ac:chgData name="Daly Donnacha HSLU I" userId="0f22e960-400a-43ff-baeb-4828c8f5cd3a" providerId="ADAL" clId="{55F1696D-224E-654D-8EE7-4CBBA757AA04}" dt="2021-03-26T04:43:44.469" v="4616" actId="166"/>
          <ac:spMkLst>
            <pc:docMk/>
            <pc:sldMk cId="379516510" sldId="549"/>
            <ac:spMk id="68" creationId="{73BE6A7C-7EAC-A44F-A83B-AFDB59272410}"/>
          </ac:spMkLst>
        </pc:spChg>
        <pc:spChg chg="mod">
          <ac:chgData name="Daly Donnacha HSLU I" userId="0f22e960-400a-43ff-baeb-4828c8f5cd3a" providerId="ADAL" clId="{55F1696D-224E-654D-8EE7-4CBBA757AA04}" dt="2021-03-26T04:33:36.396" v="4437" actId="1038"/>
          <ac:spMkLst>
            <pc:docMk/>
            <pc:sldMk cId="379516510" sldId="549"/>
            <ac:spMk id="69" creationId="{98997BB0-B39E-8842-9B9D-B7A0D59BA593}"/>
          </ac:spMkLst>
        </pc:spChg>
        <pc:spChg chg="mod">
          <ac:chgData name="Daly Donnacha HSLU I" userId="0f22e960-400a-43ff-baeb-4828c8f5cd3a" providerId="ADAL" clId="{55F1696D-224E-654D-8EE7-4CBBA757AA04}" dt="2021-03-26T04:39:13.390" v="4561"/>
          <ac:spMkLst>
            <pc:docMk/>
            <pc:sldMk cId="379516510" sldId="549"/>
            <ac:spMk id="73" creationId="{F4D8E6A0-993D-D34D-A9B5-F504CD697F28}"/>
          </ac:spMkLst>
        </pc:spChg>
        <pc:spChg chg="mod">
          <ac:chgData name="Daly Donnacha HSLU I" userId="0f22e960-400a-43ff-baeb-4828c8f5cd3a" providerId="ADAL" clId="{55F1696D-224E-654D-8EE7-4CBBA757AA04}" dt="2021-03-26T04:39:13.390" v="4561"/>
          <ac:spMkLst>
            <pc:docMk/>
            <pc:sldMk cId="379516510" sldId="549"/>
            <ac:spMk id="74" creationId="{B315B843-BA87-F848-B9C7-22A2529BBE8A}"/>
          </ac:spMkLst>
        </pc:spChg>
        <pc:spChg chg="add mod">
          <ac:chgData name="Daly Donnacha HSLU I" userId="0f22e960-400a-43ff-baeb-4828c8f5cd3a" providerId="ADAL" clId="{55F1696D-224E-654D-8EE7-4CBBA757AA04}" dt="2021-03-26T04:42:07.298" v="4594" actId="1076"/>
          <ac:spMkLst>
            <pc:docMk/>
            <pc:sldMk cId="379516510" sldId="549"/>
            <ac:spMk id="75" creationId="{CA9835CA-22A6-6B40-A172-58E76DD795EB}"/>
          </ac:spMkLst>
        </pc:spChg>
        <pc:spChg chg="mod">
          <ac:chgData name="Daly Donnacha HSLU I" userId="0f22e960-400a-43ff-baeb-4828c8f5cd3a" providerId="ADAL" clId="{55F1696D-224E-654D-8EE7-4CBBA757AA04}" dt="2021-03-26T04:33:36.396" v="4437" actId="1038"/>
          <ac:spMkLst>
            <pc:docMk/>
            <pc:sldMk cId="379516510" sldId="549"/>
            <ac:spMk id="77" creationId="{D935A12E-8C77-7040-ACB6-534203F8DEE1}"/>
          </ac:spMkLst>
        </pc:spChg>
        <pc:spChg chg="mod">
          <ac:chgData name="Daly Donnacha HSLU I" userId="0f22e960-400a-43ff-baeb-4828c8f5cd3a" providerId="ADAL" clId="{55F1696D-224E-654D-8EE7-4CBBA757AA04}" dt="2021-03-26T04:33:36.396" v="4437" actId="1038"/>
          <ac:spMkLst>
            <pc:docMk/>
            <pc:sldMk cId="379516510" sldId="549"/>
            <ac:spMk id="81" creationId="{DF87CAB3-C973-4846-9A1B-09D6E19F77D0}"/>
          </ac:spMkLst>
        </pc:spChg>
        <pc:spChg chg="mod">
          <ac:chgData name="Daly Donnacha HSLU I" userId="0f22e960-400a-43ff-baeb-4828c8f5cd3a" providerId="ADAL" clId="{55F1696D-224E-654D-8EE7-4CBBA757AA04}" dt="2021-03-26T04:33:36.396" v="4437" actId="1038"/>
          <ac:spMkLst>
            <pc:docMk/>
            <pc:sldMk cId="379516510" sldId="549"/>
            <ac:spMk id="82" creationId="{B8B596DB-1E82-9946-8978-71DFA8371077}"/>
          </ac:spMkLst>
        </pc:spChg>
        <pc:spChg chg="del">
          <ac:chgData name="Daly Donnacha HSLU I" userId="0f22e960-400a-43ff-baeb-4828c8f5cd3a" providerId="ADAL" clId="{55F1696D-224E-654D-8EE7-4CBBA757AA04}" dt="2021-03-26T04:32:57.836" v="4355" actId="478"/>
          <ac:spMkLst>
            <pc:docMk/>
            <pc:sldMk cId="379516510" sldId="549"/>
            <ac:spMk id="97" creationId="{A96DB12B-3E23-2A4B-A3C6-446750228F39}"/>
          </ac:spMkLst>
        </pc:spChg>
        <pc:spChg chg="mod">
          <ac:chgData name="Daly Donnacha HSLU I" userId="0f22e960-400a-43ff-baeb-4828c8f5cd3a" providerId="ADAL" clId="{55F1696D-224E-654D-8EE7-4CBBA757AA04}" dt="2021-03-26T04:39:44.741" v="4567" actId="1037"/>
          <ac:spMkLst>
            <pc:docMk/>
            <pc:sldMk cId="379516510" sldId="549"/>
            <ac:spMk id="99" creationId="{3825F7BA-72B6-CA44-8B75-CF03E2738C7E}"/>
          </ac:spMkLst>
        </pc:spChg>
        <pc:spChg chg="mod">
          <ac:chgData name="Daly Donnacha HSLU I" userId="0f22e960-400a-43ff-baeb-4828c8f5cd3a" providerId="ADAL" clId="{55F1696D-224E-654D-8EE7-4CBBA757AA04}" dt="2021-03-26T04:39:44.741" v="4567" actId="1037"/>
          <ac:spMkLst>
            <pc:docMk/>
            <pc:sldMk cId="379516510" sldId="549"/>
            <ac:spMk id="100" creationId="{769C9C17-9C05-384E-9392-E6B946042F86}"/>
          </ac:spMkLst>
        </pc:spChg>
        <pc:spChg chg="mod">
          <ac:chgData name="Daly Donnacha HSLU I" userId="0f22e960-400a-43ff-baeb-4828c8f5cd3a" providerId="ADAL" clId="{55F1696D-224E-654D-8EE7-4CBBA757AA04}" dt="2021-03-26T04:39:44.741" v="4567" actId="1037"/>
          <ac:spMkLst>
            <pc:docMk/>
            <pc:sldMk cId="379516510" sldId="549"/>
            <ac:spMk id="101" creationId="{4FA52D45-5835-DC45-84D7-5FF89C37CDED}"/>
          </ac:spMkLst>
        </pc:spChg>
        <pc:spChg chg="mod">
          <ac:chgData name="Daly Donnacha HSLU I" userId="0f22e960-400a-43ff-baeb-4828c8f5cd3a" providerId="ADAL" clId="{55F1696D-224E-654D-8EE7-4CBBA757AA04}" dt="2021-03-26T04:39:44.741" v="4567" actId="1037"/>
          <ac:spMkLst>
            <pc:docMk/>
            <pc:sldMk cId="379516510" sldId="549"/>
            <ac:spMk id="102" creationId="{C4AF4C66-FD0F-F74E-8347-A929AFB09B33}"/>
          </ac:spMkLst>
        </pc:spChg>
        <pc:spChg chg="mod">
          <ac:chgData name="Daly Donnacha HSLU I" userId="0f22e960-400a-43ff-baeb-4828c8f5cd3a" providerId="ADAL" clId="{55F1696D-224E-654D-8EE7-4CBBA757AA04}" dt="2021-03-26T04:39:44.741" v="4567" actId="1037"/>
          <ac:spMkLst>
            <pc:docMk/>
            <pc:sldMk cId="379516510" sldId="549"/>
            <ac:spMk id="103" creationId="{8081C688-1EB0-8C47-A0A5-77233889EAC5}"/>
          </ac:spMkLst>
        </pc:spChg>
        <pc:spChg chg="mod">
          <ac:chgData name="Daly Donnacha HSLU I" userId="0f22e960-400a-43ff-baeb-4828c8f5cd3a" providerId="ADAL" clId="{55F1696D-224E-654D-8EE7-4CBBA757AA04}" dt="2021-03-26T04:39:44.741" v="4567" actId="1037"/>
          <ac:spMkLst>
            <pc:docMk/>
            <pc:sldMk cId="379516510" sldId="549"/>
            <ac:spMk id="104" creationId="{C17150A3-8175-C04B-8975-2B3CDC124D4C}"/>
          </ac:spMkLst>
        </pc:spChg>
        <pc:spChg chg="mod">
          <ac:chgData name="Daly Donnacha HSLU I" userId="0f22e960-400a-43ff-baeb-4828c8f5cd3a" providerId="ADAL" clId="{55F1696D-224E-654D-8EE7-4CBBA757AA04}" dt="2021-03-26T04:39:44.741" v="4567" actId="1037"/>
          <ac:spMkLst>
            <pc:docMk/>
            <pc:sldMk cId="379516510" sldId="549"/>
            <ac:spMk id="105" creationId="{ACD6EF04-19E2-3F49-A3B0-E81922F06AC7}"/>
          </ac:spMkLst>
        </pc:spChg>
        <pc:spChg chg="mod">
          <ac:chgData name="Daly Donnacha HSLU I" userId="0f22e960-400a-43ff-baeb-4828c8f5cd3a" providerId="ADAL" clId="{55F1696D-224E-654D-8EE7-4CBBA757AA04}" dt="2021-03-26T04:39:44.741" v="4567" actId="1037"/>
          <ac:spMkLst>
            <pc:docMk/>
            <pc:sldMk cId="379516510" sldId="549"/>
            <ac:spMk id="106" creationId="{C1F51744-EAF9-A347-A5DD-A6EA07D00256}"/>
          </ac:spMkLst>
        </pc:spChg>
        <pc:spChg chg="mod">
          <ac:chgData name="Daly Donnacha HSLU I" userId="0f22e960-400a-43ff-baeb-4828c8f5cd3a" providerId="ADAL" clId="{55F1696D-224E-654D-8EE7-4CBBA757AA04}" dt="2021-03-26T04:39:44.741" v="4567" actId="1037"/>
          <ac:spMkLst>
            <pc:docMk/>
            <pc:sldMk cId="379516510" sldId="549"/>
            <ac:spMk id="107" creationId="{0C1151C0-C759-0A44-BFEB-EE985CDF34E7}"/>
          </ac:spMkLst>
        </pc:spChg>
        <pc:spChg chg="mod">
          <ac:chgData name="Daly Donnacha HSLU I" userId="0f22e960-400a-43ff-baeb-4828c8f5cd3a" providerId="ADAL" clId="{55F1696D-224E-654D-8EE7-4CBBA757AA04}" dt="2021-03-26T04:39:44.741" v="4567" actId="1037"/>
          <ac:spMkLst>
            <pc:docMk/>
            <pc:sldMk cId="379516510" sldId="549"/>
            <ac:spMk id="108" creationId="{78030668-6604-9C4A-9D39-A9C618B47849}"/>
          </ac:spMkLst>
        </pc:spChg>
        <pc:spChg chg="mod">
          <ac:chgData name="Daly Donnacha HSLU I" userId="0f22e960-400a-43ff-baeb-4828c8f5cd3a" providerId="ADAL" clId="{55F1696D-224E-654D-8EE7-4CBBA757AA04}" dt="2021-03-26T04:39:57.516" v="4572" actId="1038"/>
          <ac:spMkLst>
            <pc:docMk/>
            <pc:sldMk cId="379516510" sldId="549"/>
            <ac:spMk id="114" creationId="{BC0F05A8-B235-2E42-A3DE-C0BFFCA1372B}"/>
          </ac:spMkLst>
        </pc:spChg>
        <pc:spChg chg="mod">
          <ac:chgData name="Daly Donnacha HSLU I" userId="0f22e960-400a-43ff-baeb-4828c8f5cd3a" providerId="ADAL" clId="{55F1696D-224E-654D-8EE7-4CBBA757AA04}" dt="2021-03-26T04:39:57.516" v="4572" actId="1038"/>
          <ac:spMkLst>
            <pc:docMk/>
            <pc:sldMk cId="379516510" sldId="549"/>
            <ac:spMk id="115" creationId="{350FA8FF-8053-FE4D-8C13-3592DDE3CB0A}"/>
          </ac:spMkLst>
        </pc:spChg>
        <pc:spChg chg="del">
          <ac:chgData name="Daly Donnacha HSLU I" userId="0f22e960-400a-43ff-baeb-4828c8f5cd3a" providerId="ADAL" clId="{55F1696D-224E-654D-8EE7-4CBBA757AA04}" dt="2021-03-26T04:32:57.836" v="4355" actId="478"/>
          <ac:spMkLst>
            <pc:docMk/>
            <pc:sldMk cId="379516510" sldId="549"/>
            <ac:spMk id="119" creationId="{0A405E66-0B8E-4343-A2E3-F7F0635D40FC}"/>
          </ac:spMkLst>
        </pc:spChg>
        <pc:spChg chg="del">
          <ac:chgData name="Daly Donnacha HSLU I" userId="0f22e960-400a-43ff-baeb-4828c8f5cd3a" providerId="ADAL" clId="{55F1696D-224E-654D-8EE7-4CBBA757AA04}" dt="2021-03-26T04:32:57.836" v="4355" actId="478"/>
          <ac:spMkLst>
            <pc:docMk/>
            <pc:sldMk cId="379516510" sldId="549"/>
            <ac:spMk id="120" creationId="{C3DC85C9-E861-9042-818D-A5B779725F2A}"/>
          </ac:spMkLst>
        </pc:spChg>
        <pc:spChg chg="del">
          <ac:chgData name="Daly Donnacha HSLU I" userId="0f22e960-400a-43ff-baeb-4828c8f5cd3a" providerId="ADAL" clId="{55F1696D-224E-654D-8EE7-4CBBA757AA04}" dt="2021-03-26T04:32:57.836" v="4355" actId="478"/>
          <ac:spMkLst>
            <pc:docMk/>
            <pc:sldMk cId="379516510" sldId="549"/>
            <ac:spMk id="121" creationId="{08B84CB7-2AD2-3E45-9AD3-6570A4B19907}"/>
          </ac:spMkLst>
        </pc:spChg>
        <pc:spChg chg="del">
          <ac:chgData name="Daly Donnacha HSLU I" userId="0f22e960-400a-43ff-baeb-4828c8f5cd3a" providerId="ADAL" clId="{55F1696D-224E-654D-8EE7-4CBBA757AA04}" dt="2021-03-26T04:32:57.836" v="4355" actId="478"/>
          <ac:spMkLst>
            <pc:docMk/>
            <pc:sldMk cId="379516510" sldId="549"/>
            <ac:spMk id="122" creationId="{1BDB46EF-3B6E-2D49-ACDA-2233E968A31B}"/>
          </ac:spMkLst>
        </pc:spChg>
        <pc:spChg chg="del">
          <ac:chgData name="Daly Donnacha HSLU I" userId="0f22e960-400a-43ff-baeb-4828c8f5cd3a" providerId="ADAL" clId="{55F1696D-224E-654D-8EE7-4CBBA757AA04}" dt="2021-03-26T04:32:57.836" v="4355" actId="478"/>
          <ac:spMkLst>
            <pc:docMk/>
            <pc:sldMk cId="379516510" sldId="549"/>
            <ac:spMk id="123" creationId="{69C131B9-5A34-E343-83F2-D53A59BC0356}"/>
          </ac:spMkLst>
        </pc:spChg>
        <pc:spChg chg="del">
          <ac:chgData name="Daly Donnacha HSLU I" userId="0f22e960-400a-43ff-baeb-4828c8f5cd3a" providerId="ADAL" clId="{55F1696D-224E-654D-8EE7-4CBBA757AA04}" dt="2021-03-26T04:32:57.836" v="4355" actId="478"/>
          <ac:spMkLst>
            <pc:docMk/>
            <pc:sldMk cId="379516510" sldId="549"/>
            <ac:spMk id="124" creationId="{835A7ECD-CCBB-964A-8BD2-49BF75800545}"/>
          </ac:spMkLst>
        </pc:spChg>
        <pc:spChg chg="del">
          <ac:chgData name="Daly Donnacha HSLU I" userId="0f22e960-400a-43ff-baeb-4828c8f5cd3a" providerId="ADAL" clId="{55F1696D-224E-654D-8EE7-4CBBA757AA04}" dt="2021-03-26T04:32:57.836" v="4355" actId="478"/>
          <ac:spMkLst>
            <pc:docMk/>
            <pc:sldMk cId="379516510" sldId="549"/>
            <ac:spMk id="125" creationId="{7C2FAF52-D962-BB4E-A8AE-FA009C7BC509}"/>
          </ac:spMkLst>
        </pc:spChg>
        <pc:spChg chg="del">
          <ac:chgData name="Daly Donnacha HSLU I" userId="0f22e960-400a-43ff-baeb-4828c8f5cd3a" providerId="ADAL" clId="{55F1696D-224E-654D-8EE7-4CBBA757AA04}" dt="2021-03-26T04:32:57.836" v="4355" actId="478"/>
          <ac:spMkLst>
            <pc:docMk/>
            <pc:sldMk cId="379516510" sldId="549"/>
            <ac:spMk id="126" creationId="{A8EB3E80-0420-A646-8EB1-D25D5F1BF84C}"/>
          </ac:spMkLst>
        </pc:spChg>
        <pc:spChg chg="del">
          <ac:chgData name="Daly Donnacha HSLU I" userId="0f22e960-400a-43ff-baeb-4828c8f5cd3a" providerId="ADAL" clId="{55F1696D-224E-654D-8EE7-4CBBA757AA04}" dt="2021-03-26T04:32:57.836" v="4355" actId="478"/>
          <ac:spMkLst>
            <pc:docMk/>
            <pc:sldMk cId="379516510" sldId="549"/>
            <ac:spMk id="127" creationId="{B0626EBB-7444-2D45-A38C-39EE267CF689}"/>
          </ac:spMkLst>
        </pc:spChg>
        <pc:spChg chg="del">
          <ac:chgData name="Daly Donnacha HSLU I" userId="0f22e960-400a-43ff-baeb-4828c8f5cd3a" providerId="ADAL" clId="{55F1696D-224E-654D-8EE7-4CBBA757AA04}" dt="2021-03-26T04:32:57.836" v="4355" actId="478"/>
          <ac:spMkLst>
            <pc:docMk/>
            <pc:sldMk cId="379516510" sldId="549"/>
            <ac:spMk id="128" creationId="{94F33CA8-9DCB-C84C-9F2E-14498B587484}"/>
          </ac:spMkLst>
        </pc:spChg>
        <pc:spChg chg="del">
          <ac:chgData name="Daly Donnacha HSLU I" userId="0f22e960-400a-43ff-baeb-4828c8f5cd3a" providerId="ADAL" clId="{55F1696D-224E-654D-8EE7-4CBBA757AA04}" dt="2021-03-26T04:32:57.836" v="4355" actId="478"/>
          <ac:spMkLst>
            <pc:docMk/>
            <pc:sldMk cId="379516510" sldId="549"/>
            <ac:spMk id="132" creationId="{4199EB53-4F73-EA42-AD95-CB719B13004C}"/>
          </ac:spMkLst>
        </pc:spChg>
        <pc:spChg chg="del">
          <ac:chgData name="Daly Donnacha HSLU I" userId="0f22e960-400a-43ff-baeb-4828c8f5cd3a" providerId="ADAL" clId="{55F1696D-224E-654D-8EE7-4CBBA757AA04}" dt="2021-03-26T04:32:57.836" v="4355" actId="478"/>
          <ac:spMkLst>
            <pc:docMk/>
            <pc:sldMk cId="379516510" sldId="549"/>
            <ac:spMk id="133" creationId="{873CF5F0-9F39-984E-B1FF-4E0C43945E95}"/>
          </ac:spMkLst>
        </pc:spChg>
        <pc:spChg chg="del">
          <ac:chgData name="Daly Donnacha HSLU I" userId="0f22e960-400a-43ff-baeb-4828c8f5cd3a" providerId="ADAL" clId="{55F1696D-224E-654D-8EE7-4CBBA757AA04}" dt="2021-03-26T04:32:57.836" v="4355" actId="478"/>
          <ac:spMkLst>
            <pc:docMk/>
            <pc:sldMk cId="379516510" sldId="549"/>
            <ac:spMk id="134" creationId="{75395222-323C-EE40-A01D-7DE5FEE1734D}"/>
          </ac:spMkLst>
        </pc:spChg>
        <pc:spChg chg="mod">
          <ac:chgData name="Daly Donnacha HSLU I" userId="0f22e960-400a-43ff-baeb-4828c8f5cd3a" providerId="ADAL" clId="{55F1696D-224E-654D-8EE7-4CBBA757AA04}" dt="2021-03-26T04:36:01.737" v="4457" actId="20577"/>
          <ac:spMkLst>
            <pc:docMk/>
            <pc:sldMk cId="379516510" sldId="549"/>
            <ac:spMk id="155" creationId="{576DC600-FEB7-F648-BB7C-AEB2EF2EB567}"/>
          </ac:spMkLst>
        </pc:spChg>
        <pc:spChg chg="del">
          <ac:chgData name="Daly Donnacha HSLU I" userId="0f22e960-400a-43ff-baeb-4828c8f5cd3a" providerId="ADAL" clId="{55F1696D-224E-654D-8EE7-4CBBA757AA04}" dt="2021-03-26T04:32:57.836" v="4355" actId="478"/>
          <ac:spMkLst>
            <pc:docMk/>
            <pc:sldMk cId="379516510" sldId="549"/>
            <ac:spMk id="159" creationId="{86F3AD7F-06D8-494E-BB94-718EEDA393F1}"/>
          </ac:spMkLst>
        </pc:spChg>
        <pc:spChg chg="del">
          <ac:chgData name="Daly Donnacha HSLU I" userId="0f22e960-400a-43ff-baeb-4828c8f5cd3a" providerId="ADAL" clId="{55F1696D-224E-654D-8EE7-4CBBA757AA04}" dt="2021-03-26T04:32:57.836" v="4355" actId="478"/>
          <ac:spMkLst>
            <pc:docMk/>
            <pc:sldMk cId="379516510" sldId="549"/>
            <ac:spMk id="160" creationId="{98D6054E-FD15-294F-ACDC-149AA86605F4}"/>
          </ac:spMkLst>
        </pc:spChg>
        <pc:spChg chg="del">
          <ac:chgData name="Daly Donnacha HSLU I" userId="0f22e960-400a-43ff-baeb-4828c8f5cd3a" providerId="ADAL" clId="{55F1696D-224E-654D-8EE7-4CBBA757AA04}" dt="2021-03-26T04:32:57.836" v="4355" actId="478"/>
          <ac:spMkLst>
            <pc:docMk/>
            <pc:sldMk cId="379516510" sldId="549"/>
            <ac:spMk id="161" creationId="{809846D8-D7EB-6C46-BAC7-7D6818CB152A}"/>
          </ac:spMkLst>
        </pc:spChg>
        <pc:spChg chg="mod">
          <ac:chgData name="Daly Donnacha HSLU I" userId="0f22e960-400a-43ff-baeb-4828c8f5cd3a" providerId="ADAL" clId="{55F1696D-224E-654D-8EE7-4CBBA757AA04}" dt="2021-03-26T04:41:32.267" v="4589" actId="404"/>
          <ac:spMkLst>
            <pc:docMk/>
            <pc:sldMk cId="379516510" sldId="549"/>
            <ac:spMk id="162" creationId="{0A97E0BD-CC2B-0344-9B16-BF4BB9C784CA}"/>
          </ac:spMkLst>
        </pc:spChg>
        <pc:spChg chg="mod">
          <ac:chgData name="Daly Donnacha HSLU I" userId="0f22e960-400a-43ff-baeb-4828c8f5cd3a" providerId="ADAL" clId="{55F1696D-224E-654D-8EE7-4CBBA757AA04}" dt="2021-03-26T04:41:05.399" v="4580" actId="114"/>
          <ac:spMkLst>
            <pc:docMk/>
            <pc:sldMk cId="379516510" sldId="549"/>
            <ac:spMk id="163" creationId="{A773A7AF-5C57-E742-951D-246A0168AFE3}"/>
          </ac:spMkLst>
        </pc:spChg>
        <pc:spChg chg="del">
          <ac:chgData name="Daly Donnacha HSLU I" userId="0f22e960-400a-43ff-baeb-4828c8f5cd3a" providerId="ADAL" clId="{55F1696D-224E-654D-8EE7-4CBBA757AA04}" dt="2021-03-26T04:32:57.836" v="4355" actId="478"/>
          <ac:spMkLst>
            <pc:docMk/>
            <pc:sldMk cId="379516510" sldId="549"/>
            <ac:spMk id="165" creationId="{62DFA0B8-761B-DF47-B169-7F815F5837D2}"/>
          </ac:spMkLst>
        </pc:spChg>
        <pc:spChg chg="mod">
          <ac:chgData name="Daly Donnacha HSLU I" userId="0f22e960-400a-43ff-baeb-4828c8f5cd3a" providerId="ADAL" clId="{55F1696D-224E-654D-8EE7-4CBBA757AA04}" dt="2021-03-26T04:36:17.754" v="4459" actId="1076"/>
          <ac:spMkLst>
            <pc:docMk/>
            <pc:sldMk cId="379516510" sldId="549"/>
            <ac:spMk id="174" creationId="{BF0C29F9-E867-2144-80CE-83E3710B9BF6}"/>
          </ac:spMkLst>
        </pc:spChg>
        <pc:spChg chg="mod">
          <ac:chgData name="Daly Donnacha HSLU I" userId="0f22e960-400a-43ff-baeb-4828c8f5cd3a" providerId="ADAL" clId="{55F1696D-224E-654D-8EE7-4CBBA757AA04}" dt="2021-03-26T04:36:21.746" v="4460" actId="1076"/>
          <ac:spMkLst>
            <pc:docMk/>
            <pc:sldMk cId="379516510" sldId="549"/>
            <ac:spMk id="175" creationId="{21486152-1CB9-2B43-B12B-4C0A5FAF6379}"/>
          </ac:spMkLst>
        </pc:spChg>
        <pc:grpChg chg="mod">
          <ac:chgData name="Daly Donnacha HSLU I" userId="0f22e960-400a-43ff-baeb-4828c8f5cd3a" providerId="ADAL" clId="{55F1696D-224E-654D-8EE7-4CBBA757AA04}" dt="2021-03-26T04:33:36.396" v="4437" actId="1038"/>
          <ac:grpSpMkLst>
            <pc:docMk/>
            <pc:sldMk cId="379516510" sldId="549"/>
            <ac:grpSpMk id="13" creationId="{6B0CD59F-5D16-3447-8B20-37B1DEA94CE9}"/>
          </ac:grpSpMkLst>
        </pc:grpChg>
        <pc:grpChg chg="add mod">
          <ac:chgData name="Daly Donnacha HSLU I" userId="0f22e960-400a-43ff-baeb-4828c8f5cd3a" providerId="ADAL" clId="{55F1696D-224E-654D-8EE7-4CBBA757AA04}" dt="2021-03-26T04:43:57.541" v="4619" actId="1076"/>
          <ac:grpSpMkLst>
            <pc:docMk/>
            <pc:sldMk cId="379516510" sldId="549"/>
            <ac:grpSpMk id="72" creationId="{D793C8FA-4E43-C240-B74C-A58AD26884A4}"/>
          </ac:grpSpMkLst>
        </pc:grpChg>
        <pc:grpChg chg="del mod">
          <ac:chgData name="Daly Donnacha HSLU I" userId="0f22e960-400a-43ff-baeb-4828c8f5cd3a" providerId="ADAL" clId="{55F1696D-224E-654D-8EE7-4CBBA757AA04}" dt="2021-03-26T04:39:08.824" v="4560" actId="478"/>
          <ac:grpSpMkLst>
            <pc:docMk/>
            <pc:sldMk cId="379516510" sldId="549"/>
            <ac:grpSpMk id="144" creationId="{D7BA1712-34A5-5F4B-9667-A6F7292E7B00}"/>
          </ac:grpSpMkLst>
        </pc:grpChg>
        <pc:grpChg chg="del">
          <ac:chgData name="Daly Donnacha HSLU I" userId="0f22e960-400a-43ff-baeb-4828c8f5cd3a" providerId="ADAL" clId="{55F1696D-224E-654D-8EE7-4CBBA757AA04}" dt="2021-03-26T04:33:01.084" v="4356" actId="478"/>
          <ac:grpSpMkLst>
            <pc:docMk/>
            <pc:sldMk cId="379516510" sldId="549"/>
            <ac:grpSpMk id="171" creationId="{9DFA4E2A-94E0-7A49-9F91-020D1FF3A5B5}"/>
          </ac:grpSpMkLst>
        </pc:grpChg>
        <pc:cxnChg chg="mod">
          <ac:chgData name="Daly Donnacha HSLU I" userId="0f22e960-400a-43ff-baeb-4828c8f5cd3a" providerId="ADAL" clId="{55F1696D-224E-654D-8EE7-4CBBA757AA04}" dt="2021-03-26T04:33:36.396" v="4437" actId="1038"/>
          <ac:cxnSpMkLst>
            <pc:docMk/>
            <pc:sldMk cId="379516510" sldId="549"/>
            <ac:cxnSpMk id="63" creationId="{C1B5953A-E95B-A04C-86D8-232101B91578}"/>
          </ac:cxnSpMkLst>
        </pc:cxnChg>
        <pc:cxnChg chg="mod">
          <ac:chgData name="Daly Donnacha HSLU I" userId="0f22e960-400a-43ff-baeb-4828c8f5cd3a" providerId="ADAL" clId="{55F1696D-224E-654D-8EE7-4CBBA757AA04}" dt="2021-03-26T04:33:36.396" v="4437" actId="1038"/>
          <ac:cxnSpMkLst>
            <pc:docMk/>
            <pc:sldMk cId="379516510" sldId="549"/>
            <ac:cxnSpMk id="65" creationId="{CFC8337D-80B1-954A-ABB9-FC24DB20ED4C}"/>
          </ac:cxnSpMkLst>
        </pc:cxnChg>
        <pc:cxnChg chg="mod">
          <ac:chgData name="Daly Donnacha HSLU I" userId="0f22e960-400a-43ff-baeb-4828c8f5cd3a" providerId="ADAL" clId="{55F1696D-224E-654D-8EE7-4CBBA757AA04}" dt="2021-03-26T04:44:11.027" v="4640" actId="14100"/>
          <ac:cxnSpMkLst>
            <pc:docMk/>
            <pc:sldMk cId="379516510" sldId="549"/>
            <ac:cxnSpMk id="67" creationId="{2B7D7C44-1B42-DA48-BA2A-799A4576CE9D}"/>
          </ac:cxnSpMkLst>
        </pc:cxnChg>
        <pc:cxnChg chg="mod">
          <ac:chgData name="Daly Donnacha HSLU I" userId="0f22e960-400a-43ff-baeb-4828c8f5cd3a" providerId="ADAL" clId="{55F1696D-224E-654D-8EE7-4CBBA757AA04}" dt="2021-03-26T04:33:36.396" v="4437" actId="1038"/>
          <ac:cxnSpMkLst>
            <pc:docMk/>
            <pc:sldMk cId="379516510" sldId="549"/>
            <ac:cxnSpMk id="76" creationId="{32D61B79-F5A3-DD46-8F0E-55A481D54D56}"/>
          </ac:cxnSpMkLst>
        </pc:cxnChg>
        <pc:cxnChg chg="mod">
          <ac:chgData name="Daly Donnacha HSLU I" userId="0f22e960-400a-43ff-baeb-4828c8f5cd3a" providerId="ADAL" clId="{55F1696D-224E-654D-8EE7-4CBBA757AA04}" dt="2021-03-26T04:39:57.516" v="4572" actId="1038"/>
          <ac:cxnSpMkLst>
            <pc:docMk/>
            <pc:sldMk cId="379516510" sldId="549"/>
            <ac:cxnSpMk id="96" creationId="{0130B3CB-A3CA-224A-8B9A-43FD9C4D9FFE}"/>
          </ac:cxnSpMkLst>
        </pc:cxnChg>
        <pc:cxnChg chg="mod">
          <ac:chgData name="Daly Donnacha HSLU I" userId="0f22e960-400a-43ff-baeb-4828c8f5cd3a" providerId="ADAL" clId="{55F1696D-224E-654D-8EE7-4CBBA757AA04}" dt="2021-03-26T04:33:43.941" v="4438" actId="1038"/>
          <ac:cxnSpMkLst>
            <pc:docMk/>
            <pc:sldMk cId="379516510" sldId="549"/>
            <ac:cxnSpMk id="98" creationId="{912C604C-B46C-0741-BD64-927D1B2CAD57}"/>
          </ac:cxnSpMkLst>
        </pc:cxnChg>
        <pc:cxnChg chg="mod">
          <ac:chgData name="Daly Donnacha HSLU I" userId="0f22e960-400a-43ff-baeb-4828c8f5cd3a" providerId="ADAL" clId="{55F1696D-224E-654D-8EE7-4CBBA757AA04}" dt="2021-03-26T04:33:43.941" v="4438" actId="1038"/>
          <ac:cxnSpMkLst>
            <pc:docMk/>
            <pc:sldMk cId="379516510" sldId="549"/>
            <ac:cxnSpMk id="111" creationId="{1A7A969A-67C9-B845-AFAF-22DC8B282F99}"/>
          </ac:cxnSpMkLst>
        </pc:cxnChg>
        <pc:cxnChg chg="del">
          <ac:chgData name="Daly Donnacha HSLU I" userId="0f22e960-400a-43ff-baeb-4828c8f5cd3a" providerId="ADAL" clId="{55F1696D-224E-654D-8EE7-4CBBA757AA04}" dt="2021-03-26T04:32:57.836" v="4355" actId="478"/>
          <ac:cxnSpMkLst>
            <pc:docMk/>
            <pc:sldMk cId="379516510" sldId="549"/>
            <ac:cxnSpMk id="116" creationId="{606FE429-E882-8D45-ACC8-9B2ECD3D50B5}"/>
          </ac:cxnSpMkLst>
        </pc:cxnChg>
        <pc:cxnChg chg="del">
          <ac:chgData name="Daly Donnacha HSLU I" userId="0f22e960-400a-43ff-baeb-4828c8f5cd3a" providerId="ADAL" clId="{55F1696D-224E-654D-8EE7-4CBBA757AA04}" dt="2021-03-26T04:32:57.836" v="4355" actId="478"/>
          <ac:cxnSpMkLst>
            <pc:docMk/>
            <pc:sldMk cId="379516510" sldId="549"/>
            <ac:cxnSpMk id="118" creationId="{DA6E7198-D549-034A-B194-9BC37D6685D4}"/>
          </ac:cxnSpMkLst>
        </pc:cxnChg>
        <pc:cxnChg chg="del">
          <ac:chgData name="Daly Donnacha HSLU I" userId="0f22e960-400a-43ff-baeb-4828c8f5cd3a" providerId="ADAL" clId="{55F1696D-224E-654D-8EE7-4CBBA757AA04}" dt="2021-03-26T04:32:57.836" v="4355" actId="478"/>
          <ac:cxnSpMkLst>
            <pc:docMk/>
            <pc:sldMk cId="379516510" sldId="549"/>
            <ac:cxnSpMk id="131" creationId="{E7E6D50C-94D4-F64A-BC19-F233925FF078}"/>
          </ac:cxnSpMkLst>
        </pc:cxnChg>
        <pc:cxnChg chg="del mod">
          <ac:chgData name="Daly Donnacha HSLU I" userId="0f22e960-400a-43ff-baeb-4828c8f5cd3a" providerId="ADAL" clId="{55F1696D-224E-654D-8EE7-4CBBA757AA04}" dt="2021-03-26T04:38:52.392" v="4550" actId="478"/>
          <ac:cxnSpMkLst>
            <pc:docMk/>
            <pc:sldMk cId="379516510" sldId="549"/>
            <ac:cxnSpMk id="139" creationId="{727D6BDC-FD43-1749-B9A9-2E07584D0999}"/>
          </ac:cxnSpMkLst>
        </pc:cxnChg>
        <pc:cxnChg chg="del">
          <ac:chgData name="Daly Donnacha HSLU I" userId="0f22e960-400a-43ff-baeb-4828c8f5cd3a" providerId="ADAL" clId="{55F1696D-224E-654D-8EE7-4CBBA757AA04}" dt="2021-03-26T04:32:57.836" v="4355" actId="478"/>
          <ac:cxnSpMkLst>
            <pc:docMk/>
            <pc:sldMk cId="379516510" sldId="549"/>
            <ac:cxnSpMk id="169" creationId="{AF34F307-BAE2-1E40-992B-156DAF65DB39}"/>
          </ac:cxnSpMkLst>
        </pc:cxnChg>
      </pc:sldChg>
      <pc:sldChg chg="addSp delSp modSp add mod">
        <pc:chgData name="Daly Donnacha HSLU I" userId="0f22e960-400a-43ff-baeb-4828c8f5cd3a" providerId="ADAL" clId="{55F1696D-224E-654D-8EE7-4CBBA757AA04}" dt="2021-03-26T15:23:06.362" v="12264" actId="20577"/>
        <pc:sldMkLst>
          <pc:docMk/>
          <pc:sldMk cId="1053092321" sldId="550"/>
        </pc:sldMkLst>
        <pc:spChg chg="mod">
          <ac:chgData name="Daly Donnacha HSLU I" userId="0f22e960-400a-43ff-baeb-4828c8f5cd3a" providerId="ADAL" clId="{55F1696D-224E-654D-8EE7-4CBBA757AA04}" dt="2021-03-26T04:31:47.530" v="4350" actId="20577"/>
          <ac:spMkLst>
            <pc:docMk/>
            <pc:sldMk cId="1053092321" sldId="550"/>
            <ac:spMk id="2" creationId="{6E26140C-1F8F-DA47-B5C3-8F2D50159374}"/>
          </ac:spMkLst>
        </pc:spChg>
        <pc:spChg chg="del">
          <ac:chgData name="Daly Donnacha HSLU I" userId="0f22e960-400a-43ff-baeb-4828c8f5cd3a" providerId="ADAL" clId="{55F1696D-224E-654D-8EE7-4CBBA757AA04}" dt="2021-03-25T16:59:06.815" v="3854" actId="478"/>
          <ac:spMkLst>
            <pc:docMk/>
            <pc:sldMk cId="1053092321" sldId="550"/>
            <ac:spMk id="3" creationId="{8D0435A1-0B36-4743-BA7B-C13CE008F419}"/>
          </ac:spMkLst>
        </pc:spChg>
        <pc:spChg chg="del mod">
          <ac:chgData name="Daly Donnacha HSLU I" userId="0f22e960-400a-43ff-baeb-4828c8f5cd3a" providerId="ADAL" clId="{55F1696D-224E-654D-8EE7-4CBBA757AA04}" dt="2021-03-26T04:24:14.870" v="3894" actId="478"/>
          <ac:spMkLst>
            <pc:docMk/>
            <pc:sldMk cId="1053092321" sldId="550"/>
            <ac:spMk id="4" creationId="{EE7A17E0-4A4E-6244-8011-07A6DBE98D2F}"/>
          </ac:spMkLst>
        </pc:spChg>
        <pc:spChg chg="del">
          <ac:chgData name="Daly Donnacha HSLU I" userId="0f22e960-400a-43ff-baeb-4828c8f5cd3a" providerId="ADAL" clId="{55F1696D-224E-654D-8EE7-4CBBA757AA04}" dt="2021-03-25T16:59:06.815" v="3854" actId="478"/>
          <ac:spMkLst>
            <pc:docMk/>
            <pc:sldMk cId="1053092321" sldId="550"/>
            <ac:spMk id="8" creationId="{5D82784B-CA31-444D-BA3F-8930086990E0}"/>
          </ac:spMkLst>
        </pc:spChg>
        <pc:spChg chg="del">
          <ac:chgData name="Daly Donnacha HSLU I" userId="0f22e960-400a-43ff-baeb-4828c8f5cd3a" providerId="ADAL" clId="{55F1696D-224E-654D-8EE7-4CBBA757AA04}" dt="2021-03-25T16:59:06.815" v="3854" actId="478"/>
          <ac:spMkLst>
            <pc:docMk/>
            <pc:sldMk cId="1053092321" sldId="550"/>
            <ac:spMk id="9" creationId="{AB93A78A-3A1A-B748-B960-63BFF68194AF}"/>
          </ac:spMkLst>
        </pc:spChg>
        <pc:spChg chg="del">
          <ac:chgData name="Daly Donnacha HSLU I" userId="0f22e960-400a-43ff-baeb-4828c8f5cd3a" providerId="ADAL" clId="{55F1696D-224E-654D-8EE7-4CBBA757AA04}" dt="2021-03-25T16:59:06.815" v="3854" actId="478"/>
          <ac:spMkLst>
            <pc:docMk/>
            <pc:sldMk cId="1053092321" sldId="550"/>
            <ac:spMk id="10" creationId="{1965EA09-85C2-A749-95B9-8D8140BAF17F}"/>
          </ac:spMkLst>
        </pc:spChg>
        <pc:spChg chg="del">
          <ac:chgData name="Daly Donnacha HSLU I" userId="0f22e960-400a-43ff-baeb-4828c8f5cd3a" providerId="ADAL" clId="{55F1696D-224E-654D-8EE7-4CBBA757AA04}" dt="2021-03-25T16:59:06.815" v="3854" actId="478"/>
          <ac:spMkLst>
            <pc:docMk/>
            <pc:sldMk cId="1053092321" sldId="550"/>
            <ac:spMk id="11" creationId="{528CC721-F40C-B747-9BE5-3AB6E319C478}"/>
          </ac:spMkLst>
        </pc:spChg>
        <pc:spChg chg="del">
          <ac:chgData name="Daly Donnacha HSLU I" userId="0f22e960-400a-43ff-baeb-4828c8f5cd3a" providerId="ADAL" clId="{55F1696D-224E-654D-8EE7-4CBBA757AA04}" dt="2021-03-25T16:59:06.815" v="3854" actId="478"/>
          <ac:spMkLst>
            <pc:docMk/>
            <pc:sldMk cId="1053092321" sldId="550"/>
            <ac:spMk id="12" creationId="{35FAB62C-34E1-B844-A3AC-67F0D935BFA0}"/>
          </ac:spMkLst>
        </pc:spChg>
        <pc:spChg chg="del">
          <ac:chgData name="Daly Donnacha HSLU I" userId="0f22e960-400a-43ff-baeb-4828c8f5cd3a" providerId="ADAL" clId="{55F1696D-224E-654D-8EE7-4CBBA757AA04}" dt="2021-03-25T16:59:06.815" v="3854" actId="478"/>
          <ac:spMkLst>
            <pc:docMk/>
            <pc:sldMk cId="1053092321" sldId="550"/>
            <ac:spMk id="13" creationId="{22DBE9A8-703A-9540-B1DF-E689F4ECEC73}"/>
          </ac:spMkLst>
        </pc:spChg>
        <pc:spChg chg="del">
          <ac:chgData name="Daly Donnacha HSLU I" userId="0f22e960-400a-43ff-baeb-4828c8f5cd3a" providerId="ADAL" clId="{55F1696D-224E-654D-8EE7-4CBBA757AA04}" dt="2021-03-25T16:59:06.815" v="3854" actId="478"/>
          <ac:spMkLst>
            <pc:docMk/>
            <pc:sldMk cId="1053092321" sldId="550"/>
            <ac:spMk id="14" creationId="{36F0E20A-AD07-9B46-BC9F-AE6D324FDB7A}"/>
          </ac:spMkLst>
        </pc:spChg>
        <pc:spChg chg="del">
          <ac:chgData name="Daly Donnacha HSLU I" userId="0f22e960-400a-43ff-baeb-4828c8f5cd3a" providerId="ADAL" clId="{55F1696D-224E-654D-8EE7-4CBBA757AA04}" dt="2021-03-25T16:59:06.815" v="3854" actId="478"/>
          <ac:spMkLst>
            <pc:docMk/>
            <pc:sldMk cId="1053092321" sldId="550"/>
            <ac:spMk id="15" creationId="{178B78EC-DDC1-C64F-ADC8-01CC6C87CC01}"/>
          </ac:spMkLst>
        </pc:spChg>
        <pc:spChg chg="del">
          <ac:chgData name="Daly Donnacha HSLU I" userId="0f22e960-400a-43ff-baeb-4828c8f5cd3a" providerId="ADAL" clId="{55F1696D-224E-654D-8EE7-4CBBA757AA04}" dt="2021-03-25T16:59:06.815" v="3854" actId="478"/>
          <ac:spMkLst>
            <pc:docMk/>
            <pc:sldMk cId="1053092321" sldId="550"/>
            <ac:spMk id="16" creationId="{9C1315FB-047B-1444-8C6D-8A7F29A26BE2}"/>
          </ac:spMkLst>
        </pc:spChg>
        <pc:spChg chg="del">
          <ac:chgData name="Daly Donnacha HSLU I" userId="0f22e960-400a-43ff-baeb-4828c8f5cd3a" providerId="ADAL" clId="{55F1696D-224E-654D-8EE7-4CBBA757AA04}" dt="2021-03-25T16:59:06.815" v="3854" actId="478"/>
          <ac:spMkLst>
            <pc:docMk/>
            <pc:sldMk cId="1053092321" sldId="550"/>
            <ac:spMk id="17" creationId="{1C6F9F35-68E8-714F-9A63-A8D792983901}"/>
          </ac:spMkLst>
        </pc:spChg>
        <pc:spChg chg="del">
          <ac:chgData name="Daly Donnacha HSLU I" userId="0f22e960-400a-43ff-baeb-4828c8f5cd3a" providerId="ADAL" clId="{55F1696D-224E-654D-8EE7-4CBBA757AA04}" dt="2021-03-25T16:59:06.815" v="3854" actId="478"/>
          <ac:spMkLst>
            <pc:docMk/>
            <pc:sldMk cId="1053092321" sldId="550"/>
            <ac:spMk id="19" creationId="{A4D71E48-FFB7-4A4D-9DB4-1B4AEB8479B7}"/>
          </ac:spMkLst>
        </pc:spChg>
        <pc:spChg chg="del">
          <ac:chgData name="Daly Donnacha HSLU I" userId="0f22e960-400a-43ff-baeb-4828c8f5cd3a" providerId="ADAL" clId="{55F1696D-224E-654D-8EE7-4CBBA757AA04}" dt="2021-03-25T16:59:06.815" v="3854" actId="478"/>
          <ac:spMkLst>
            <pc:docMk/>
            <pc:sldMk cId="1053092321" sldId="550"/>
            <ac:spMk id="20" creationId="{5146B512-B25B-6947-8CCC-85F1D6650D86}"/>
          </ac:spMkLst>
        </pc:spChg>
        <pc:spChg chg="del">
          <ac:chgData name="Daly Donnacha HSLU I" userId="0f22e960-400a-43ff-baeb-4828c8f5cd3a" providerId="ADAL" clId="{55F1696D-224E-654D-8EE7-4CBBA757AA04}" dt="2021-03-25T16:59:06.815" v="3854" actId="478"/>
          <ac:spMkLst>
            <pc:docMk/>
            <pc:sldMk cId="1053092321" sldId="550"/>
            <ac:spMk id="23" creationId="{390EBDEE-CC86-794B-918E-33B46C92CACF}"/>
          </ac:spMkLst>
        </pc:spChg>
        <pc:spChg chg="del">
          <ac:chgData name="Daly Donnacha HSLU I" userId="0f22e960-400a-43ff-baeb-4828c8f5cd3a" providerId="ADAL" clId="{55F1696D-224E-654D-8EE7-4CBBA757AA04}" dt="2021-03-25T16:59:06.815" v="3854" actId="478"/>
          <ac:spMkLst>
            <pc:docMk/>
            <pc:sldMk cId="1053092321" sldId="550"/>
            <ac:spMk id="24" creationId="{CA872F8A-126C-B84E-B5DE-EDA4A90F50DA}"/>
          </ac:spMkLst>
        </pc:spChg>
        <pc:spChg chg="del">
          <ac:chgData name="Daly Donnacha HSLU I" userId="0f22e960-400a-43ff-baeb-4828c8f5cd3a" providerId="ADAL" clId="{55F1696D-224E-654D-8EE7-4CBBA757AA04}" dt="2021-03-25T16:59:06.815" v="3854" actId="478"/>
          <ac:spMkLst>
            <pc:docMk/>
            <pc:sldMk cId="1053092321" sldId="550"/>
            <ac:spMk id="25" creationId="{76564FF5-825C-F74D-94FC-AF419095FC55}"/>
          </ac:spMkLst>
        </pc:spChg>
        <pc:spChg chg="del">
          <ac:chgData name="Daly Donnacha HSLU I" userId="0f22e960-400a-43ff-baeb-4828c8f5cd3a" providerId="ADAL" clId="{55F1696D-224E-654D-8EE7-4CBBA757AA04}" dt="2021-03-25T16:59:06.815" v="3854" actId="478"/>
          <ac:spMkLst>
            <pc:docMk/>
            <pc:sldMk cId="1053092321" sldId="550"/>
            <ac:spMk id="26" creationId="{B247F679-9FF8-D54D-8097-C64CB1EC7949}"/>
          </ac:spMkLst>
        </pc:spChg>
        <pc:spChg chg="del">
          <ac:chgData name="Daly Donnacha HSLU I" userId="0f22e960-400a-43ff-baeb-4828c8f5cd3a" providerId="ADAL" clId="{55F1696D-224E-654D-8EE7-4CBBA757AA04}" dt="2021-03-25T16:59:06.815" v="3854" actId="478"/>
          <ac:spMkLst>
            <pc:docMk/>
            <pc:sldMk cId="1053092321" sldId="550"/>
            <ac:spMk id="27" creationId="{4DC49992-A0B4-CB45-88B4-CD459D923816}"/>
          </ac:spMkLst>
        </pc:spChg>
        <pc:spChg chg="mod">
          <ac:chgData name="Daly Donnacha HSLU I" userId="0f22e960-400a-43ff-baeb-4828c8f5cd3a" providerId="ADAL" clId="{55F1696D-224E-654D-8EE7-4CBBA757AA04}" dt="2021-03-26T15:15:32.007" v="12256" actId="58"/>
          <ac:spMkLst>
            <pc:docMk/>
            <pc:sldMk cId="1053092321" sldId="550"/>
            <ac:spMk id="28" creationId="{40EDF921-DE66-FB48-BB25-263D99E95611}"/>
          </ac:spMkLst>
        </pc:spChg>
        <pc:spChg chg="mod">
          <ac:chgData name="Daly Donnacha HSLU I" userId="0f22e960-400a-43ff-baeb-4828c8f5cd3a" providerId="ADAL" clId="{55F1696D-224E-654D-8EE7-4CBBA757AA04}" dt="2021-03-26T04:23:35.035" v="3887" actId="1035"/>
          <ac:spMkLst>
            <pc:docMk/>
            <pc:sldMk cId="1053092321" sldId="550"/>
            <ac:spMk id="32" creationId="{8E9C34B8-AF83-7447-ABCE-7678D36BE621}"/>
          </ac:spMkLst>
        </pc:spChg>
        <pc:spChg chg="mod">
          <ac:chgData name="Daly Donnacha HSLU I" userId="0f22e960-400a-43ff-baeb-4828c8f5cd3a" providerId="ADAL" clId="{55F1696D-224E-654D-8EE7-4CBBA757AA04}" dt="2021-03-26T04:23:35.035" v="3887" actId="1035"/>
          <ac:spMkLst>
            <pc:docMk/>
            <pc:sldMk cId="1053092321" sldId="550"/>
            <ac:spMk id="33" creationId="{A46A0194-6521-3144-9FE8-1D2587AEEE6F}"/>
          </ac:spMkLst>
        </pc:spChg>
        <pc:spChg chg="mod">
          <ac:chgData name="Daly Donnacha HSLU I" userId="0f22e960-400a-43ff-baeb-4828c8f5cd3a" providerId="ADAL" clId="{55F1696D-224E-654D-8EE7-4CBBA757AA04}" dt="2021-03-26T04:23:35.035" v="3887" actId="1035"/>
          <ac:spMkLst>
            <pc:docMk/>
            <pc:sldMk cId="1053092321" sldId="550"/>
            <ac:spMk id="34" creationId="{A5A9E3C9-F6EF-0E4A-82FA-283563E7A1CE}"/>
          </ac:spMkLst>
        </pc:spChg>
        <pc:spChg chg="mod">
          <ac:chgData name="Daly Donnacha HSLU I" userId="0f22e960-400a-43ff-baeb-4828c8f5cd3a" providerId="ADAL" clId="{55F1696D-224E-654D-8EE7-4CBBA757AA04}" dt="2021-03-26T04:23:35.035" v="3887" actId="1035"/>
          <ac:spMkLst>
            <pc:docMk/>
            <pc:sldMk cId="1053092321" sldId="550"/>
            <ac:spMk id="35" creationId="{4D76ECD4-E38B-FF4B-AF2C-D344EC2BAFDC}"/>
          </ac:spMkLst>
        </pc:spChg>
        <pc:spChg chg="mod">
          <ac:chgData name="Daly Donnacha HSLU I" userId="0f22e960-400a-43ff-baeb-4828c8f5cd3a" providerId="ADAL" clId="{55F1696D-224E-654D-8EE7-4CBBA757AA04}" dt="2021-03-26T04:23:35.035" v="3887" actId="1035"/>
          <ac:spMkLst>
            <pc:docMk/>
            <pc:sldMk cId="1053092321" sldId="550"/>
            <ac:spMk id="36" creationId="{05D2F795-48B7-8E49-953E-298FEB95B241}"/>
          </ac:spMkLst>
        </pc:spChg>
        <pc:spChg chg="mod">
          <ac:chgData name="Daly Donnacha HSLU I" userId="0f22e960-400a-43ff-baeb-4828c8f5cd3a" providerId="ADAL" clId="{55F1696D-224E-654D-8EE7-4CBBA757AA04}" dt="2021-03-26T04:23:35.035" v="3887" actId="1035"/>
          <ac:spMkLst>
            <pc:docMk/>
            <pc:sldMk cId="1053092321" sldId="550"/>
            <ac:spMk id="37" creationId="{CD54E199-1726-B345-B9E9-DA513CF69707}"/>
          </ac:spMkLst>
        </pc:spChg>
        <pc:spChg chg="mod">
          <ac:chgData name="Daly Donnacha HSLU I" userId="0f22e960-400a-43ff-baeb-4828c8f5cd3a" providerId="ADAL" clId="{55F1696D-224E-654D-8EE7-4CBBA757AA04}" dt="2021-03-26T04:23:35.035" v="3887" actId="1035"/>
          <ac:spMkLst>
            <pc:docMk/>
            <pc:sldMk cId="1053092321" sldId="550"/>
            <ac:spMk id="38" creationId="{E6256AE5-ABD8-0845-8216-C2EAD3FB2A5C}"/>
          </ac:spMkLst>
        </pc:spChg>
        <pc:spChg chg="mod">
          <ac:chgData name="Daly Donnacha HSLU I" userId="0f22e960-400a-43ff-baeb-4828c8f5cd3a" providerId="ADAL" clId="{55F1696D-224E-654D-8EE7-4CBBA757AA04}" dt="2021-03-26T04:23:35.035" v="3887" actId="1035"/>
          <ac:spMkLst>
            <pc:docMk/>
            <pc:sldMk cId="1053092321" sldId="550"/>
            <ac:spMk id="39" creationId="{6E29F93A-4569-4A4B-95B0-2E0473EF45EF}"/>
          </ac:spMkLst>
        </pc:spChg>
        <pc:spChg chg="mod">
          <ac:chgData name="Daly Donnacha HSLU I" userId="0f22e960-400a-43ff-baeb-4828c8f5cd3a" providerId="ADAL" clId="{55F1696D-224E-654D-8EE7-4CBBA757AA04}" dt="2021-03-26T04:23:35.035" v="3887" actId="1035"/>
          <ac:spMkLst>
            <pc:docMk/>
            <pc:sldMk cId="1053092321" sldId="550"/>
            <ac:spMk id="40" creationId="{15C95612-E5A8-8140-BC2A-99E6C4DED660}"/>
          </ac:spMkLst>
        </pc:spChg>
        <pc:spChg chg="mod">
          <ac:chgData name="Daly Donnacha HSLU I" userId="0f22e960-400a-43ff-baeb-4828c8f5cd3a" providerId="ADAL" clId="{55F1696D-224E-654D-8EE7-4CBBA757AA04}" dt="2021-03-26T04:23:35.035" v="3887" actId="1035"/>
          <ac:spMkLst>
            <pc:docMk/>
            <pc:sldMk cId="1053092321" sldId="550"/>
            <ac:spMk id="41" creationId="{914A5EED-27E7-4143-9573-97CC0C0BBD48}"/>
          </ac:spMkLst>
        </pc:spChg>
        <pc:spChg chg="mod">
          <ac:chgData name="Daly Donnacha HSLU I" userId="0f22e960-400a-43ff-baeb-4828c8f5cd3a" providerId="ADAL" clId="{55F1696D-224E-654D-8EE7-4CBBA757AA04}" dt="2021-03-26T04:23:35.035" v="3887" actId="1035"/>
          <ac:spMkLst>
            <pc:docMk/>
            <pc:sldMk cId="1053092321" sldId="550"/>
            <ac:spMk id="42" creationId="{FCEDFB6B-B672-D44C-94E5-6677E16AD353}"/>
          </ac:spMkLst>
        </pc:spChg>
        <pc:spChg chg="mod">
          <ac:chgData name="Daly Donnacha HSLU I" userId="0f22e960-400a-43ff-baeb-4828c8f5cd3a" providerId="ADAL" clId="{55F1696D-224E-654D-8EE7-4CBBA757AA04}" dt="2021-03-26T04:23:35.035" v="3887" actId="1035"/>
          <ac:spMkLst>
            <pc:docMk/>
            <pc:sldMk cId="1053092321" sldId="550"/>
            <ac:spMk id="43" creationId="{CC87E266-ED28-1E45-AC5F-F4F6197FCA72}"/>
          </ac:spMkLst>
        </pc:spChg>
        <pc:spChg chg="mod">
          <ac:chgData name="Daly Donnacha HSLU I" userId="0f22e960-400a-43ff-baeb-4828c8f5cd3a" providerId="ADAL" clId="{55F1696D-224E-654D-8EE7-4CBBA757AA04}" dt="2021-03-26T04:23:35.035" v="3887" actId="1035"/>
          <ac:spMkLst>
            <pc:docMk/>
            <pc:sldMk cId="1053092321" sldId="550"/>
            <ac:spMk id="44" creationId="{7E2CA8C1-1110-DE49-9F6A-8544B6708F3C}"/>
          </ac:spMkLst>
        </pc:spChg>
        <pc:spChg chg="mod">
          <ac:chgData name="Daly Donnacha HSLU I" userId="0f22e960-400a-43ff-baeb-4828c8f5cd3a" providerId="ADAL" clId="{55F1696D-224E-654D-8EE7-4CBBA757AA04}" dt="2021-03-26T04:23:35.035" v="3887" actId="1035"/>
          <ac:spMkLst>
            <pc:docMk/>
            <pc:sldMk cId="1053092321" sldId="550"/>
            <ac:spMk id="45" creationId="{F2375922-23DD-DC49-A41B-CC787622AD5A}"/>
          </ac:spMkLst>
        </pc:spChg>
        <pc:spChg chg="mod">
          <ac:chgData name="Daly Donnacha HSLU I" userId="0f22e960-400a-43ff-baeb-4828c8f5cd3a" providerId="ADAL" clId="{55F1696D-224E-654D-8EE7-4CBBA757AA04}" dt="2021-03-26T04:23:35.035" v="3887" actId="1035"/>
          <ac:spMkLst>
            <pc:docMk/>
            <pc:sldMk cId="1053092321" sldId="550"/>
            <ac:spMk id="46" creationId="{BC7DB6DF-B3E0-7A4A-AE0E-FAC1ABEE3098}"/>
          </ac:spMkLst>
        </pc:spChg>
        <pc:spChg chg="mod">
          <ac:chgData name="Daly Donnacha HSLU I" userId="0f22e960-400a-43ff-baeb-4828c8f5cd3a" providerId="ADAL" clId="{55F1696D-224E-654D-8EE7-4CBBA757AA04}" dt="2021-03-26T04:23:35.035" v="3887" actId="1035"/>
          <ac:spMkLst>
            <pc:docMk/>
            <pc:sldMk cId="1053092321" sldId="550"/>
            <ac:spMk id="47" creationId="{563D02E7-60AD-9147-8BD9-BCD02FA88BD3}"/>
          </ac:spMkLst>
        </pc:spChg>
        <pc:spChg chg="mod">
          <ac:chgData name="Daly Donnacha HSLU I" userId="0f22e960-400a-43ff-baeb-4828c8f5cd3a" providerId="ADAL" clId="{55F1696D-224E-654D-8EE7-4CBBA757AA04}" dt="2021-03-26T04:23:35.035" v="3887" actId="1035"/>
          <ac:spMkLst>
            <pc:docMk/>
            <pc:sldMk cId="1053092321" sldId="550"/>
            <ac:spMk id="48" creationId="{81415A7A-6090-5845-85CF-BC05D50C137D}"/>
          </ac:spMkLst>
        </pc:spChg>
        <pc:spChg chg="mod">
          <ac:chgData name="Daly Donnacha HSLU I" userId="0f22e960-400a-43ff-baeb-4828c8f5cd3a" providerId="ADAL" clId="{55F1696D-224E-654D-8EE7-4CBBA757AA04}" dt="2021-03-26T04:23:35.035" v="3887" actId="1035"/>
          <ac:spMkLst>
            <pc:docMk/>
            <pc:sldMk cId="1053092321" sldId="550"/>
            <ac:spMk id="49" creationId="{5FC2090F-73CE-5F45-AA73-874F2260A39A}"/>
          </ac:spMkLst>
        </pc:spChg>
        <pc:spChg chg="mod">
          <ac:chgData name="Daly Donnacha HSLU I" userId="0f22e960-400a-43ff-baeb-4828c8f5cd3a" providerId="ADAL" clId="{55F1696D-224E-654D-8EE7-4CBBA757AA04}" dt="2021-03-26T04:23:35.035" v="3887" actId="1035"/>
          <ac:spMkLst>
            <pc:docMk/>
            <pc:sldMk cId="1053092321" sldId="550"/>
            <ac:spMk id="50" creationId="{87A35D9A-5CA4-DB4F-AFB2-E5F9A3E01620}"/>
          </ac:spMkLst>
        </pc:spChg>
        <pc:spChg chg="mod">
          <ac:chgData name="Daly Donnacha HSLU I" userId="0f22e960-400a-43ff-baeb-4828c8f5cd3a" providerId="ADAL" clId="{55F1696D-224E-654D-8EE7-4CBBA757AA04}" dt="2021-03-26T04:23:35.035" v="3887" actId="1035"/>
          <ac:spMkLst>
            <pc:docMk/>
            <pc:sldMk cId="1053092321" sldId="550"/>
            <ac:spMk id="51" creationId="{EFE32DC7-25F0-D145-AB34-20347D83EA0D}"/>
          </ac:spMkLst>
        </pc:spChg>
        <pc:spChg chg="mod">
          <ac:chgData name="Daly Donnacha HSLU I" userId="0f22e960-400a-43ff-baeb-4828c8f5cd3a" providerId="ADAL" clId="{55F1696D-224E-654D-8EE7-4CBBA757AA04}" dt="2021-03-26T04:23:35.035" v="3887" actId="1035"/>
          <ac:spMkLst>
            <pc:docMk/>
            <pc:sldMk cId="1053092321" sldId="550"/>
            <ac:spMk id="52" creationId="{61E3FE48-6BBD-7C4E-B160-984C3298B69A}"/>
          </ac:spMkLst>
        </pc:spChg>
        <pc:spChg chg="mod">
          <ac:chgData name="Daly Donnacha HSLU I" userId="0f22e960-400a-43ff-baeb-4828c8f5cd3a" providerId="ADAL" clId="{55F1696D-224E-654D-8EE7-4CBBA757AA04}" dt="2021-03-26T04:23:35.035" v="3887" actId="1035"/>
          <ac:spMkLst>
            <pc:docMk/>
            <pc:sldMk cId="1053092321" sldId="550"/>
            <ac:spMk id="53" creationId="{2EA99455-340D-C545-849C-117497B0CDAC}"/>
          </ac:spMkLst>
        </pc:spChg>
        <pc:spChg chg="mod">
          <ac:chgData name="Daly Donnacha HSLU I" userId="0f22e960-400a-43ff-baeb-4828c8f5cd3a" providerId="ADAL" clId="{55F1696D-224E-654D-8EE7-4CBBA757AA04}" dt="2021-03-26T04:23:35.035" v="3887" actId="1035"/>
          <ac:spMkLst>
            <pc:docMk/>
            <pc:sldMk cId="1053092321" sldId="550"/>
            <ac:spMk id="54" creationId="{9E7F0CFA-DE2E-8647-A3E1-346CC34967E0}"/>
          </ac:spMkLst>
        </pc:spChg>
        <pc:spChg chg="mod">
          <ac:chgData name="Daly Donnacha HSLU I" userId="0f22e960-400a-43ff-baeb-4828c8f5cd3a" providerId="ADAL" clId="{55F1696D-224E-654D-8EE7-4CBBA757AA04}" dt="2021-03-26T04:23:35.035" v="3887" actId="1035"/>
          <ac:spMkLst>
            <pc:docMk/>
            <pc:sldMk cId="1053092321" sldId="550"/>
            <ac:spMk id="55" creationId="{9784DC6D-B3E2-274C-9F40-549CF9694D8A}"/>
          </ac:spMkLst>
        </pc:spChg>
        <pc:spChg chg="mod">
          <ac:chgData name="Daly Donnacha HSLU I" userId="0f22e960-400a-43ff-baeb-4828c8f5cd3a" providerId="ADAL" clId="{55F1696D-224E-654D-8EE7-4CBBA757AA04}" dt="2021-03-26T04:23:35.035" v="3887" actId="1035"/>
          <ac:spMkLst>
            <pc:docMk/>
            <pc:sldMk cId="1053092321" sldId="550"/>
            <ac:spMk id="56" creationId="{842F0002-12D7-7947-8C6B-130158AFDADF}"/>
          </ac:spMkLst>
        </pc:spChg>
        <pc:spChg chg="mod">
          <ac:chgData name="Daly Donnacha HSLU I" userId="0f22e960-400a-43ff-baeb-4828c8f5cd3a" providerId="ADAL" clId="{55F1696D-224E-654D-8EE7-4CBBA757AA04}" dt="2021-03-26T04:23:35.035" v="3887" actId="1035"/>
          <ac:spMkLst>
            <pc:docMk/>
            <pc:sldMk cId="1053092321" sldId="550"/>
            <ac:spMk id="57" creationId="{D1C5E9D3-33AF-D344-983E-B6762F7343F1}"/>
          </ac:spMkLst>
        </pc:spChg>
        <pc:spChg chg="mod">
          <ac:chgData name="Daly Donnacha HSLU I" userId="0f22e960-400a-43ff-baeb-4828c8f5cd3a" providerId="ADAL" clId="{55F1696D-224E-654D-8EE7-4CBBA757AA04}" dt="2021-03-26T04:23:35.035" v="3887" actId="1035"/>
          <ac:spMkLst>
            <pc:docMk/>
            <pc:sldMk cId="1053092321" sldId="550"/>
            <ac:spMk id="58" creationId="{75656AA5-9C4E-AA4C-BA57-44BF0CC6EBBC}"/>
          </ac:spMkLst>
        </pc:spChg>
        <pc:spChg chg="mod">
          <ac:chgData name="Daly Donnacha HSLU I" userId="0f22e960-400a-43ff-baeb-4828c8f5cd3a" providerId="ADAL" clId="{55F1696D-224E-654D-8EE7-4CBBA757AA04}" dt="2021-03-26T04:23:35.035" v="3887" actId="1035"/>
          <ac:spMkLst>
            <pc:docMk/>
            <pc:sldMk cId="1053092321" sldId="550"/>
            <ac:spMk id="59" creationId="{64AA0401-17EB-EB4E-90E0-CA557F054AB0}"/>
          </ac:spMkLst>
        </pc:spChg>
        <pc:spChg chg="mod">
          <ac:chgData name="Daly Donnacha HSLU I" userId="0f22e960-400a-43ff-baeb-4828c8f5cd3a" providerId="ADAL" clId="{55F1696D-224E-654D-8EE7-4CBBA757AA04}" dt="2021-03-26T04:23:35.035" v="3887" actId="1035"/>
          <ac:spMkLst>
            <pc:docMk/>
            <pc:sldMk cId="1053092321" sldId="550"/>
            <ac:spMk id="60" creationId="{A88DC8F6-2086-A84C-A053-ECB345D4F1A3}"/>
          </ac:spMkLst>
        </pc:spChg>
        <pc:spChg chg="mod">
          <ac:chgData name="Daly Donnacha HSLU I" userId="0f22e960-400a-43ff-baeb-4828c8f5cd3a" providerId="ADAL" clId="{55F1696D-224E-654D-8EE7-4CBBA757AA04}" dt="2021-03-26T04:23:35.035" v="3887" actId="1035"/>
          <ac:spMkLst>
            <pc:docMk/>
            <pc:sldMk cId="1053092321" sldId="550"/>
            <ac:spMk id="61" creationId="{3543F71D-668B-8B44-8C25-8BC747F2E696}"/>
          </ac:spMkLst>
        </pc:spChg>
        <pc:spChg chg="mod">
          <ac:chgData name="Daly Donnacha HSLU I" userId="0f22e960-400a-43ff-baeb-4828c8f5cd3a" providerId="ADAL" clId="{55F1696D-224E-654D-8EE7-4CBBA757AA04}" dt="2021-03-26T04:23:35.035" v="3887" actId="1035"/>
          <ac:spMkLst>
            <pc:docMk/>
            <pc:sldMk cId="1053092321" sldId="550"/>
            <ac:spMk id="62" creationId="{E39AFA32-E641-C14E-B1AD-AD2D12BBC24D}"/>
          </ac:spMkLst>
        </pc:spChg>
        <pc:spChg chg="mod">
          <ac:chgData name="Daly Donnacha HSLU I" userId="0f22e960-400a-43ff-baeb-4828c8f5cd3a" providerId="ADAL" clId="{55F1696D-224E-654D-8EE7-4CBBA757AA04}" dt="2021-03-26T04:23:35.035" v="3887" actId="1035"/>
          <ac:spMkLst>
            <pc:docMk/>
            <pc:sldMk cId="1053092321" sldId="550"/>
            <ac:spMk id="63" creationId="{86772EE3-3ECB-824A-9FE1-22A704E27FA2}"/>
          </ac:spMkLst>
        </pc:spChg>
        <pc:spChg chg="mod">
          <ac:chgData name="Daly Donnacha HSLU I" userId="0f22e960-400a-43ff-baeb-4828c8f5cd3a" providerId="ADAL" clId="{55F1696D-224E-654D-8EE7-4CBBA757AA04}" dt="2021-03-26T04:23:35.035" v="3887" actId="1035"/>
          <ac:spMkLst>
            <pc:docMk/>
            <pc:sldMk cId="1053092321" sldId="550"/>
            <ac:spMk id="64" creationId="{05917738-2A38-7749-89CD-10F33021F5FD}"/>
          </ac:spMkLst>
        </pc:spChg>
        <pc:spChg chg="mod">
          <ac:chgData name="Daly Donnacha HSLU I" userId="0f22e960-400a-43ff-baeb-4828c8f5cd3a" providerId="ADAL" clId="{55F1696D-224E-654D-8EE7-4CBBA757AA04}" dt="2021-03-26T04:23:35.035" v="3887" actId="1035"/>
          <ac:spMkLst>
            <pc:docMk/>
            <pc:sldMk cId="1053092321" sldId="550"/>
            <ac:spMk id="65" creationId="{A79FEB59-631A-B74B-A107-2C5FECC79EA1}"/>
          </ac:spMkLst>
        </pc:spChg>
        <pc:spChg chg="mod">
          <ac:chgData name="Daly Donnacha HSLU I" userId="0f22e960-400a-43ff-baeb-4828c8f5cd3a" providerId="ADAL" clId="{55F1696D-224E-654D-8EE7-4CBBA757AA04}" dt="2021-03-26T04:23:35.035" v="3887" actId="1035"/>
          <ac:spMkLst>
            <pc:docMk/>
            <pc:sldMk cId="1053092321" sldId="550"/>
            <ac:spMk id="88" creationId="{02D06EAF-9F00-3A42-98AC-7AF5702C82B3}"/>
          </ac:spMkLst>
        </pc:spChg>
        <pc:spChg chg="mod">
          <ac:chgData name="Daly Donnacha HSLU I" userId="0f22e960-400a-43ff-baeb-4828c8f5cd3a" providerId="ADAL" clId="{55F1696D-224E-654D-8EE7-4CBBA757AA04}" dt="2021-03-26T04:23:35.035" v="3887" actId="1035"/>
          <ac:spMkLst>
            <pc:docMk/>
            <pc:sldMk cId="1053092321" sldId="550"/>
            <ac:spMk id="89" creationId="{23070664-BA9A-534D-8470-109F023E6FE5}"/>
          </ac:spMkLst>
        </pc:spChg>
        <pc:spChg chg="mod">
          <ac:chgData name="Daly Donnacha HSLU I" userId="0f22e960-400a-43ff-baeb-4828c8f5cd3a" providerId="ADAL" clId="{55F1696D-224E-654D-8EE7-4CBBA757AA04}" dt="2021-03-26T04:23:35.035" v="3887" actId="1035"/>
          <ac:spMkLst>
            <pc:docMk/>
            <pc:sldMk cId="1053092321" sldId="550"/>
            <ac:spMk id="90" creationId="{3C2AA1C0-F1DC-9649-A303-9C5D5577D9D5}"/>
          </ac:spMkLst>
        </pc:spChg>
        <pc:spChg chg="add del mod">
          <ac:chgData name="Daly Donnacha HSLU I" userId="0f22e960-400a-43ff-baeb-4828c8f5cd3a" providerId="ADAL" clId="{55F1696D-224E-654D-8EE7-4CBBA757AA04}" dt="2021-03-26T04:23:58.870" v="3890" actId="478"/>
          <ac:spMkLst>
            <pc:docMk/>
            <pc:sldMk cId="1053092321" sldId="550"/>
            <ac:spMk id="91" creationId="{0983F50A-BDBE-824B-B042-E5BC0648C86F}"/>
          </ac:spMkLst>
        </pc:spChg>
        <pc:spChg chg="mod">
          <ac:chgData name="Daly Donnacha HSLU I" userId="0f22e960-400a-43ff-baeb-4828c8f5cd3a" providerId="ADAL" clId="{55F1696D-224E-654D-8EE7-4CBBA757AA04}" dt="2021-03-26T04:23:35.035" v="3887" actId="1035"/>
          <ac:spMkLst>
            <pc:docMk/>
            <pc:sldMk cId="1053092321" sldId="550"/>
            <ac:spMk id="92" creationId="{83A7DB07-5514-CE4F-9ECA-1AB2C2C9288D}"/>
          </ac:spMkLst>
        </pc:spChg>
        <pc:spChg chg="mod">
          <ac:chgData name="Daly Donnacha HSLU I" userId="0f22e960-400a-43ff-baeb-4828c8f5cd3a" providerId="ADAL" clId="{55F1696D-224E-654D-8EE7-4CBBA757AA04}" dt="2021-03-26T04:23:35.035" v="3887" actId="1035"/>
          <ac:spMkLst>
            <pc:docMk/>
            <pc:sldMk cId="1053092321" sldId="550"/>
            <ac:spMk id="93" creationId="{C11FF1A2-EBBF-824F-AE5B-7B318F495D28}"/>
          </ac:spMkLst>
        </pc:spChg>
        <pc:spChg chg="mod">
          <ac:chgData name="Daly Donnacha HSLU I" userId="0f22e960-400a-43ff-baeb-4828c8f5cd3a" providerId="ADAL" clId="{55F1696D-224E-654D-8EE7-4CBBA757AA04}" dt="2021-03-26T04:23:35.035" v="3887" actId="1035"/>
          <ac:spMkLst>
            <pc:docMk/>
            <pc:sldMk cId="1053092321" sldId="550"/>
            <ac:spMk id="94" creationId="{3525DBDD-9911-B146-8C8B-EC11D5DE8114}"/>
          </ac:spMkLst>
        </pc:spChg>
        <pc:spChg chg="mod">
          <ac:chgData name="Daly Donnacha HSLU I" userId="0f22e960-400a-43ff-baeb-4828c8f5cd3a" providerId="ADAL" clId="{55F1696D-224E-654D-8EE7-4CBBA757AA04}" dt="2021-03-26T04:23:35.035" v="3887" actId="1035"/>
          <ac:spMkLst>
            <pc:docMk/>
            <pc:sldMk cId="1053092321" sldId="550"/>
            <ac:spMk id="95" creationId="{18FC9D86-2466-0D42-92EF-530C4C958E7A}"/>
          </ac:spMkLst>
        </pc:spChg>
        <pc:spChg chg="mod">
          <ac:chgData name="Daly Donnacha HSLU I" userId="0f22e960-400a-43ff-baeb-4828c8f5cd3a" providerId="ADAL" clId="{55F1696D-224E-654D-8EE7-4CBBA757AA04}" dt="2021-03-26T04:23:35.035" v="3887" actId="1035"/>
          <ac:spMkLst>
            <pc:docMk/>
            <pc:sldMk cId="1053092321" sldId="550"/>
            <ac:spMk id="96" creationId="{B633E1C6-779C-9B41-A811-46519FD4959F}"/>
          </ac:spMkLst>
        </pc:spChg>
        <pc:spChg chg="mod">
          <ac:chgData name="Daly Donnacha HSLU I" userId="0f22e960-400a-43ff-baeb-4828c8f5cd3a" providerId="ADAL" clId="{55F1696D-224E-654D-8EE7-4CBBA757AA04}" dt="2021-03-26T04:23:35.035" v="3887" actId="1035"/>
          <ac:spMkLst>
            <pc:docMk/>
            <pc:sldMk cId="1053092321" sldId="550"/>
            <ac:spMk id="97" creationId="{431DA4C4-87B5-7540-B3B8-53006E133F22}"/>
          </ac:spMkLst>
        </pc:spChg>
        <pc:spChg chg="add del mod">
          <ac:chgData name="Daly Donnacha HSLU I" userId="0f22e960-400a-43ff-baeb-4828c8f5cd3a" providerId="ADAL" clId="{55F1696D-224E-654D-8EE7-4CBBA757AA04}" dt="2021-03-26T04:24:25.635" v="3897" actId="21"/>
          <ac:spMkLst>
            <pc:docMk/>
            <pc:sldMk cId="1053092321" sldId="550"/>
            <ac:spMk id="98" creationId="{FDBDCE04-EE83-9D4B-8708-683709D71B31}"/>
          </ac:spMkLst>
        </pc:spChg>
        <pc:spChg chg="mod">
          <ac:chgData name="Daly Donnacha HSLU I" userId="0f22e960-400a-43ff-baeb-4828c8f5cd3a" providerId="ADAL" clId="{55F1696D-224E-654D-8EE7-4CBBA757AA04}" dt="2021-03-26T04:23:35.035" v="3887" actId="1035"/>
          <ac:spMkLst>
            <pc:docMk/>
            <pc:sldMk cId="1053092321" sldId="550"/>
            <ac:spMk id="99" creationId="{9F87077E-4642-2743-8906-C6F437B3FECF}"/>
          </ac:spMkLst>
        </pc:spChg>
        <pc:spChg chg="mod">
          <ac:chgData name="Daly Donnacha HSLU I" userId="0f22e960-400a-43ff-baeb-4828c8f5cd3a" providerId="ADAL" clId="{55F1696D-224E-654D-8EE7-4CBBA757AA04}" dt="2021-03-26T04:23:35.035" v="3887" actId="1035"/>
          <ac:spMkLst>
            <pc:docMk/>
            <pc:sldMk cId="1053092321" sldId="550"/>
            <ac:spMk id="100" creationId="{02B9883D-FC31-FC4D-BF16-282038146823}"/>
          </ac:spMkLst>
        </pc:spChg>
        <pc:spChg chg="mod">
          <ac:chgData name="Daly Donnacha HSLU I" userId="0f22e960-400a-43ff-baeb-4828c8f5cd3a" providerId="ADAL" clId="{55F1696D-224E-654D-8EE7-4CBBA757AA04}" dt="2021-03-26T05:07:35.421" v="4757" actId="20577"/>
          <ac:spMkLst>
            <pc:docMk/>
            <pc:sldMk cId="1053092321" sldId="550"/>
            <ac:spMk id="101" creationId="{6A7BB99E-5064-1146-A693-3732BDD0C91E}"/>
          </ac:spMkLst>
        </pc:spChg>
        <pc:spChg chg="mod">
          <ac:chgData name="Daly Donnacha HSLU I" userId="0f22e960-400a-43ff-baeb-4828c8f5cd3a" providerId="ADAL" clId="{55F1696D-224E-654D-8EE7-4CBBA757AA04}" dt="2021-03-26T05:07:45.279" v="4758" actId="14100"/>
          <ac:spMkLst>
            <pc:docMk/>
            <pc:sldMk cId="1053092321" sldId="550"/>
            <ac:spMk id="102" creationId="{C340543E-E116-8A46-8212-D916FDAE4A24}"/>
          </ac:spMkLst>
        </pc:spChg>
        <pc:spChg chg="mod">
          <ac:chgData name="Daly Donnacha HSLU I" userId="0f22e960-400a-43ff-baeb-4828c8f5cd3a" providerId="ADAL" clId="{55F1696D-224E-654D-8EE7-4CBBA757AA04}" dt="2021-03-26T04:23:35.035" v="3887" actId="1035"/>
          <ac:spMkLst>
            <pc:docMk/>
            <pc:sldMk cId="1053092321" sldId="550"/>
            <ac:spMk id="103" creationId="{1BFED3E5-A62E-9641-94BE-07576204D4D8}"/>
          </ac:spMkLst>
        </pc:spChg>
        <pc:spChg chg="mod">
          <ac:chgData name="Daly Donnacha HSLU I" userId="0f22e960-400a-43ff-baeb-4828c8f5cd3a" providerId="ADAL" clId="{55F1696D-224E-654D-8EE7-4CBBA757AA04}" dt="2021-03-26T15:23:06.362" v="12264" actId="20577"/>
          <ac:spMkLst>
            <pc:docMk/>
            <pc:sldMk cId="1053092321" sldId="550"/>
            <ac:spMk id="104" creationId="{46089DCB-78E0-0B49-97E6-E3ADE122B572}"/>
          </ac:spMkLst>
        </pc:spChg>
        <pc:spChg chg="add mod">
          <ac:chgData name="Daly Donnacha HSLU I" userId="0f22e960-400a-43ff-baeb-4828c8f5cd3a" providerId="ADAL" clId="{55F1696D-224E-654D-8EE7-4CBBA757AA04}" dt="2021-03-26T04:24:34.647" v="3903" actId="20577"/>
          <ac:spMkLst>
            <pc:docMk/>
            <pc:sldMk cId="1053092321" sldId="550"/>
            <ac:spMk id="105" creationId="{E9A22865-37A8-3042-B074-62FE0094DD7C}"/>
          </ac:spMkLst>
        </pc:spChg>
        <pc:spChg chg="add mod">
          <ac:chgData name="Daly Donnacha HSLU I" userId="0f22e960-400a-43ff-baeb-4828c8f5cd3a" providerId="ADAL" clId="{55F1696D-224E-654D-8EE7-4CBBA757AA04}" dt="2021-03-26T15:22:57.713" v="12262" actId="20577"/>
          <ac:spMkLst>
            <pc:docMk/>
            <pc:sldMk cId="1053092321" sldId="550"/>
            <ac:spMk id="106" creationId="{99F743FD-BAD4-F54B-8AF0-5B7FFB6D1816}"/>
          </ac:spMkLst>
        </pc:spChg>
        <pc:cxnChg chg="del">
          <ac:chgData name="Daly Donnacha HSLU I" userId="0f22e960-400a-43ff-baeb-4828c8f5cd3a" providerId="ADAL" clId="{55F1696D-224E-654D-8EE7-4CBBA757AA04}" dt="2021-03-25T16:59:06.815" v="3854" actId="478"/>
          <ac:cxnSpMkLst>
            <pc:docMk/>
            <pc:sldMk cId="1053092321" sldId="550"/>
            <ac:cxnSpMk id="5" creationId="{BD29DACB-C505-E84C-A8CC-FE6375B1A982}"/>
          </ac:cxnSpMkLst>
        </pc:cxnChg>
        <pc:cxnChg chg="del">
          <ac:chgData name="Daly Donnacha HSLU I" userId="0f22e960-400a-43ff-baeb-4828c8f5cd3a" providerId="ADAL" clId="{55F1696D-224E-654D-8EE7-4CBBA757AA04}" dt="2021-03-25T16:59:06.815" v="3854" actId="478"/>
          <ac:cxnSpMkLst>
            <pc:docMk/>
            <pc:sldMk cId="1053092321" sldId="550"/>
            <ac:cxnSpMk id="7" creationId="{1C61ED15-8DCD-3B49-B3A8-19C9E67F26A4}"/>
          </ac:cxnSpMkLst>
        </pc:cxnChg>
        <pc:cxnChg chg="del">
          <ac:chgData name="Daly Donnacha HSLU I" userId="0f22e960-400a-43ff-baeb-4828c8f5cd3a" providerId="ADAL" clId="{55F1696D-224E-654D-8EE7-4CBBA757AA04}" dt="2021-03-25T16:59:06.815" v="3854" actId="478"/>
          <ac:cxnSpMkLst>
            <pc:docMk/>
            <pc:sldMk cId="1053092321" sldId="550"/>
            <ac:cxnSpMk id="18" creationId="{48F164EF-DEA2-1E45-B362-D202A5831074}"/>
          </ac:cxnSpMkLst>
        </pc:cxnChg>
        <pc:cxnChg chg="del">
          <ac:chgData name="Daly Donnacha HSLU I" userId="0f22e960-400a-43ff-baeb-4828c8f5cd3a" providerId="ADAL" clId="{55F1696D-224E-654D-8EE7-4CBBA757AA04}" dt="2021-03-25T16:59:06.815" v="3854" actId="478"/>
          <ac:cxnSpMkLst>
            <pc:docMk/>
            <pc:sldMk cId="1053092321" sldId="550"/>
            <ac:cxnSpMk id="22" creationId="{FC13286F-6A66-2B48-A459-0FE4F87B05CA}"/>
          </ac:cxnSpMkLst>
        </pc:cxnChg>
        <pc:cxnChg chg="mod">
          <ac:chgData name="Daly Donnacha HSLU I" userId="0f22e960-400a-43ff-baeb-4828c8f5cd3a" providerId="ADAL" clId="{55F1696D-224E-654D-8EE7-4CBBA757AA04}" dt="2021-03-26T04:23:35.035" v="3887" actId="1035"/>
          <ac:cxnSpMkLst>
            <pc:docMk/>
            <pc:sldMk cId="1053092321" sldId="550"/>
            <ac:cxnSpMk id="29" creationId="{E716A0DA-1FB4-2E48-AE7B-A7620F071110}"/>
          </ac:cxnSpMkLst>
        </pc:cxnChg>
        <pc:cxnChg chg="mod">
          <ac:chgData name="Daly Donnacha HSLU I" userId="0f22e960-400a-43ff-baeb-4828c8f5cd3a" providerId="ADAL" clId="{55F1696D-224E-654D-8EE7-4CBBA757AA04}" dt="2021-03-26T04:23:35.035" v="3887" actId="1035"/>
          <ac:cxnSpMkLst>
            <pc:docMk/>
            <pc:sldMk cId="1053092321" sldId="550"/>
            <ac:cxnSpMk id="30" creationId="{76D2B3BD-ADCB-2845-A55E-BD80229EC41B}"/>
          </ac:cxnSpMkLst>
        </pc:cxnChg>
        <pc:cxnChg chg="mod">
          <ac:chgData name="Daly Donnacha HSLU I" userId="0f22e960-400a-43ff-baeb-4828c8f5cd3a" providerId="ADAL" clId="{55F1696D-224E-654D-8EE7-4CBBA757AA04}" dt="2021-03-26T04:23:35.035" v="3887" actId="1035"/>
          <ac:cxnSpMkLst>
            <pc:docMk/>
            <pc:sldMk cId="1053092321" sldId="550"/>
            <ac:cxnSpMk id="68" creationId="{2CA80E03-AFF0-1B45-AE12-A2922ECA70EB}"/>
          </ac:cxnSpMkLst>
        </pc:cxnChg>
        <pc:cxnChg chg="mod">
          <ac:chgData name="Daly Donnacha HSLU I" userId="0f22e960-400a-43ff-baeb-4828c8f5cd3a" providerId="ADAL" clId="{55F1696D-224E-654D-8EE7-4CBBA757AA04}" dt="2021-03-26T04:23:35.035" v="3887" actId="1035"/>
          <ac:cxnSpMkLst>
            <pc:docMk/>
            <pc:sldMk cId="1053092321" sldId="550"/>
            <ac:cxnSpMk id="73" creationId="{7CEA0262-D365-D242-AFB6-9E66CE1C9233}"/>
          </ac:cxnSpMkLst>
        </pc:cxnChg>
        <pc:cxnChg chg="mod">
          <ac:chgData name="Daly Donnacha HSLU I" userId="0f22e960-400a-43ff-baeb-4828c8f5cd3a" providerId="ADAL" clId="{55F1696D-224E-654D-8EE7-4CBBA757AA04}" dt="2021-03-26T04:23:35.035" v="3887" actId="1035"/>
          <ac:cxnSpMkLst>
            <pc:docMk/>
            <pc:sldMk cId="1053092321" sldId="550"/>
            <ac:cxnSpMk id="76" creationId="{10B7A4BD-620A-6A42-B099-7ADBFA969A6A}"/>
          </ac:cxnSpMkLst>
        </pc:cxnChg>
        <pc:cxnChg chg="mod">
          <ac:chgData name="Daly Donnacha HSLU I" userId="0f22e960-400a-43ff-baeb-4828c8f5cd3a" providerId="ADAL" clId="{55F1696D-224E-654D-8EE7-4CBBA757AA04}" dt="2021-03-26T04:23:35.035" v="3887" actId="1035"/>
          <ac:cxnSpMkLst>
            <pc:docMk/>
            <pc:sldMk cId="1053092321" sldId="550"/>
            <ac:cxnSpMk id="77" creationId="{970746BE-73AE-284C-BDA4-B6C8F94666A7}"/>
          </ac:cxnSpMkLst>
        </pc:cxnChg>
        <pc:cxnChg chg="mod">
          <ac:chgData name="Daly Donnacha HSLU I" userId="0f22e960-400a-43ff-baeb-4828c8f5cd3a" providerId="ADAL" clId="{55F1696D-224E-654D-8EE7-4CBBA757AA04}" dt="2021-03-26T04:23:35.035" v="3887" actId="1035"/>
          <ac:cxnSpMkLst>
            <pc:docMk/>
            <pc:sldMk cId="1053092321" sldId="550"/>
            <ac:cxnSpMk id="78" creationId="{A6054888-5997-5347-8862-A11D559BF256}"/>
          </ac:cxnSpMkLst>
        </pc:cxnChg>
        <pc:cxnChg chg="mod">
          <ac:chgData name="Daly Donnacha HSLU I" userId="0f22e960-400a-43ff-baeb-4828c8f5cd3a" providerId="ADAL" clId="{55F1696D-224E-654D-8EE7-4CBBA757AA04}" dt="2021-03-26T04:23:35.035" v="3887" actId="1035"/>
          <ac:cxnSpMkLst>
            <pc:docMk/>
            <pc:sldMk cId="1053092321" sldId="550"/>
            <ac:cxnSpMk id="81" creationId="{A3A6B277-BC61-2744-A7FB-DAFBA6081720}"/>
          </ac:cxnSpMkLst>
        </pc:cxnChg>
        <pc:cxnChg chg="mod">
          <ac:chgData name="Daly Donnacha HSLU I" userId="0f22e960-400a-43ff-baeb-4828c8f5cd3a" providerId="ADAL" clId="{55F1696D-224E-654D-8EE7-4CBBA757AA04}" dt="2021-03-26T04:23:35.035" v="3887" actId="1035"/>
          <ac:cxnSpMkLst>
            <pc:docMk/>
            <pc:sldMk cId="1053092321" sldId="550"/>
            <ac:cxnSpMk id="82" creationId="{BFA4CC0A-6F0D-9A4B-834D-B6FD18D35BAA}"/>
          </ac:cxnSpMkLst>
        </pc:cxnChg>
        <pc:cxnChg chg="mod">
          <ac:chgData name="Daly Donnacha HSLU I" userId="0f22e960-400a-43ff-baeb-4828c8f5cd3a" providerId="ADAL" clId="{55F1696D-224E-654D-8EE7-4CBBA757AA04}" dt="2021-03-26T04:23:35.035" v="3887" actId="1035"/>
          <ac:cxnSpMkLst>
            <pc:docMk/>
            <pc:sldMk cId="1053092321" sldId="550"/>
            <ac:cxnSpMk id="83" creationId="{5A74D9FF-176E-0447-B5C1-23B6058B6E20}"/>
          </ac:cxnSpMkLst>
        </pc:cxnChg>
        <pc:cxnChg chg="mod">
          <ac:chgData name="Daly Donnacha HSLU I" userId="0f22e960-400a-43ff-baeb-4828c8f5cd3a" providerId="ADAL" clId="{55F1696D-224E-654D-8EE7-4CBBA757AA04}" dt="2021-03-26T04:23:35.035" v="3887" actId="1035"/>
          <ac:cxnSpMkLst>
            <pc:docMk/>
            <pc:sldMk cId="1053092321" sldId="550"/>
            <ac:cxnSpMk id="84" creationId="{D9427179-D15E-9F4C-955E-B4A690493D82}"/>
          </ac:cxnSpMkLst>
        </pc:cxnChg>
        <pc:cxnChg chg="mod">
          <ac:chgData name="Daly Donnacha HSLU I" userId="0f22e960-400a-43ff-baeb-4828c8f5cd3a" providerId="ADAL" clId="{55F1696D-224E-654D-8EE7-4CBBA757AA04}" dt="2021-03-26T04:23:35.035" v="3887" actId="1035"/>
          <ac:cxnSpMkLst>
            <pc:docMk/>
            <pc:sldMk cId="1053092321" sldId="550"/>
            <ac:cxnSpMk id="86" creationId="{4A1C8E3F-F1DA-5F41-861F-D013E88A7AB4}"/>
          </ac:cxnSpMkLst>
        </pc:cxnChg>
      </pc:sldChg>
      <pc:sldChg chg="addSp delSp modSp add mod">
        <pc:chgData name="Daly Donnacha HSLU I" userId="0f22e960-400a-43ff-baeb-4828c8f5cd3a" providerId="ADAL" clId="{55F1696D-224E-654D-8EE7-4CBBA757AA04}" dt="2021-03-26T06:03:48.393" v="5506" actId="6549"/>
        <pc:sldMkLst>
          <pc:docMk/>
          <pc:sldMk cId="3102415498" sldId="551"/>
        </pc:sldMkLst>
        <pc:spChg chg="mod">
          <ac:chgData name="Daly Donnacha HSLU I" userId="0f22e960-400a-43ff-baeb-4828c8f5cd3a" providerId="ADAL" clId="{55F1696D-224E-654D-8EE7-4CBBA757AA04}" dt="2021-03-26T04:53:43.251" v="4642" actId="6549"/>
          <ac:spMkLst>
            <pc:docMk/>
            <pc:sldMk cId="3102415498" sldId="551"/>
            <ac:spMk id="2" creationId="{73E1470E-D17E-1047-8916-D4F1C8A807E4}"/>
          </ac:spMkLst>
        </pc:spChg>
        <pc:spChg chg="mod">
          <ac:chgData name="Daly Donnacha HSLU I" userId="0f22e960-400a-43ff-baeb-4828c8f5cd3a" providerId="ADAL" clId="{55F1696D-224E-654D-8EE7-4CBBA757AA04}" dt="2021-03-26T06:03:48.393" v="5506" actId="6549"/>
          <ac:spMkLst>
            <pc:docMk/>
            <pc:sldMk cId="3102415498" sldId="551"/>
            <ac:spMk id="3" creationId="{31D7E11C-0718-4F41-A8AB-B03E639CD5BF}"/>
          </ac:spMkLst>
        </pc:spChg>
        <pc:spChg chg="del mod">
          <ac:chgData name="Daly Donnacha HSLU I" userId="0f22e960-400a-43ff-baeb-4828c8f5cd3a" providerId="ADAL" clId="{55F1696D-224E-654D-8EE7-4CBBA757AA04}" dt="2021-03-26T04:54:19.346" v="4675" actId="478"/>
          <ac:spMkLst>
            <pc:docMk/>
            <pc:sldMk cId="3102415498" sldId="551"/>
            <ac:spMk id="4" creationId="{A6A4A506-7359-964D-A711-0AA47E575873}"/>
          </ac:spMkLst>
        </pc:spChg>
        <pc:spChg chg="del mod">
          <ac:chgData name="Daly Donnacha HSLU I" userId="0f22e960-400a-43ff-baeb-4828c8f5cd3a" providerId="ADAL" clId="{55F1696D-224E-654D-8EE7-4CBBA757AA04}" dt="2021-03-26T04:55:52.024" v="4705" actId="478"/>
          <ac:spMkLst>
            <pc:docMk/>
            <pc:sldMk cId="3102415498" sldId="551"/>
            <ac:spMk id="16" creationId="{4133A9C5-D03D-F644-B57A-7FCE9FBB1718}"/>
          </ac:spMkLst>
        </pc:spChg>
        <pc:spChg chg="add mod">
          <ac:chgData name="Daly Donnacha HSLU I" userId="0f22e960-400a-43ff-baeb-4828c8f5cd3a" providerId="ADAL" clId="{55F1696D-224E-654D-8EE7-4CBBA757AA04}" dt="2021-03-26T04:54:42.191" v="4678"/>
          <ac:spMkLst>
            <pc:docMk/>
            <pc:sldMk cId="3102415498" sldId="551"/>
            <ac:spMk id="50" creationId="{D2806DEE-A44D-8A4D-9A3E-C54D49CB54AC}"/>
          </ac:spMkLst>
        </pc:spChg>
        <pc:spChg chg="add mod">
          <ac:chgData name="Daly Donnacha HSLU I" userId="0f22e960-400a-43ff-baeb-4828c8f5cd3a" providerId="ADAL" clId="{55F1696D-224E-654D-8EE7-4CBBA757AA04}" dt="2021-03-26T05:02:05.786" v="4743" actId="14100"/>
          <ac:spMkLst>
            <pc:docMk/>
            <pc:sldMk cId="3102415498" sldId="551"/>
            <ac:spMk id="51" creationId="{BD28B0DA-A435-9B49-89A0-2DF1B5A2E287}"/>
          </ac:spMkLst>
        </pc:spChg>
        <pc:spChg chg="add mod">
          <ac:chgData name="Daly Donnacha HSLU I" userId="0f22e960-400a-43ff-baeb-4828c8f5cd3a" providerId="ADAL" clId="{55F1696D-224E-654D-8EE7-4CBBA757AA04}" dt="2021-03-26T04:54:42.191" v="4678"/>
          <ac:spMkLst>
            <pc:docMk/>
            <pc:sldMk cId="3102415498" sldId="551"/>
            <ac:spMk id="52" creationId="{9811B3C6-27F7-7145-AA72-866F5B279AAF}"/>
          </ac:spMkLst>
        </pc:spChg>
        <pc:spChg chg="mod">
          <ac:chgData name="Daly Donnacha HSLU I" userId="0f22e960-400a-43ff-baeb-4828c8f5cd3a" providerId="ADAL" clId="{55F1696D-224E-654D-8EE7-4CBBA757AA04}" dt="2021-03-26T04:54:42.191" v="4678"/>
          <ac:spMkLst>
            <pc:docMk/>
            <pc:sldMk cId="3102415498" sldId="551"/>
            <ac:spMk id="54" creationId="{2C32FAEA-D89C-A941-AAC6-252F282221E6}"/>
          </ac:spMkLst>
        </pc:spChg>
        <pc:spChg chg="mod">
          <ac:chgData name="Daly Donnacha HSLU I" userId="0f22e960-400a-43ff-baeb-4828c8f5cd3a" providerId="ADAL" clId="{55F1696D-224E-654D-8EE7-4CBBA757AA04}" dt="2021-03-26T04:54:42.191" v="4678"/>
          <ac:spMkLst>
            <pc:docMk/>
            <pc:sldMk cId="3102415498" sldId="551"/>
            <ac:spMk id="55" creationId="{7646F236-EA0A-1343-AC43-ABBBEC6D16FF}"/>
          </ac:spMkLst>
        </pc:spChg>
        <pc:spChg chg="add mod">
          <ac:chgData name="Daly Donnacha HSLU I" userId="0f22e960-400a-43ff-baeb-4828c8f5cd3a" providerId="ADAL" clId="{55F1696D-224E-654D-8EE7-4CBBA757AA04}" dt="2021-03-26T04:54:42.191" v="4678"/>
          <ac:spMkLst>
            <pc:docMk/>
            <pc:sldMk cId="3102415498" sldId="551"/>
            <ac:spMk id="56" creationId="{C077CCEA-B147-F94C-8833-9B72EFFB781C}"/>
          </ac:spMkLst>
        </pc:spChg>
        <pc:spChg chg="del">
          <ac:chgData name="Daly Donnacha HSLU I" userId="0f22e960-400a-43ff-baeb-4828c8f5cd3a" providerId="ADAL" clId="{55F1696D-224E-654D-8EE7-4CBBA757AA04}" dt="2021-03-26T04:54:28.297" v="4676" actId="478"/>
          <ac:spMkLst>
            <pc:docMk/>
            <pc:sldMk cId="3102415498" sldId="551"/>
            <ac:spMk id="95" creationId="{B8C81631-EAB2-A14B-A82C-C2B24335771C}"/>
          </ac:spMkLst>
        </pc:spChg>
        <pc:spChg chg="del">
          <ac:chgData name="Daly Donnacha HSLU I" userId="0f22e960-400a-43ff-baeb-4828c8f5cd3a" providerId="ADAL" clId="{55F1696D-224E-654D-8EE7-4CBBA757AA04}" dt="2021-03-26T04:54:28.297" v="4676" actId="478"/>
          <ac:spMkLst>
            <pc:docMk/>
            <pc:sldMk cId="3102415498" sldId="551"/>
            <ac:spMk id="97" creationId="{537F0D89-9CA4-B842-BF8A-2464E19CDB6E}"/>
          </ac:spMkLst>
        </pc:spChg>
        <pc:spChg chg="del">
          <ac:chgData name="Daly Donnacha HSLU I" userId="0f22e960-400a-43ff-baeb-4828c8f5cd3a" providerId="ADAL" clId="{55F1696D-224E-654D-8EE7-4CBBA757AA04}" dt="2021-03-26T04:54:28.297" v="4676" actId="478"/>
          <ac:spMkLst>
            <pc:docMk/>
            <pc:sldMk cId="3102415498" sldId="551"/>
            <ac:spMk id="110" creationId="{564158FA-1D2F-0540-A5F6-B03C9C6A7BC2}"/>
          </ac:spMkLst>
        </pc:spChg>
        <pc:spChg chg="del">
          <ac:chgData name="Daly Donnacha HSLU I" userId="0f22e960-400a-43ff-baeb-4828c8f5cd3a" providerId="ADAL" clId="{55F1696D-224E-654D-8EE7-4CBBA757AA04}" dt="2021-03-26T04:54:28.297" v="4676" actId="478"/>
          <ac:spMkLst>
            <pc:docMk/>
            <pc:sldMk cId="3102415498" sldId="551"/>
            <ac:spMk id="130" creationId="{A9B1D0C4-695F-6747-9E19-778456B12C97}"/>
          </ac:spMkLst>
        </pc:spChg>
        <pc:spChg chg="del">
          <ac:chgData name="Daly Donnacha HSLU I" userId="0f22e960-400a-43ff-baeb-4828c8f5cd3a" providerId="ADAL" clId="{55F1696D-224E-654D-8EE7-4CBBA757AA04}" dt="2021-03-26T04:54:02.379" v="4644" actId="478"/>
          <ac:spMkLst>
            <pc:docMk/>
            <pc:sldMk cId="3102415498" sldId="551"/>
            <ac:spMk id="142" creationId="{68E4E043-41AF-8E43-ACFF-966406BC0606}"/>
          </ac:spMkLst>
        </pc:spChg>
        <pc:spChg chg="del">
          <ac:chgData name="Daly Donnacha HSLU I" userId="0f22e960-400a-43ff-baeb-4828c8f5cd3a" providerId="ADAL" clId="{55F1696D-224E-654D-8EE7-4CBBA757AA04}" dt="2021-03-26T04:54:02.379" v="4644" actId="478"/>
          <ac:spMkLst>
            <pc:docMk/>
            <pc:sldMk cId="3102415498" sldId="551"/>
            <ac:spMk id="143" creationId="{2DE63213-01C1-4843-AD3F-A31F9625505C}"/>
          </ac:spMkLst>
        </pc:spChg>
        <pc:spChg chg="del">
          <ac:chgData name="Daly Donnacha HSLU I" userId="0f22e960-400a-43ff-baeb-4828c8f5cd3a" providerId="ADAL" clId="{55F1696D-224E-654D-8EE7-4CBBA757AA04}" dt="2021-03-26T04:54:02.379" v="4644" actId="478"/>
          <ac:spMkLst>
            <pc:docMk/>
            <pc:sldMk cId="3102415498" sldId="551"/>
            <ac:spMk id="147" creationId="{71233ABF-A1BB-2E42-9603-F7FF8DA03687}"/>
          </ac:spMkLst>
        </pc:spChg>
        <pc:spChg chg="del">
          <ac:chgData name="Daly Donnacha HSLU I" userId="0f22e960-400a-43ff-baeb-4828c8f5cd3a" providerId="ADAL" clId="{55F1696D-224E-654D-8EE7-4CBBA757AA04}" dt="2021-03-26T04:54:02.379" v="4644" actId="478"/>
          <ac:spMkLst>
            <pc:docMk/>
            <pc:sldMk cId="3102415498" sldId="551"/>
            <ac:spMk id="148" creationId="{B9E502C9-FEF1-274A-9904-343655E237DD}"/>
          </ac:spMkLst>
        </pc:spChg>
        <pc:spChg chg="del">
          <ac:chgData name="Daly Donnacha HSLU I" userId="0f22e960-400a-43ff-baeb-4828c8f5cd3a" providerId="ADAL" clId="{55F1696D-224E-654D-8EE7-4CBBA757AA04}" dt="2021-03-26T04:54:02.379" v="4644" actId="478"/>
          <ac:spMkLst>
            <pc:docMk/>
            <pc:sldMk cId="3102415498" sldId="551"/>
            <ac:spMk id="149" creationId="{8F4505D6-0309-CD41-9CFF-408E1232B3A8}"/>
          </ac:spMkLst>
        </pc:spChg>
        <pc:spChg chg="del">
          <ac:chgData name="Daly Donnacha HSLU I" userId="0f22e960-400a-43ff-baeb-4828c8f5cd3a" providerId="ADAL" clId="{55F1696D-224E-654D-8EE7-4CBBA757AA04}" dt="2021-03-26T04:54:02.379" v="4644" actId="478"/>
          <ac:spMkLst>
            <pc:docMk/>
            <pc:sldMk cId="3102415498" sldId="551"/>
            <ac:spMk id="150" creationId="{54979DE1-C6D9-014D-9050-88CFB921B28E}"/>
          </ac:spMkLst>
        </pc:spChg>
        <pc:spChg chg="del">
          <ac:chgData name="Daly Donnacha HSLU I" userId="0f22e960-400a-43ff-baeb-4828c8f5cd3a" providerId="ADAL" clId="{55F1696D-224E-654D-8EE7-4CBBA757AA04}" dt="2021-03-26T04:54:02.379" v="4644" actId="478"/>
          <ac:spMkLst>
            <pc:docMk/>
            <pc:sldMk cId="3102415498" sldId="551"/>
            <ac:spMk id="151" creationId="{71425BFE-00E1-5348-88C9-B4A6A65B2880}"/>
          </ac:spMkLst>
        </pc:spChg>
        <pc:spChg chg="del">
          <ac:chgData name="Daly Donnacha HSLU I" userId="0f22e960-400a-43ff-baeb-4828c8f5cd3a" providerId="ADAL" clId="{55F1696D-224E-654D-8EE7-4CBBA757AA04}" dt="2021-03-26T04:54:02.379" v="4644" actId="478"/>
          <ac:spMkLst>
            <pc:docMk/>
            <pc:sldMk cId="3102415498" sldId="551"/>
            <ac:spMk id="152" creationId="{0DACB17F-4320-304B-8BDA-CF8C5087DB4F}"/>
          </ac:spMkLst>
        </pc:spChg>
        <pc:spChg chg="del">
          <ac:chgData name="Daly Donnacha HSLU I" userId="0f22e960-400a-43ff-baeb-4828c8f5cd3a" providerId="ADAL" clId="{55F1696D-224E-654D-8EE7-4CBBA757AA04}" dt="2021-03-26T04:54:02.379" v="4644" actId="478"/>
          <ac:spMkLst>
            <pc:docMk/>
            <pc:sldMk cId="3102415498" sldId="551"/>
            <ac:spMk id="153" creationId="{C08C33C3-396B-2D43-8E9E-AF483ADD3994}"/>
          </ac:spMkLst>
        </pc:spChg>
        <pc:spChg chg="del">
          <ac:chgData name="Daly Donnacha HSLU I" userId="0f22e960-400a-43ff-baeb-4828c8f5cd3a" providerId="ADAL" clId="{55F1696D-224E-654D-8EE7-4CBBA757AA04}" dt="2021-03-26T04:54:02.379" v="4644" actId="478"/>
          <ac:spMkLst>
            <pc:docMk/>
            <pc:sldMk cId="3102415498" sldId="551"/>
            <ac:spMk id="154" creationId="{D6F7F060-2E92-CB41-9699-4F8EE7B8BAED}"/>
          </ac:spMkLst>
        </pc:spChg>
        <pc:spChg chg="mod">
          <ac:chgData name="Daly Donnacha HSLU I" userId="0f22e960-400a-43ff-baeb-4828c8f5cd3a" providerId="ADAL" clId="{55F1696D-224E-654D-8EE7-4CBBA757AA04}" dt="2021-03-26T05:53:31.240" v="5295" actId="1038"/>
          <ac:spMkLst>
            <pc:docMk/>
            <pc:sldMk cId="3102415498" sldId="551"/>
            <ac:spMk id="155" creationId="{576DC600-FEB7-F648-BB7C-AEB2EF2EB567}"/>
          </ac:spMkLst>
        </pc:spChg>
        <pc:spChg chg="del">
          <ac:chgData name="Daly Donnacha HSLU I" userId="0f22e960-400a-43ff-baeb-4828c8f5cd3a" providerId="ADAL" clId="{55F1696D-224E-654D-8EE7-4CBBA757AA04}" dt="2021-03-26T04:54:02.379" v="4644" actId="478"/>
          <ac:spMkLst>
            <pc:docMk/>
            <pc:sldMk cId="3102415498" sldId="551"/>
            <ac:spMk id="157" creationId="{E8F85F12-AB86-B644-979B-8BF348B4B009}"/>
          </ac:spMkLst>
        </pc:spChg>
        <pc:spChg chg="del">
          <ac:chgData name="Daly Donnacha HSLU I" userId="0f22e960-400a-43ff-baeb-4828c8f5cd3a" providerId="ADAL" clId="{55F1696D-224E-654D-8EE7-4CBBA757AA04}" dt="2021-03-26T04:54:02.379" v="4644" actId="478"/>
          <ac:spMkLst>
            <pc:docMk/>
            <pc:sldMk cId="3102415498" sldId="551"/>
            <ac:spMk id="158" creationId="{8B514917-B00B-F64F-BC3F-86EF95CCE228}"/>
          </ac:spMkLst>
        </pc:spChg>
        <pc:spChg chg="del">
          <ac:chgData name="Daly Donnacha HSLU I" userId="0f22e960-400a-43ff-baeb-4828c8f5cd3a" providerId="ADAL" clId="{55F1696D-224E-654D-8EE7-4CBBA757AA04}" dt="2021-03-26T04:54:02.379" v="4644" actId="478"/>
          <ac:spMkLst>
            <pc:docMk/>
            <pc:sldMk cId="3102415498" sldId="551"/>
            <ac:spMk id="166" creationId="{0EB0E31F-5468-FD47-B3F7-7FF4FBE44381}"/>
          </ac:spMkLst>
        </pc:spChg>
        <pc:spChg chg="del">
          <ac:chgData name="Daly Donnacha HSLU I" userId="0f22e960-400a-43ff-baeb-4828c8f5cd3a" providerId="ADAL" clId="{55F1696D-224E-654D-8EE7-4CBBA757AA04}" dt="2021-03-26T04:54:02.379" v="4644" actId="478"/>
          <ac:spMkLst>
            <pc:docMk/>
            <pc:sldMk cId="3102415498" sldId="551"/>
            <ac:spMk id="183" creationId="{32F48578-7BA9-B64E-A8DF-3ECA9E95BC08}"/>
          </ac:spMkLst>
        </pc:spChg>
        <pc:spChg chg="del">
          <ac:chgData name="Daly Donnacha HSLU I" userId="0f22e960-400a-43ff-baeb-4828c8f5cd3a" providerId="ADAL" clId="{55F1696D-224E-654D-8EE7-4CBBA757AA04}" dt="2021-03-26T04:54:02.379" v="4644" actId="478"/>
          <ac:spMkLst>
            <pc:docMk/>
            <pc:sldMk cId="3102415498" sldId="551"/>
            <ac:spMk id="184" creationId="{D6567CE9-1BD2-8048-BEA6-6CE88997A5BB}"/>
          </ac:spMkLst>
        </pc:spChg>
        <pc:spChg chg="del">
          <ac:chgData name="Daly Donnacha HSLU I" userId="0f22e960-400a-43ff-baeb-4828c8f5cd3a" providerId="ADAL" clId="{55F1696D-224E-654D-8EE7-4CBBA757AA04}" dt="2021-03-26T04:54:02.379" v="4644" actId="478"/>
          <ac:spMkLst>
            <pc:docMk/>
            <pc:sldMk cId="3102415498" sldId="551"/>
            <ac:spMk id="185" creationId="{8C795D26-DB8F-6144-A454-7FA7B2617CAC}"/>
          </ac:spMkLst>
        </pc:spChg>
        <pc:spChg chg="del">
          <ac:chgData name="Daly Donnacha HSLU I" userId="0f22e960-400a-43ff-baeb-4828c8f5cd3a" providerId="ADAL" clId="{55F1696D-224E-654D-8EE7-4CBBA757AA04}" dt="2021-03-26T04:54:02.379" v="4644" actId="478"/>
          <ac:spMkLst>
            <pc:docMk/>
            <pc:sldMk cId="3102415498" sldId="551"/>
            <ac:spMk id="186" creationId="{F86D51DE-03C1-1247-9A44-F88DD295894B}"/>
          </ac:spMkLst>
        </pc:spChg>
        <pc:spChg chg="del">
          <ac:chgData name="Daly Donnacha HSLU I" userId="0f22e960-400a-43ff-baeb-4828c8f5cd3a" providerId="ADAL" clId="{55F1696D-224E-654D-8EE7-4CBBA757AA04}" dt="2021-03-26T04:54:02.379" v="4644" actId="478"/>
          <ac:spMkLst>
            <pc:docMk/>
            <pc:sldMk cId="3102415498" sldId="551"/>
            <ac:spMk id="188" creationId="{1DD5DD54-AFA9-FB41-BD98-7C6F3A2A0F1B}"/>
          </ac:spMkLst>
        </pc:spChg>
        <pc:spChg chg="del">
          <ac:chgData name="Daly Donnacha HSLU I" userId="0f22e960-400a-43ff-baeb-4828c8f5cd3a" providerId="ADAL" clId="{55F1696D-224E-654D-8EE7-4CBBA757AA04}" dt="2021-03-26T04:54:02.379" v="4644" actId="478"/>
          <ac:spMkLst>
            <pc:docMk/>
            <pc:sldMk cId="3102415498" sldId="551"/>
            <ac:spMk id="189" creationId="{4ED767E9-C8FA-8747-92DD-880B07612080}"/>
          </ac:spMkLst>
        </pc:spChg>
        <pc:grpChg chg="add mod">
          <ac:chgData name="Daly Donnacha HSLU I" userId="0f22e960-400a-43ff-baeb-4828c8f5cd3a" providerId="ADAL" clId="{55F1696D-224E-654D-8EE7-4CBBA757AA04}" dt="2021-03-26T04:54:42.191" v="4678"/>
          <ac:grpSpMkLst>
            <pc:docMk/>
            <pc:sldMk cId="3102415498" sldId="551"/>
            <ac:grpSpMk id="53" creationId="{85ED1B8E-3BB2-2A49-A718-0F8C14C7A297}"/>
          </ac:grpSpMkLst>
        </pc:grpChg>
        <pc:grpChg chg="del">
          <ac:chgData name="Daly Donnacha HSLU I" userId="0f22e960-400a-43ff-baeb-4828c8f5cd3a" providerId="ADAL" clId="{55F1696D-224E-654D-8EE7-4CBBA757AA04}" dt="2021-03-26T04:54:32.597" v="4677" actId="478"/>
          <ac:grpSpMkLst>
            <pc:docMk/>
            <pc:sldMk cId="3102415498" sldId="551"/>
            <ac:grpSpMk id="112" creationId="{7BE88393-8F60-7F49-A2CC-208442371DB1}"/>
          </ac:grpSpMkLst>
        </pc:grpChg>
        <pc:grpChg chg="del">
          <ac:chgData name="Daly Donnacha HSLU I" userId="0f22e960-400a-43ff-baeb-4828c8f5cd3a" providerId="ADAL" clId="{55F1696D-224E-654D-8EE7-4CBBA757AA04}" dt="2021-03-26T04:54:04.881" v="4645" actId="478"/>
          <ac:grpSpMkLst>
            <pc:docMk/>
            <pc:sldMk cId="3102415498" sldId="551"/>
            <ac:grpSpMk id="180" creationId="{49E8F2AB-40E3-C146-974E-F57CD06D24DF}"/>
          </ac:grpSpMkLst>
        </pc:grpChg>
        <pc:cxnChg chg="mod">
          <ac:chgData name="Daly Donnacha HSLU I" userId="0f22e960-400a-43ff-baeb-4828c8f5cd3a" providerId="ADAL" clId="{55F1696D-224E-654D-8EE7-4CBBA757AA04}" dt="2021-03-26T05:54:16.040" v="5312" actId="14100"/>
          <ac:cxnSpMkLst>
            <pc:docMk/>
            <pc:sldMk cId="3102415498" sldId="551"/>
            <ac:cxnSpMk id="6" creationId="{9C02DF7E-3771-3A4B-AD39-AE29026C84D1}"/>
          </ac:cxnSpMkLst>
        </pc:cxnChg>
        <pc:cxnChg chg="add mod">
          <ac:chgData name="Daly Donnacha HSLU I" userId="0f22e960-400a-43ff-baeb-4828c8f5cd3a" providerId="ADAL" clId="{55F1696D-224E-654D-8EE7-4CBBA757AA04}" dt="2021-03-26T04:54:42.191" v="4678"/>
          <ac:cxnSpMkLst>
            <pc:docMk/>
            <pc:sldMk cId="3102415498" sldId="551"/>
            <ac:cxnSpMk id="47" creationId="{B58B658F-38A0-F74E-9870-DF0AB0F9CAC9}"/>
          </ac:cxnSpMkLst>
        </pc:cxnChg>
        <pc:cxnChg chg="add mod">
          <ac:chgData name="Daly Donnacha HSLU I" userId="0f22e960-400a-43ff-baeb-4828c8f5cd3a" providerId="ADAL" clId="{55F1696D-224E-654D-8EE7-4CBBA757AA04}" dt="2021-03-26T04:54:42.191" v="4678"/>
          <ac:cxnSpMkLst>
            <pc:docMk/>
            <pc:sldMk cId="3102415498" sldId="551"/>
            <ac:cxnSpMk id="48" creationId="{368B7435-BBE5-A24E-A865-04F410261E71}"/>
          </ac:cxnSpMkLst>
        </pc:cxnChg>
        <pc:cxnChg chg="add mod">
          <ac:chgData name="Daly Donnacha HSLU I" userId="0f22e960-400a-43ff-baeb-4828c8f5cd3a" providerId="ADAL" clId="{55F1696D-224E-654D-8EE7-4CBBA757AA04}" dt="2021-03-26T04:54:42.191" v="4678"/>
          <ac:cxnSpMkLst>
            <pc:docMk/>
            <pc:sldMk cId="3102415498" sldId="551"/>
            <ac:cxnSpMk id="49" creationId="{699ADB13-457B-D445-9F1C-1C3B68E1B99A}"/>
          </ac:cxnSpMkLst>
        </pc:cxnChg>
        <pc:cxnChg chg="del">
          <ac:chgData name="Daly Donnacha HSLU I" userId="0f22e960-400a-43ff-baeb-4828c8f5cd3a" providerId="ADAL" clId="{55F1696D-224E-654D-8EE7-4CBBA757AA04}" dt="2021-03-26T04:54:28.297" v="4676" actId="478"/>
          <ac:cxnSpMkLst>
            <pc:docMk/>
            <pc:sldMk cId="3102415498" sldId="551"/>
            <ac:cxnSpMk id="92" creationId="{184FB984-E4B0-C344-AF35-C97ED03B2511}"/>
          </ac:cxnSpMkLst>
        </pc:cxnChg>
        <pc:cxnChg chg="del">
          <ac:chgData name="Daly Donnacha HSLU I" userId="0f22e960-400a-43ff-baeb-4828c8f5cd3a" providerId="ADAL" clId="{55F1696D-224E-654D-8EE7-4CBBA757AA04}" dt="2021-03-26T04:54:28.297" v="4676" actId="478"/>
          <ac:cxnSpMkLst>
            <pc:docMk/>
            <pc:sldMk cId="3102415498" sldId="551"/>
            <ac:cxnSpMk id="93" creationId="{7EA13E61-7EEC-1647-9A3C-ABC27ACF7B92}"/>
          </ac:cxnSpMkLst>
        </pc:cxnChg>
        <pc:cxnChg chg="del">
          <ac:chgData name="Daly Donnacha HSLU I" userId="0f22e960-400a-43ff-baeb-4828c8f5cd3a" providerId="ADAL" clId="{55F1696D-224E-654D-8EE7-4CBBA757AA04}" dt="2021-03-26T04:54:28.297" v="4676" actId="478"/>
          <ac:cxnSpMkLst>
            <pc:docMk/>
            <pc:sldMk cId="3102415498" sldId="551"/>
            <ac:cxnSpMk id="94" creationId="{615CBFE1-A27E-B74B-BFEB-34BABEDBE986}"/>
          </ac:cxnSpMkLst>
        </pc:cxnChg>
        <pc:cxnChg chg="del">
          <ac:chgData name="Daly Donnacha HSLU I" userId="0f22e960-400a-43ff-baeb-4828c8f5cd3a" providerId="ADAL" clId="{55F1696D-224E-654D-8EE7-4CBBA757AA04}" dt="2021-03-26T04:54:28.297" v="4676" actId="478"/>
          <ac:cxnSpMkLst>
            <pc:docMk/>
            <pc:sldMk cId="3102415498" sldId="551"/>
            <ac:cxnSpMk id="129" creationId="{CA6CDE3E-3CED-FC49-B8D4-3E8DCD08BCB2}"/>
          </ac:cxnSpMkLst>
        </pc:cxnChg>
        <pc:cxnChg chg="mod">
          <ac:chgData name="Daly Donnacha HSLU I" userId="0f22e960-400a-43ff-baeb-4828c8f5cd3a" providerId="ADAL" clId="{55F1696D-224E-654D-8EE7-4CBBA757AA04}" dt="2021-03-26T05:54:19.659" v="5313" actId="14100"/>
          <ac:cxnSpMkLst>
            <pc:docMk/>
            <pc:sldMk cId="3102415498" sldId="551"/>
            <ac:cxnSpMk id="136" creationId="{8D110261-8A44-434C-B64D-B74217B8C9B9}"/>
          </ac:cxnSpMkLst>
        </pc:cxnChg>
        <pc:cxnChg chg="mod">
          <ac:chgData name="Daly Donnacha HSLU I" userId="0f22e960-400a-43ff-baeb-4828c8f5cd3a" providerId="ADAL" clId="{55F1696D-224E-654D-8EE7-4CBBA757AA04}" dt="2021-03-26T05:55:04.871" v="5332" actId="14100"/>
          <ac:cxnSpMkLst>
            <pc:docMk/>
            <pc:sldMk cId="3102415498" sldId="551"/>
            <ac:cxnSpMk id="137" creationId="{CF47C14C-3CD7-0B49-A4BC-F4602E42E50D}"/>
          </ac:cxnSpMkLst>
        </pc:cxnChg>
        <pc:cxnChg chg="del">
          <ac:chgData name="Daly Donnacha HSLU I" userId="0f22e960-400a-43ff-baeb-4828c8f5cd3a" providerId="ADAL" clId="{55F1696D-224E-654D-8EE7-4CBBA757AA04}" dt="2021-03-26T04:54:02.379" v="4644" actId="478"/>
          <ac:cxnSpMkLst>
            <pc:docMk/>
            <pc:sldMk cId="3102415498" sldId="551"/>
            <ac:cxnSpMk id="138" creationId="{66A1E946-66F6-444C-9CBA-00B8CDBE24D7}"/>
          </ac:cxnSpMkLst>
        </pc:cxnChg>
        <pc:cxnChg chg="del">
          <ac:chgData name="Daly Donnacha HSLU I" userId="0f22e960-400a-43ff-baeb-4828c8f5cd3a" providerId="ADAL" clId="{55F1696D-224E-654D-8EE7-4CBBA757AA04}" dt="2021-03-26T04:54:02.379" v="4644" actId="478"/>
          <ac:cxnSpMkLst>
            <pc:docMk/>
            <pc:sldMk cId="3102415498" sldId="551"/>
            <ac:cxnSpMk id="141" creationId="{D4E8F212-3FCE-174B-980B-8FA4CE1A8AF1}"/>
          </ac:cxnSpMkLst>
        </pc:cxnChg>
        <pc:cxnChg chg="del">
          <ac:chgData name="Daly Donnacha HSLU I" userId="0f22e960-400a-43ff-baeb-4828c8f5cd3a" providerId="ADAL" clId="{55F1696D-224E-654D-8EE7-4CBBA757AA04}" dt="2021-03-26T04:54:02.379" v="4644" actId="478"/>
          <ac:cxnSpMkLst>
            <pc:docMk/>
            <pc:sldMk cId="3102415498" sldId="551"/>
            <ac:cxnSpMk id="156" creationId="{8ABBC9D3-DE66-5442-BFDB-FC074DAE8AB6}"/>
          </ac:cxnSpMkLst>
        </pc:cxnChg>
        <pc:cxnChg chg="del">
          <ac:chgData name="Daly Donnacha HSLU I" userId="0f22e960-400a-43ff-baeb-4828c8f5cd3a" providerId="ADAL" clId="{55F1696D-224E-654D-8EE7-4CBBA757AA04}" dt="2021-03-26T04:54:02.379" v="4644" actId="478"/>
          <ac:cxnSpMkLst>
            <pc:docMk/>
            <pc:sldMk cId="3102415498" sldId="551"/>
            <ac:cxnSpMk id="187" creationId="{8FAEEE63-BF57-A446-9219-86FB291938E6}"/>
          </ac:cxnSpMkLst>
        </pc:cxnChg>
      </pc:sldChg>
      <pc:sldChg chg="addSp delSp modSp add mod">
        <pc:chgData name="Daly Donnacha HSLU I" userId="0f22e960-400a-43ff-baeb-4828c8f5cd3a" providerId="ADAL" clId="{55F1696D-224E-654D-8EE7-4CBBA757AA04}" dt="2021-03-26T10:13:17.605" v="10370" actId="20577"/>
        <pc:sldMkLst>
          <pc:docMk/>
          <pc:sldMk cId="621026914" sldId="552"/>
        </pc:sldMkLst>
        <pc:spChg chg="mod">
          <ac:chgData name="Daly Donnacha HSLU I" userId="0f22e960-400a-43ff-baeb-4828c8f5cd3a" providerId="ADAL" clId="{55F1696D-224E-654D-8EE7-4CBBA757AA04}" dt="2021-03-26T10:13:17.605" v="10370" actId="20577"/>
          <ac:spMkLst>
            <pc:docMk/>
            <pc:sldMk cId="621026914" sldId="552"/>
            <ac:spMk id="2" creationId="{4563E598-7568-384F-8352-40E17381E391}"/>
          </ac:spMkLst>
        </pc:spChg>
        <pc:spChg chg="del">
          <ac:chgData name="Daly Donnacha HSLU I" userId="0f22e960-400a-43ff-baeb-4828c8f5cd3a" providerId="ADAL" clId="{55F1696D-224E-654D-8EE7-4CBBA757AA04}" dt="2021-03-26T06:38:42.194" v="6118" actId="478"/>
          <ac:spMkLst>
            <pc:docMk/>
            <pc:sldMk cId="621026914" sldId="552"/>
            <ac:spMk id="3" creationId="{CA8F9E51-79EF-BF4A-A935-4D7A9DB07DA3}"/>
          </ac:spMkLst>
        </pc:spChg>
        <pc:spChg chg="del">
          <ac:chgData name="Daly Donnacha HSLU I" userId="0f22e960-400a-43ff-baeb-4828c8f5cd3a" providerId="ADAL" clId="{55F1696D-224E-654D-8EE7-4CBBA757AA04}" dt="2021-03-26T06:37:07.657" v="6105" actId="478"/>
          <ac:spMkLst>
            <pc:docMk/>
            <pc:sldMk cId="621026914" sldId="552"/>
            <ac:spMk id="4" creationId="{F7E3FF2E-ADE0-D848-8F9E-B1A7B36A7372}"/>
          </ac:spMkLst>
        </pc:spChg>
        <pc:spChg chg="del">
          <ac:chgData name="Daly Donnacha HSLU I" userId="0f22e960-400a-43ff-baeb-4828c8f5cd3a" providerId="ADAL" clId="{55F1696D-224E-654D-8EE7-4CBBA757AA04}" dt="2021-03-26T06:38:42.194" v="6118" actId="478"/>
          <ac:spMkLst>
            <pc:docMk/>
            <pc:sldMk cId="621026914" sldId="552"/>
            <ac:spMk id="5" creationId="{909BE46E-46A8-0740-8FFF-D8C3008E71FC}"/>
          </ac:spMkLst>
        </pc:spChg>
        <pc:spChg chg="del">
          <ac:chgData name="Daly Donnacha HSLU I" userId="0f22e960-400a-43ff-baeb-4828c8f5cd3a" providerId="ADAL" clId="{55F1696D-224E-654D-8EE7-4CBBA757AA04}" dt="2021-03-26T06:38:42.194" v="6118" actId="478"/>
          <ac:spMkLst>
            <pc:docMk/>
            <pc:sldMk cId="621026914" sldId="552"/>
            <ac:spMk id="10" creationId="{C36EC9E9-E7C5-0640-A729-8B8CFE76942E}"/>
          </ac:spMkLst>
        </pc:spChg>
        <pc:spChg chg="del">
          <ac:chgData name="Daly Donnacha HSLU I" userId="0f22e960-400a-43ff-baeb-4828c8f5cd3a" providerId="ADAL" clId="{55F1696D-224E-654D-8EE7-4CBBA757AA04}" dt="2021-03-26T06:38:42.194" v="6118" actId="478"/>
          <ac:spMkLst>
            <pc:docMk/>
            <pc:sldMk cId="621026914" sldId="552"/>
            <ac:spMk id="13" creationId="{6F6A6F74-AF3A-3F4F-9E2B-E05C42604152}"/>
          </ac:spMkLst>
        </pc:spChg>
        <pc:spChg chg="del mod">
          <ac:chgData name="Daly Donnacha HSLU I" userId="0f22e960-400a-43ff-baeb-4828c8f5cd3a" providerId="ADAL" clId="{55F1696D-224E-654D-8EE7-4CBBA757AA04}" dt="2021-03-26T06:38:42.194" v="6118" actId="478"/>
          <ac:spMkLst>
            <pc:docMk/>
            <pc:sldMk cId="621026914" sldId="552"/>
            <ac:spMk id="14" creationId="{1EAFE90B-5D2F-6F45-AF5B-7F21F7F2C538}"/>
          </ac:spMkLst>
        </pc:spChg>
        <pc:spChg chg="del">
          <ac:chgData name="Daly Donnacha HSLU I" userId="0f22e960-400a-43ff-baeb-4828c8f5cd3a" providerId="ADAL" clId="{55F1696D-224E-654D-8EE7-4CBBA757AA04}" dt="2021-03-26T06:38:42.194" v="6118" actId="478"/>
          <ac:spMkLst>
            <pc:docMk/>
            <pc:sldMk cId="621026914" sldId="552"/>
            <ac:spMk id="15" creationId="{A6DA2B75-8F75-484D-9996-307C8CF0A9DB}"/>
          </ac:spMkLst>
        </pc:spChg>
        <pc:spChg chg="add mod">
          <ac:chgData name="Daly Donnacha HSLU I" userId="0f22e960-400a-43ff-baeb-4828c8f5cd3a" providerId="ADAL" clId="{55F1696D-224E-654D-8EE7-4CBBA757AA04}" dt="2021-03-26T06:45:12.447" v="6307" actId="1076"/>
          <ac:spMkLst>
            <pc:docMk/>
            <pc:sldMk cId="621026914" sldId="552"/>
            <ac:spMk id="25" creationId="{76D695CB-5445-1D4B-A145-EB31CB3B9CAF}"/>
          </ac:spMkLst>
        </pc:spChg>
        <pc:spChg chg="del">
          <ac:chgData name="Daly Donnacha HSLU I" userId="0f22e960-400a-43ff-baeb-4828c8f5cd3a" providerId="ADAL" clId="{55F1696D-224E-654D-8EE7-4CBBA757AA04}" dt="2021-03-26T06:38:42.194" v="6118" actId="478"/>
          <ac:spMkLst>
            <pc:docMk/>
            <pc:sldMk cId="621026914" sldId="552"/>
            <ac:spMk id="30" creationId="{AF5388A0-72FB-924D-A9DE-78C9F55ECF3F}"/>
          </ac:spMkLst>
        </pc:spChg>
        <pc:spChg chg="del">
          <ac:chgData name="Daly Donnacha HSLU I" userId="0f22e960-400a-43ff-baeb-4828c8f5cd3a" providerId="ADAL" clId="{55F1696D-224E-654D-8EE7-4CBBA757AA04}" dt="2021-03-26T06:38:42.194" v="6118" actId="478"/>
          <ac:spMkLst>
            <pc:docMk/>
            <pc:sldMk cId="621026914" sldId="552"/>
            <ac:spMk id="31" creationId="{F8D695FF-E08B-0546-AAF4-D2D5926B7F60}"/>
          </ac:spMkLst>
        </pc:spChg>
        <pc:spChg chg="add mod">
          <ac:chgData name="Daly Donnacha HSLU I" userId="0f22e960-400a-43ff-baeb-4828c8f5cd3a" providerId="ADAL" clId="{55F1696D-224E-654D-8EE7-4CBBA757AA04}" dt="2021-03-26T06:42:44.189" v="6281" actId="167"/>
          <ac:spMkLst>
            <pc:docMk/>
            <pc:sldMk cId="621026914" sldId="552"/>
            <ac:spMk id="44" creationId="{A6E91C46-977C-2941-990E-FA10D6412787}"/>
          </ac:spMkLst>
        </pc:spChg>
        <pc:spChg chg="del">
          <ac:chgData name="Daly Donnacha HSLU I" userId="0f22e960-400a-43ff-baeb-4828c8f5cd3a" providerId="ADAL" clId="{55F1696D-224E-654D-8EE7-4CBBA757AA04}" dt="2021-03-26T06:37:07.657" v="6105" actId="478"/>
          <ac:spMkLst>
            <pc:docMk/>
            <pc:sldMk cId="621026914" sldId="552"/>
            <ac:spMk id="45" creationId="{FF7ABA0D-699D-1E4A-8FCF-73D564B14592}"/>
          </ac:spMkLst>
        </pc:spChg>
        <pc:spChg chg="del">
          <ac:chgData name="Daly Donnacha HSLU I" userId="0f22e960-400a-43ff-baeb-4828c8f5cd3a" providerId="ADAL" clId="{55F1696D-224E-654D-8EE7-4CBBA757AA04}" dt="2021-03-26T06:37:07.657" v="6105" actId="478"/>
          <ac:spMkLst>
            <pc:docMk/>
            <pc:sldMk cId="621026914" sldId="552"/>
            <ac:spMk id="46" creationId="{0747DD6D-7E31-D546-9E4E-F85167000841}"/>
          </ac:spMkLst>
        </pc:spChg>
        <pc:spChg chg="add del mod">
          <ac:chgData name="Daly Donnacha HSLU I" userId="0f22e960-400a-43ff-baeb-4828c8f5cd3a" providerId="ADAL" clId="{55F1696D-224E-654D-8EE7-4CBBA757AA04}" dt="2021-03-26T06:40:03.974" v="6124" actId="478"/>
          <ac:spMkLst>
            <pc:docMk/>
            <pc:sldMk cId="621026914" sldId="552"/>
            <ac:spMk id="47" creationId="{0792B278-ABB8-5445-AC7D-4835594C064D}"/>
          </ac:spMkLst>
        </pc:spChg>
        <pc:spChg chg="del">
          <ac:chgData name="Daly Donnacha HSLU I" userId="0f22e960-400a-43ff-baeb-4828c8f5cd3a" providerId="ADAL" clId="{55F1696D-224E-654D-8EE7-4CBBA757AA04}" dt="2021-03-26T06:37:07.657" v="6105" actId="478"/>
          <ac:spMkLst>
            <pc:docMk/>
            <pc:sldMk cId="621026914" sldId="552"/>
            <ac:spMk id="51" creationId="{DA87F86C-2FCD-DB49-B486-6B1DE07D190C}"/>
          </ac:spMkLst>
        </pc:spChg>
        <pc:spChg chg="add mod">
          <ac:chgData name="Daly Donnacha HSLU I" userId="0f22e960-400a-43ff-baeb-4828c8f5cd3a" providerId="ADAL" clId="{55F1696D-224E-654D-8EE7-4CBBA757AA04}" dt="2021-03-26T06:41:58.175" v="6209" actId="1037"/>
          <ac:spMkLst>
            <pc:docMk/>
            <pc:sldMk cId="621026914" sldId="552"/>
            <ac:spMk id="53" creationId="{2EAA10AC-4C3C-7544-A02D-43557F0827DA}"/>
          </ac:spMkLst>
        </pc:spChg>
        <pc:spChg chg="add mod">
          <ac:chgData name="Daly Donnacha HSLU I" userId="0f22e960-400a-43ff-baeb-4828c8f5cd3a" providerId="ADAL" clId="{55F1696D-224E-654D-8EE7-4CBBA757AA04}" dt="2021-03-26T06:44:38.625" v="6303" actId="1076"/>
          <ac:spMkLst>
            <pc:docMk/>
            <pc:sldMk cId="621026914" sldId="552"/>
            <ac:spMk id="54" creationId="{E84B3C01-A35F-0047-BE75-8FDAC1384180}"/>
          </ac:spMkLst>
        </pc:spChg>
        <pc:spChg chg="add mod">
          <ac:chgData name="Daly Donnacha HSLU I" userId="0f22e960-400a-43ff-baeb-4828c8f5cd3a" providerId="ADAL" clId="{55F1696D-224E-654D-8EE7-4CBBA757AA04}" dt="2021-03-26T06:41:58.175" v="6209" actId="1037"/>
          <ac:spMkLst>
            <pc:docMk/>
            <pc:sldMk cId="621026914" sldId="552"/>
            <ac:spMk id="55" creationId="{627D4894-C9A2-FB44-8917-516249425B8B}"/>
          </ac:spMkLst>
        </pc:spChg>
        <pc:spChg chg="add mod">
          <ac:chgData name="Daly Donnacha HSLU I" userId="0f22e960-400a-43ff-baeb-4828c8f5cd3a" providerId="ADAL" clId="{55F1696D-224E-654D-8EE7-4CBBA757AA04}" dt="2021-03-26T06:43:26.817" v="6289" actId="1076"/>
          <ac:spMkLst>
            <pc:docMk/>
            <pc:sldMk cId="621026914" sldId="552"/>
            <ac:spMk id="56" creationId="{AF6E4DD8-ECAC-8F4D-8758-E56F5C118BF2}"/>
          </ac:spMkLst>
        </pc:spChg>
        <pc:spChg chg="add mod">
          <ac:chgData name="Daly Donnacha HSLU I" userId="0f22e960-400a-43ff-baeb-4828c8f5cd3a" providerId="ADAL" clId="{55F1696D-224E-654D-8EE7-4CBBA757AA04}" dt="2021-03-26T06:41:58.175" v="6209" actId="1037"/>
          <ac:spMkLst>
            <pc:docMk/>
            <pc:sldMk cId="621026914" sldId="552"/>
            <ac:spMk id="57" creationId="{0D96EE2B-B272-EE4A-8872-2D94FE77F243}"/>
          </ac:spMkLst>
        </pc:spChg>
        <pc:spChg chg="add mod">
          <ac:chgData name="Daly Donnacha HSLU I" userId="0f22e960-400a-43ff-baeb-4828c8f5cd3a" providerId="ADAL" clId="{55F1696D-224E-654D-8EE7-4CBBA757AA04}" dt="2021-03-26T06:41:58.175" v="6209" actId="1037"/>
          <ac:spMkLst>
            <pc:docMk/>
            <pc:sldMk cId="621026914" sldId="552"/>
            <ac:spMk id="58" creationId="{F24FF860-B8B9-5947-B528-9F0A10FD94A7}"/>
          </ac:spMkLst>
        </pc:spChg>
        <pc:spChg chg="del">
          <ac:chgData name="Daly Donnacha HSLU I" userId="0f22e960-400a-43ff-baeb-4828c8f5cd3a" providerId="ADAL" clId="{55F1696D-224E-654D-8EE7-4CBBA757AA04}" dt="2021-03-26T06:37:07.657" v="6105" actId="478"/>
          <ac:spMkLst>
            <pc:docMk/>
            <pc:sldMk cId="621026914" sldId="552"/>
            <ac:spMk id="68" creationId="{A4005551-1F59-FF41-97C6-CFBE4D86B070}"/>
          </ac:spMkLst>
        </pc:spChg>
        <pc:spChg chg="del">
          <ac:chgData name="Daly Donnacha HSLU I" userId="0f22e960-400a-43ff-baeb-4828c8f5cd3a" providerId="ADAL" clId="{55F1696D-224E-654D-8EE7-4CBBA757AA04}" dt="2021-03-26T06:37:07.657" v="6105" actId="478"/>
          <ac:spMkLst>
            <pc:docMk/>
            <pc:sldMk cId="621026914" sldId="552"/>
            <ac:spMk id="69" creationId="{5249A176-2F52-B145-927B-0BB053A36B5F}"/>
          </ac:spMkLst>
        </pc:spChg>
        <pc:spChg chg="del">
          <ac:chgData name="Daly Donnacha HSLU I" userId="0f22e960-400a-43ff-baeb-4828c8f5cd3a" providerId="ADAL" clId="{55F1696D-224E-654D-8EE7-4CBBA757AA04}" dt="2021-03-26T06:37:07.657" v="6105" actId="478"/>
          <ac:spMkLst>
            <pc:docMk/>
            <pc:sldMk cId="621026914" sldId="552"/>
            <ac:spMk id="70" creationId="{DD77A7AC-664B-8F45-8DF4-1E4D54FA948E}"/>
          </ac:spMkLst>
        </pc:spChg>
        <pc:spChg chg="del">
          <ac:chgData name="Daly Donnacha HSLU I" userId="0f22e960-400a-43ff-baeb-4828c8f5cd3a" providerId="ADAL" clId="{55F1696D-224E-654D-8EE7-4CBBA757AA04}" dt="2021-03-26T06:37:07.657" v="6105" actId="478"/>
          <ac:spMkLst>
            <pc:docMk/>
            <pc:sldMk cId="621026914" sldId="552"/>
            <ac:spMk id="71" creationId="{D3EE4CD1-BFD6-3D42-B585-6EDD71053283}"/>
          </ac:spMkLst>
        </pc:spChg>
        <pc:spChg chg="del">
          <ac:chgData name="Daly Donnacha HSLU I" userId="0f22e960-400a-43ff-baeb-4828c8f5cd3a" providerId="ADAL" clId="{55F1696D-224E-654D-8EE7-4CBBA757AA04}" dt="2021-03-26T06:37:07.657" v="6105" actId="478"/>
          <ac:spMkLst>
            <pc:docMk/>
            <pc:sldMk cId="621026914" sldId="552"/>
            <ac:spMk id="72" creationId="{D15AB2EA-B3C9-A145-9EB3-B3E40420E75A}"/>
          </ac:spMkLst>
        </pc:spChg>
        <pc:spChg chg="del">
          <ac:chgData name="Daly Donnacha HSLU I" userId="0f22e960-400a-43ff-baeb-4828c8f5cd3a" providerId="ADAL" clId="{55F1696D-224E-654D-8EE7-4CBBA757AA04}" dt="2021-03-26T06:37:07.657" v="6105" actId="478"/>
          <ac:spMkLst>
            <pc:docMk/>
            <pc:sldMk cId="621026914" sldId="552"/>
            <ac:spMk id="73" creationId="{9A0D076C-8803-6242-8BFB-EE247BD2AEE4}"/>
          </ac:spMkLst>
        </pc:spChg>
        <pc:spChg chg="del">
          <ac:chgData name="Daly Donnacha HSLU I" userId="0f22e960-400a-43ff-baeb-4828c8f5cd3a" providerId="ADAL" clId="{55F1696D-224E-654D-8EE7-4CBBA757AA04}" dt="2021-03-26T06:37:07.657" v="6105" actId="478"/>
          <ac:spMkLst>
            <pc:docMk/>
            <pc:sldMk cId="621026914" sldId="552"/>
            <ac:spMk id="79" creationId="{C44864B2-041B-8F4E-905C-94B8E3966C42}"/>
          </ac:spMkLst>
        </pc:spChg>
        <pc:spChg chg="del">
          <ac:chgData name="Daly Donnacha HSLU I" userId="0f22e960-400a-43ff-baeb-4828c8f5cd3a" providerId="ADAL" clId="{55F1696D-224E-654D-8EE7-4CBBA757AA04}" dt="2021-03-26T06:37:07.657" v="6105" actId="478"/>
          <ac:spMkLst>
            <pc:docMk/>
            <pc:sldMk cId="621026914" sldId="552"/>
            <ac:spMk id="83" creationId="{07E65A8D-0A1D-3946-BEAB-2CE3BD00C1CA}"/>
          </ac:spMkLst>
        </pc:spChg>
        <pc:spChg chg="del">
          <ac:chgData name="Daly Donnacha HSLU I" userId="0f22e960-400a-43ff-baeb-4828c8f5cd3a" providerId="ADAL" clId="{55F1696D-224E-654D-8EE7-4CBBA757AA04}" dt="2021-03-26T06:37:07.657" v="6105" actId="478"/>
          <ac:spMkLst>
            <pc:docMk/>
            <pc:sldMk cId="621026914" sldId="552"/>
            <ac:spMk id="87" creationId="{459271BA-2A31-A441-B2AF-A6E96C0EDC00}"/>
          </ac:spMkLst>
        </pc:spChg>
        <pc:spChg chg="add mod">
          <ac:chgData name="Daly Donnacha HSLU I" userId="0f22e960-400a-43ff-baeb-4828c8f5cd3a" providerId="ADAL" clId="{55F1696D-224E-654D-8EE7-4CBBA757AA04}" dt="2021-03-26T06:42:18.437" v="6276" actId="1038"/>
          <ac:spMkLst>
            <pc:docMk/>
            <pc:sldMk cId="621026914" sldId="552"/>
            <ac:spMk id="93" creationId="{17B18C53-95BC-1349-A0A0-48F39C4D0E9D}"/>
          </ac:spMkLst>
        </pc:spChg>
        <pc:spChg chg="add mod">
          <ac:chgData name="Daly Donnacha HSLU I" userId="0f22e960-400a-43ff-baeb-4828c8f5cd3a" providerId="ADAL" clId="{55F1696D-224E-654D-8EE7-4CBBA757AA04}" dt="2021-03-26T06:42:18.437" v="6276" actId="1038"/>
          <ac:spMkLst>
            <pc:docMk/>
            <pc:sldMk cId="621026914" sldId="552"/>
            <ac:spMk id="95" creationId="{9DF3BFDD-A431-DA44-8D11-CDD5431AF8C6}"/>
          </ac:spMkLst>
        </pc:spChg>
        <pc:spChg chg="add mod">
          <ac:chgData name="Daly Donnacha HSLU I" userId="0f22e960-400a-43ff-baeb-4828c8f5cd3a" providerId="ADAL" clId="{55F1696D-224E-654D-8EE7-4CBBA757AA04}" dt="2021-03-26T06:42:18.437" v="6276" actId="1038"/>
          <ac:spMkLst>
            <pc:docMk/>
            <pc:sldMk cId="621026914" sldId="552"/>
            <ac:spMk id="96" creationId="{91AC82B9-DA7E-7E42-A6A2-171337BC14DF}"/>
          </ac:spMkLst>
        </pc:spChg>
        <pc:spChg chg="add mod">
          <ac:chgData name="Daly Donnacha HSLU I" userId="0f22e960-400a-43ff-baeb-4828c8f5cd3a" providerId="ADAL" clId="{55F1696D-224E-654D-8EE7-4CBBA757AA04}" dt="2021-03-26T06:42:18.437" v="6276" actId="1038"/>
          <ac:spMkLst>
            <pc:docMk/>
            <pc:sldMk cId="621026914" sldId="552"/>
            <ac:spMk id="97" creationId="{D7BB931B-99BB-9942-8874-7A44DDEB92F3}"/>
          </ac:spMkLst>
        </pc:spChg>
        <pc:spChg chg="del">
          <ac:chgData name="Daly Donnacha HSLU I" userId="0f22e960-400a-43ff-baeb-4828c8f5cd3a" providerId="ADAL" clId="{55F1696D-224E-654D-8EE7-4CBBA757AA04}" dt="2021-03-26T06:37:07.657" v="6105" actId="478"/>
          <ac:spMkLst>
            <pc:docMk/>
            <pc:sldMk cId="621026914" sldId="552"/>
            <ac:spMk id="98" creationId="{84B36DC6-4497-8548-8099-9E87D6229265}"/>
          </ac:spMkLst>
        </pc:spChg>
        <pc:spChg chg="add mod">
          <ac:chgData name="Daly Donnacha HSLU I" userId="0f22e960-400a-43ff-baeb-4828c8f5cd3a" providerId="ADAL" clId="{55F1696D-224E-654D-8EE7-4CBBA757AA04}" dt="2021-03-26T06:42:18.437" v="6276" actId="1038"/>
          <ac:spMkLst>
            <pc:docMk/>
            <pc:sldMk cId="621026914" sldId="552"/>
            <ac:spMk id="100" creationId="{28D029DB-54F4-D248-B6A5-250680288507}"/>
          </ac:spMkLst>
        </pc:spChg>
        <pc:spChg chg="add mod">
          <ac:chgData name="Daly Donnacha HSLU I" userId="0f22e960-400a-43ff-baeb-4828c8f5cd3a" providerId="ADAL" clId="{55F1696D-224E-654D-8EE7-4CBBA757AA04}" dt="2021-03-26T06:42:18.437" v="6276" actId="1038"/>
          <ac:spMkLst>
            <pc:docMk/>
            <pc:sldMk cId="621026914" sldId="552"/>
            <ac:spMk id="101" creationId="{13C5B779-2FAE-2842-8473-0654C0D41698}"/>
          </ac:spMkLst>
        </pc:spChg>
        <pc:spChg chg="add mod">
          <ac:chgData name="Daly Donnacha HSLU I" userId="0f22e960-400a-43ff-baeb-4828c8f5cd3a" providerId="ADAL" clId="{55F1696D-224E-654D-8EE7-4CBBA757AA04}" dt="2021-03-26T06:42:18.437" v="6276" actId="1038"/>
          <ac:spMkLst>
            <pc:docMk/>
            <pc:sldMk cId="621026914" sldId="552"/>
            <ac:spMk id="102" creationId="{72C215FC-D2B2-4A4C-B207-2439B617D008}"/>
          </ac:spMkLst>
        </pc:spChg>
        <pc:spChg chg="add mod">
          <ac:chgData name="Daly Donnacha HSLU I" userId="0f22e960-400a-43ff-baeb-4828c8f5cd3a" providerId="ADAL" clId="{55F1696D-224E-654D-8EE7-4CBBA757AA04}" dt="2021-03-26T06:42:18.437" v="6276" actId="1038"/>
          <ac:spMkLst>
            <pc:docMk/>
            <pc:sldMk cId="621026914" sldId="552"/>
            <ac:spMk id="103" creationId="{FC9DE41D-0944-5B47-8610-BDEEE151671B}"/>
          </ac:spMkLst>
        </pc:spChg>
        <pc:spChg chg="add mod">
          <ac:chgData name="Daly Donnacha HSLU I" userId="0f22e960-400a-43ff-baeb-4828c8f5cd3a" providerId="ADAL" clId="{55F1696D-224E-654D-8EE7-4CBBA757AA04}" dt="2021-03-26T06:42:18.437" v="6276" actId="1038"/>
          <ac:spMkLst>
            <pc:docMk/>
            <pc:sldMk cId="621026914" sldId="552"/>
            <ac:spMk id="104" creationId="{A5F98107-CB74-CB49-8981-C7119A42EDFB}"/>
          </ac:spMkLst>
        </pc:spChg>
        <pc:spChg chg="add mod">
          <ac:chgData name="Daly Donnacha HSLU I" userId="0f22e960-400a-43ff-baeb-4828c8f5cd3a" providerId="ADAL" clId="{55F1696D-224E-654D-8EE7-4CBBA757AA04}" dt="2021-03-26T06:42:18.437" v="6276" actId="1038"/>
          <ac:spMkLst>
            <pc:docMk/>
            <pc:sldMk cId="621026914" sldId="552"/>
            <ac:spMk id="105" creationId="{BC1C12AA-4667-3C4A-A725-56D81AF91142}"/>
          </ac:spMkLst>
        </pc:spChg>
        <pc:spChg chg="add mod">
          <ac:chgData name="Daly Donnacha HSLU I" userId="0f22e960-400a-43ff-baeb-4828c8f5cd3a" providerId="ADAL" clId="{55F1696D-224E-654D-8EE7-4CBBA757AA04}" dt="2021-03-26T06:42:48.054" v="6284" actId="1035"/>
          <ac:spMkLst>
            <pc:docMk/>
            <pc:sldMk cId="621026914" sldId="552"/>
            <ac:spMk id="107" creationId="{6E9FAC32-98EE-3945-9935-8A2DEE066BB2}"/>
          </ac:spMkLst>
        </pc:spChg>
        <pc:spChg chg="add mod">
          <ac:chgData name="Daly Donnacha HSLU I" userId="0f22e960-400a-43ff-baeb-4828c8f5cd3a" providerId="ADAL" clId="{55F1696D-224E-654D-8EE7-4CBBA757AA04}" dt="2021-03-26T06:42:18.437" v="6276" actId="1038"/>
          <ac:spMkLst>
            <pc:docMk/>
            <pc:sldMk cId="621026914" sldId="552"/>
            <ac:spMk id="108" creationId="{DA71BE96-4815-D244-8803-2BC96262853F}"/>
          </ac:spMkLst>
        </pc:spChg>
        <pc:spChg chg="add mod">
          <ac:chgData name="Daly Donnacha HSLU I" userId="0f22e960-400a-43ff-baeb-4828c8f5cd3a" providerId="ADAL" clId="{55F1696D-224E-654D-8EE7-4CBBA757AA04}" dt="2021-03-26T06:42:18.437" v="6276" actId="1038"/>
          <ac:spMkLst>
            <pc:docMk/>
            <pc:sldMk cId="621026914" sldId="552"/>
            <ac:spMk id="109" creationId="{D5948198-465B-D842-A38E-CF4A90FAB1CE}"/>
          </ac:spMkLst>
        </pc:spChg>
        <pc:spChg chg="add mod">
          <ac:chgData name="Daly Donnacha HSLU I" userId="0f22e960-400a-43ff-baeb-4828c8f5cd3a" providerId="ADAL" clId="{55F1696D-224E-654D-8EE7-4CBBA757AA04}" dt="2021-03-26T06:42:18.437" v="6276" actId="1038"/>
          <ac:spMkLst>
            <pc:docMk/>
            <pc:sldMk cId="621026914" sldId="552"/>
            <ac:spMk id="110" creationId="{4D5A2751-DBEA-7F44-8E86-BA81C2BF6171}"/>
          </ac:spMkLst>
        </pc:spChg>
        <pc:spChg chg="add mod">
          <ac:chgData name="Daly Donnacha HSLU I" userId="0f22e960-400a-43ff-baeb-4828c8f5cd3a" providerId="ADAL" clId="{55F1696D-224E-654D-8EE7-4CBBA757AA04}" dt="2021-03-26T06:42:18.437" v="6276" actId="1038"/>
          <ac:spMkLst>
            <pc:docMk/>
            <pc:sldMk cId="621026914" sldId="552"/>
            <ac:spMk id="111" creationId="{CEEDD6FC-BFC6-0347-8F3D-A259963438CE}"/>
          </ac:spMkLst>
        </pc:spChg>
        <pc:spChg chg="add mod">
          <ac:chgData name="Daly Donnacha HSLU I" userId="0f22e960-400a-43ff-baeb-4828c8f5cd3a" providerId="ADAL" clId="{55F1696D-224E-654D-8EE7-4CBBA757AA04}" dt="2021-03-26T06:42:18.437" v="6276" actId="1038"/>
          <ac:spMkLst>
            <pc:docMk/>
            <pc:sldMk cId="621026914" sldId="552"/>
            <ac:spMk id="112" creationId="{75B037CA-A491-FD4D-9D81-B90A972CAA75}"/>
          </ac:spMkLst>
        </pc:spChg>
        <pc:spChg chg="add mod">
          <ac:chgData name="Daly Donnacha HSLU I" userId="0f22e960-400a-43ff-baeb-4828c8f5cd3a" providerId="ADAL" clId="{55F1696D-224E-654D-8EE7-4CBBA757AA04}" dt="2021-03-26T06:42:18.437" v="6276" actId="1038"/>
          <ac:spMkLst>
            <pc:docMk/>
            <pc:sldMk cId="621026914" sldId="552"/>
            <ac:spMk id="113" creationId="{8B2926E5-FA29-B34C-BD8A-6E756EC47289}"/>
          </ac:spMkLst>
        </pc:spChg>
        <pc:spChg chg="add mod">
          <ac:chgData name="Daly Donnacha HSLU I" userId="0f22e960-400a-43ff-baeb-4828c8f5cd3a" providerId="ADAL" clId="{55F1696D-224E-654D-8EE7-4CBBA757AA04}" dt="2021-03-26T06:42:18.437" v="6276" actId="1038"/>
          <ac:spMkLst>
            <pc:docMk/>
            <pc:sldMk cId="621026914" sldId="552"/>
            <ac:spMk id="116" creationId="{DF4411EF-3519-3943-BD3E-199B9272C57B}"/>
          </ac:spMkLst>
        </pc:spChg>
        <pc:spChg chg="add mod">
          <ac:chgData name="Daly Donnacha HSLU I" userId="0f22e960-400a-43ff-baeb-4828c8f5cd3a" providerId="ADAL" clId="{55F1696D-224E-654D-8EE7-4CBBA757AA04}" dt="2021-03-26T06:43:07.725" v="6286" actId="1076"/>
          <ac:spMkLst>
            <pc:docMk/>
            <pc:sldMk cId="621026914" sldId="552"/>
            <ac:spMk id="118" creationId="{3C24E72B-F613-C948-A6B4-A38A5CB99DE6}"/>
          </ac:spMkLst>
        </pc:spChg>
        <pc:spChg chg="add mod">
          <ac:chgData name="Daly Donnacha HSLU I" userId="0f22e960-400a-43ff-baeb-4828c8f5cd3a" providerId="ADAL" clId="{55F1696D-224E-654D-8EE7-4CBBA757AA04}" dt="2021-03-26T06:42:18.437" v="6276" actId="1038"/>
          <ac:spMkLst>
            <pc:docMk/>
            <pc:sldMk cId="621026914" sldId="552"/>
            <ac:spMk id="119" creationId="{46883F5F-B93E-D24C-B1B1-5849851721CC}"/>
          </ac:spMkLst>
        </pc:spChg>
        <pc:grpChg chg="del">
          <ac:chgData name="Daly Donnacha HSLU I" userId="0f22e960-400a-43ff-baeb-4828c8f5cd3a" providerId="ADAL" clId="{55F1696D-224E-654D-8EE7-4CBBA757AA04}" dt="2021-03-26T06:38:42.194" v="6118" actId="478"/>
          <ac:grpSpMkLst>
            <pc:docMk/>
            <pc:sldMk cId="621026914" sldId="552"/>
            <ac:grpSpMk id="39" creationId="{FA3C900E-C739-4E40-B9B8-7360C7B7FF1D}"/>
          </ac:grpSpMkLst>
        </pc:grpChg>
        <pc:grpChg chg="add mod">
          <ac:chgData name="Daly Donnacha HSLU I" userId="0f22e960-400a-43ff-baeb-4828c8f5cd3a" providerId="ADAL" clId="{55F1696D-224E-654D-8EE7-4CBBA757AA04}" dt="2021-03-26T06:41:58.175" v="6209" actId="1037"/>
          <ac:grpSpMkLst>
            <pc:docMk/>
            <pc:sldMk cId="621026914" sldId="552"/>
            <ac:grpSpMk id="60" creationId="{D1ACBF71-2902-6945-B014-755CF63771CB}"/>
          </ac:grpSpMkLst>
        </pc:grpChg>
        <pc:cxnChg chg="del">
          <ac:chgData name="Daly Donnacha HSLU I" userId="0f22e960-400a-43ff-baeb-4828c8f5cd3a" providerId="ADAL" clId="{55F1696D-224E-654D-8EE7-4CBBA757AA04}" dt="2021-03-26T06:38:42.194" v="6118" actId="478"/>
          <ac:cxnSpMkLst>
            <pc:docMk/>
            <pc:sldMk cId="621026914" sldId="552"/>
            <ac:cxnSpMk id="6" creationId="{2FF25A46-045E-BF4A-A17F-E1D3097BB292}"/>
          </ac:cxnSpMkLst>
        </pc:cxnChg>
        <pc:cxnChg chg="del">
          <ac:chgData name="Daly Donnacha HSLU I" userId="0f22e960-400a-43ff-baeb-4828c8f5cd3a" providerId="ADAL" clId="{55F1696D-224E-654D-8EE7-4CBBA757AA04}" dt="2021-03-26T06:38:42.194" v="6118" actId="478"/>
          <ac:cxnSpMkLst>
            <pc:docMk/>
            <pc:sldMk cId="621026914" sldId="552"/>
            <ac:cxnSpMk id="7" creationId="{5EB81779-2732-A645-8040-714731415348}"/>
          </ac:cxnSpMkLst>
        </pc:cxnChg>
        <pc:cxnChg chg="del">
          <ac:chgData name="Daly Donnacha HSLU I" userId="0f22e960-400a-43ff-baeb-4828c8f5cd3a" providerId="ADAL" clId="{55F1696D-224E-654D-8EE7-4CBBA757AA04}" dt="2021-03-26T06:37:07.657" v="6105" actId="478"/>
          <ac:cxnSpMkLst>
            <pc:docMk/>
            <pc:sldMk cId="621026914" sldId="552"/>
            <ac:cxnSpMk id="29" creationId="{00539252-BC20-1A4A-A91C-9C10FA70718F}"/>
          </ac:cxnSpMkLst>
        </pc:cxnChg>
        <pc:cxnChg chg="del">
          <ac:chgData name="Daly Donnacha HSLU I" userId="0f22e960-400a-43ff-baeb-4828c8f5cd3a" providerId="ADAL" clId="{55F1696D-224E-654D-8EE7-4CBBA757AA04}" dt="2021-03-26T06:38:42.194" v="6118" actId="478"/>
          <ac:cxnSpMkLst>
            <pc:docMk/>
            <pc:sldMk cId="621026914" sldId="552"/>
            <ac:cxnSpMk id="33" creationId="{8AE140D0-7482-5640-AE96-217A11D812A9}"/>
          </ac:cxnSpMkLst>
        </pc:cxnChg>
        <pc:cxnChg chg="del">
          <ac:chgData name="Daly Donnacha HSLU I" userId="0f22e960-400a-43ff-baeb-4828c8f5cd3a" providerId="ADAL" clId="{55F1696D-224E-654D-8EE7-4CBBA757AA04}" dt="2021-03-26T06:38:42.194" v="6118" actId="478"/>
          <ac:cxnSpMkLst>
            <pc:docMk/>
            <pc:sldMk cId="621026914" sldId="552"/>
            <ac:cxnSpMk id="41" creationId="{F9D6C53D-023D-6E44-A616-6D87A475CC0C}"/>
          </ac:cxnSpMkLst>
        </pc:cxnChg>
        <pc:cxnChg chg="del">
          <ac:chgData name="Daly Donnacha HSLU I" userId="0f22e960-400a-43ff-baeb-4828c8f5cd3a" providerId="ADAL" clId="{55F1696D-224E-654D-8EE7-4CBBA757AA04}" dt="2021-03-26T06:38:42.194" v="6118" actId="478"/>
          <ac:cxnSpMkLst>
            <pc:docMk/>
            <pc:sldMk cId="621026914" sldId="552"/>
            <ac:cxnSpMk id="42" creationId="{A396E93D-1281-7B46-895A-94565B27C5CF}"/>
          </ac:cxnSpMkLst>
        </pc:cxnChg>
        <pc:cxnChg chg="del">
          <ac:chgData name="Daly Donnacha HSLU I" userId="0f22e960-400a-43ff-baeb-4828c8f5cd3a" providerId="ADAL" clId="{55F1696D-224E-654D-8EE7-4CBBA757AA04}" dt="2021-03-26T06:37:07.657" v="6105" actId="478"/>
          <ac:cxnSpMkLst>
            <pc:docMk/>
            <pc:sldMk cId="621026914" sldId="552"/>
            <ac:cxnSpMk id="48" creationId="{31CA26D6-2818-6C45-A3BD-4AEFAEC6F766}"/>
          </ac:cxnSpMkLst>
        </pc:cxnChg>
        <pc:cxnChg chg="del">
          <ac:chgData name="Daly Donnacha HSLU I" userId="0f22e960-400a-43ff-baeb-4828c8f5cd3a" providerId="ADAL" clId="{55F1696D-224E-654D-8EE7-4CBBA757AA04}" dt="2021-03-26T06:37:07.657" v="6105" actId="478"/>
          <ac:cxnSpMkLst>
            <pc:docMk/>
            <pc:sldMk cId="621026914" sldId="552"/>
            <ac:cxnSpMk id="49" creationId="{422EA7BB-2413-0A40-9C31-1B9EF4A0B01F}"/>
          </ac:cxnSpMkLst>
        </pc:cxnChg>
        <pc:cxnChg chg="add mod">
          <ac:chgData name="Daly Donnacha HSLU I" userId="0f22e960-400a-43ff-baeb-4828c8f5cd3a" providerId="ADAL" clId="{55F1696D-224E-654D-8EE7-4CBBA757AA04}" dt="2021-03-26T06:43:59.346" v="6298" actId="14100"/>
          <ac:cxnSpMkLst>
            <pc:docMk/>
            <pc:sldMk cId="621026914" sldId="552"/>
            <ac:cxnSpMk id="50" creationId="{B408CEA5-AFAA-DD49-8BB0-28DA9F2C507B}"/>
          </ac:cxnSpMkLst>
        </pc:cxnChg>
        <pc:cxnChg chg="add mod">
          <ac:chgData name="Daly Donnacha HSLU I" userId="0f22e960-400a-43ff-baeb-4828c8f5cd3a" providerId="ADAL" clId="{55F1696D-224E-654D-8EE7-4CBBA757AA04}" dt="2021-03-26T06:43:23.103" v="6288" actId="1076"/>
          <ac:cxnSpMkLst>
            <pc:docMk/>
            <pc:sldMk cId="621026914" sldId="552"/>
            <ac:cxnSpMk id="52" creationId="{E846E60D-94EB-8E41-85E6-848CF047FEE4}"/>
          </ac:cxnSpMkLst>
        </pc:cxnChg>
        <pc:cxnChg chg="add mod">
          <ac:chgData name="Daly Donnacha HSLU I" userId="0f22e960-400a-43ff-baeb-4828c8f5cd3a" providerId="ADAL" clId="{55F1696D-224E-654D-8EE7-4CBBA757AA04}" dt="2021-03-26T06:43:55.208" v="6297" actId="14100"/>
          <ac:cxnSpMkLst>
            <pc:docMk/>
            <pc:sldMk cId="621026914" sldId="552"/>
            <ac:cxnSpMk id="59" creationId="{FFCEE0BD-3D13-9445-9D02-BB05EB42FD99}"/>
          </ac:cxnSpMkLst>
        </pc:cxnChg>
        <pc:cxnChg chg="mod">
          <ac:chgData name="Daly Donnacha HSLU I" userId="0f22e960-400a-43ff-baeb-4828c8f5cd3a" providerId="ADAL" clId="{55F1696D-224E-654D-8EE7-4CBBA757AA04}" dt="2021-03-26T06:38:42.506" v="6119"/>
          <ac:cxnSpMkLst>
            <pc:docMk/>
            <pc:sldMk cId="621026914" sldId="552"/>
            <ac:cxnSpMk id="61" creationId="{EFEDBD3A-F814-484E-871C-12B11078DE6D}"/>
          </ac:cxnSpMkLst>
        </pc:cxnChg>
        <pc:cxnChg chg="mod">
          <ac:chgData name="Daly Donnacha HSLU I" userId="0f22e960-400a-43ff-baeb-4828c8f5cd3a" providerId="ADAL" clId="{55F1696D-224E-654D-8EE7-4CBBA757AA04}" dt="2021-03-26T06:38:42.506" v="6119"/>
          <ac:cxnSpMkLst>
            <pc:docMk/>
            <pc:sldMk cId="621026914" sldId="552"/>
            <ac:cxnSpMk id="62" creationId="{C6B27933-4C75-C540-8630-232AFFCF5164}"/>
          </ac:cxnSpMkLst>
        </pc:cxnChg>
        <pc:cxnChg chg="mod">
          <ac:chgData name="Daly Donnacha HSLU I" userId="0f22e960-400a-43ff-baeb-4828c8f5cd3a" providerId="ADAL" clId="{55F1696D-224E-654D-8EE7-4CBBA757AA04}" dt="2021-03-26T06:38:42.506" v="6119"/>
          <ac:cxnSpMkLst>
            <pc:docMk/>
            <pc:sldMk cId="621026914" sldId="552"/>
            <ac:cxnSpMk id="63" creationId="{9ED3C1FE-9B02-0841-BAAF-A7A163BABFDC}"/>
          </ac:cxnSpMkLst>
        </pc:cxnChg>
        <pc:cxnChg chg="mod">
          <ac:chgData name="Daly Donnacha HSLU I" userId="0f22e960-400a-43ff-baeb-4828c8f5cd3a" providerId="ADAL" clId="{55F1696D-224E-654D-8EE7-4CBBA757AA04}" dt="2021-03-26T06:38:42.506" v="6119"/>
          <ac:cxnSpMkLst>
            <pc:docMk/>
            <pc:sldMk cId="621026914" sldId="552"/>
            <ac:cxnSpMk id="64" creationId="{CB5995AD-8AD3-734C-BA04-CA0220A21CF9}"/>
          </ac:cxnSpMkLst>
        </pc:cxnChg>
        <pc:cxnChg chg="del">
          <ac:chgData name="Daly Donnacha HSLU I" userId="0f22e960-400a-43ff-baeb-4828c8f5cd3a" providerId="ADAL" clId="{55F1696D-224E-654D-8EE7-4CBBA757AA04}" dt="2021-03-26T06:38:42.194" v="6118" actId="478"/>
          <ac:cxnSpMkLst>
            <pc:docMk/>
            <pc:sldMk cId="621026914" sldId="552"/>
            <ac:cxnSpMk id="65" creationId="{E53ED350-B879-8649-B396-70E94A00F368}"/>
          </ac:cxnSpMkLst>
        </pc:cxnChg>
        <pc:cxnChg chg="mod">
          <ac:chgData name="Daly Donnacha HSLU I" userId="0f22e960-400a-43ff-baeb-4828c8f5cd3a" providerId="ADAL" clId="{55F1696D-224E-654D-8EE7-4CBBA757AA04}" dt="2021-03-26T06:38:42.506" v="6119"/>
          <ac:cxnSpMkLst>
            <pc:docMk/>
            <pc:sldMk cId="621026914" sldId="552"/>
            <ac:cxnSpMk id="66" creationId="{525F3ABF-6804-F54E-A3D9-91BF4F4928BA}"/>
          </ac:cxnSpMkLst>
        </pc:cxnChg>
        <pc:cxnChg chg="add mod">
          <ac:chgData name="Daly Donnacha HSLU I" userId="0f22e960-400a-43ff-baeb-4828c8f5cd3a" providerId="ADAL" clId="{55F1696D-224E-654D-8EE7-4CBBA757AA04}" dt="2021-03-26T06:44:15.205" v="6302" actId="14100"/>
          <ac:cxnSpMkLst>
            <pc:docMk/>
            <pc:sldMk cId="621026914" sldId="552"/>
            <ac:cxnSpMk id="67" creationId="{9BEB1757-DC18-934E-8A61-E0E470327BA5}"/>
          </ac:cxnSpMkLst>
        </pc:cxnChg>
        <pc:cxnChg chg="del">
          <ac:chgData name="Daly Donnacha HSLU I" userId="0f22e960-400a-43ff-baeb-4828c8f5cd3a" providerId="ADAL" clId="{55F1696D-224E-654D-8EE7-4CBBA757AA04}" dt="2021-03-26T06:37:07.657" v="6105" actId="478"/>
          <ac:cxnSpMkLst>
            <pc:docMk/>
            <pc:sldMk cId="621026914" sldId="552"/>
            <ac:cxnSpMk id="74" creationId="{45C18F4C-BC1C-D44E-82BE-999D7D36F0EE}"/>
          </ac:cxnSpMkLst>
        </pc:cxnChg>
        <pc:cxnChg chg="add mod">
          <ac:chgData name="Daly Donnacha HSLU I" userId="0f22e960-400a-43ff-baeb-4828c8f5cd3a" providerId="ADAL" clId="{55F1696D-224E-654D-8EE7-4CBBA757AA04}" dt="2021-03-26T06:44:10.636" v="6300" actId="14100"/>
          <ac:cxnSpMkLst>
            <pc:docMk/>
            <pc:sldMk cId="621026914" sldId="552"/>
            <ac:cxnSpMk id="75" creationId="{734FC0AA-9D8A-A640-B38B-CE2A860EDCAD}"/>
          </ac:cxnSpMkLst>
        </pc:cxnChg>
        <pc:cxnChg chg="add mod">
          <ac:chgData name="Daly Donnacha HSLU I" userId="0f22e960-400a-43ff-baeb-4828c8f5cd3a" providerId="ADAL" clId="{55F1696D-224E-654D-8EE7-4CBBA757AA04}" dt="2021-03-26T06:44:04.769" v="6299" actId="14100"/>
          <ac:cxnSpMkLst>
            <pc:docMk/>
            <pc:sldMk cId="621026914" sldId="552"/>
            <ac:cxnSpMk id="76" creationId="{DC4966C9-13EE-454B-92BE-F1FE59F7BD98}"/>
          </ac:cxnSpMkLst>
        </pc:cxnChg>
        <pc:cxnChg chg="add mod">
          <ac:chgData name="Daly Donnacha HSLU I" userId="0f22e960-400a-43ff-baeb-4828c8f5cd3a" providerId="ADAL" clId="{55F1696D-224E-654D-8EE7-4CBBA757AA04}" dt="2021-03-26T06:42:18.437" v="6276" actId="1038"/>
          <ac:cxnSpMkLst>
            <pc:docMk/>
            <pc:sldMk cId="621026914" sldId="552"/>
            <ac:cxnSpMk id="77" creationId="{5C3D5D29-640E-AB4C-9085-5A621DE09612}"/>
          </ac:cxnSpMkLst>
        </pc:cxnChg>
        <pc:cxnChg chg="add mod">
          <ac:chgData name="Daly Donnacha HSLU I" userId="0f22e960-400a-43ff-baeb-4828c8f5cd3a" providerId="ADAL" clId="{55F1696D-224E-654D-8EE7-4CBBA757AA04}" dt="2021-03-26T06:42:18.437" v="6276" actId="1038"/>
          <ac:cxnSpMkLst>
            <pc:docMk/>
            <pc:sldMk cId="621026914" sldId="552"/>
            <ac:cxnSpMk id="78" creationId="{44F87963-742E-B74A-9445-9A923D880F5F}"/>
          </ac:cxnSpMkLst>
        </pc:cxnChg>
        <pc:cxnChg chg="del mod">
          <ac:chgData name="Daly Donnacha HSLU I" userId="0f22e960-400a-43ff-baeb-4828c8f5cd3a" providerId="ADAL" clId="{55F1696D-224E-654D-8EE7-4CBBA757AA04}" dt="2021-03-26T06:37:07.657" v="6105" actId="478"/>
          <ac:cxnSpMkLst>
            <pc:docMk/>
            <pc:sldMk cId="621026914" sldId="552"/>
            <ac:cxnSpMk id="80" creationId="{F6ECD72B-C946-4643-A23F-79B7FBF2E31E}"/>
          </ac:cxnSpMkLst>
        </pc:cxnChg>
        <pc:cxnChg chg="add mod">
          <ac:chgData name="Daly Donnacha HSLU I" userId="0f22e960-400a-43ff-baeb-4828c8f5cd3a" providerId="ADAL" clId="{55F1696D-224E-654D-8EE7-4CBBA757AA04}" dt="2021-03-26T06:42:18.437" v="6276" actId="1038"/>
          <ac:cxnSpMkLst>
            <pc:docMk/>
            <pc:sldMk cId="621026914" sldId="552"/>
            <ac:cxnSpMk id="81" creationId="{4C63C929-EF83-7748-BF46-4BF8FC601393}"/>
          </ac:cxnSpMkLst>
        </pc:cxnChg>
        <pc:cxnChg chg="add mod">
          <ac:chgData name="Daly Donnacha HSLU I" userId="0f22e960-400a-43ff-baeb-4828c8f5cd3a" providerId="ADAL" clId="{55F1696D-224E-654D-8EE7-4CBBA757AA04}" dt="2021-03-26T06:42:18.437" v="6276" actId="1038"/>
          <ac:cxnSpMkLst>
            <pc:docMk/>
            <pc:sldMk cId="621026914" sldId="552"/>
            <ac:cxnSpMk id="82" creationId="{D53E749B-6DB6-5B43-BCEC-1C4FE5EBD227}"/>
          </ac:cxnSpMkLst>
        </pc:cxnChg>
        <pc:cxnChg chg="add mod">
          <ac:chgData name="Daly Donnacha HSLU I" userId="0f22e960-400a-43ff-baeb-4828c8f5cd3a" providerId="ADAL" clId="{55F1696D-224E-654D-8EE7-4CBBA757AA04}" dt="2021-03-26T06:42:18.437" v="6276" actId="1038"/>
          <ac:cxnSpMkLst>
            <pc:docMk/>
            <pc:sldMk cId="621026914" sldId="552"/>
            <ac:cxnSpMk id="84" creationId="{0A339A93-F24F-7D45-AB14-2836F5103912}"/>
          </ac:cxnSpMkLst>
        </pc:cxnChg>
        <pc:cxnChg chg="add mod">
          <ac:chgData name="Daly Donnacha HSLU I" userId="0f22e960-400a-43ff-baeb-4828c8f5cd3a" providerId="ADAL" clId="{55F1696D-224E-654D-8EE7-4CBBA757AA04}" dt="2021-03-26T06:42:18.437" v="6276" actId="1038"/>
          <ac:cxnSpMkLst>
            <pc:docMk/>
            <pc:sldMk cId="621026914" sldId="552"/>
            <ac:cxnSpMk id="85" creationId="{9751141F-9F4C-C34B-ACE1-CE9B4B2D768D}"/>
          </ac:cxnSpMkLst>
        </pc:cxnChg>
        <pc:cxnChg chg="add mod">
          <ac:chgData name="Daly Donnacha HSLU I" userId="0f22e960-400a-43ff-baeb-4828c8f5cd3a" providerId="ADAL" clId="{55F1696D-224E-654D-8EE7-4CBBA757AA04}" dt="2021-03-26T06:42:18.437" v="6276" actId="1038"/>
          <ac:cxnSpMkLst>
            <pc:docMk/>
            <pc:sldMk cId="621026914" sldId="552"/>
            <ac:cxnSpMk id="86" creationId="{41EE8D6A-01BF-B046-BEE5-A7BD61B2326A}"/>
          </ac:cxnSpMkLst>
        </pc:cxnChg>
        <pc:cxnChg chg="del mod">
          <ac:chgData name="Daly Donnacha HSLU I" userId="0f22e960-400a-43ff-baeb-4828c8f5cd3a" providerId="ADAL" clId="{55F1696D-224E-654D-8EE7-4CBBA757AA04}" dt="2021-03-26T06:37:10.505" v="6106" actId="478"/>
          <ac:cxnSpMkLst>
            <pc:docMk/>
            <pc:sldMk cId="621026914" sldId="552"/>
            <ac:cxnSpMk id="88" creationId="{7633853E-C3DE-2D49-BF27-9AD2A2734A6D}"/>
          </ac:cxnSpMkLst>
        </pc:cxnChg>
        <pc:cxnChg chg="add mod">
          <ac:chgData name="Daly Donnacha HSLU I" userId="0f22e960-400a-43ff-baeb-4828c8f5cd3a" providerId="ADAL" clId="{55F1696D-224E-654D-8EE7-4CBBA757AA04}" dt="2021-03-26T06:42:18.437" v="6276" actId="1038"/>
          <ac:cxnSpMkLst>
            <pc:docMk/>
            <pc:sldMk cId="621026914" sldId="552"/>
            <ac:cxnSpMk id="89" creationId="{FA399EC2-858A-C643-B371-B91D84017B5F}"/>
          </ac:cxnSpMkLst>
        </pc:cxnChg>
        <pc:cxnChg chg="add mod">
          <ac:chgData name="Daly Donnacha HSLU I" userId="0f22e960-400a-43ff-baeb-4828c8f5cd3a" providerId="ADAL" clId="{55F1696D-224E-654D-8EE7-4CBBA757AA04}" dt="2021-03-26T06:42:18.437" v="6276" actId="1038"/>
          <ac:cxnSpMkLst>
            <pc:docMk/>
            <pc:sldMk cId="621026914" sldId="552"/>
            <ac:cxnSpMk id="90" creationId="{0BEFC6A1-BED2-A94F-A274-EAED0D8D89ED}"/>
          </ac:cxnSpMkLst>
        </pc:cxnChg>
        <pc:cxnChg chg="add mod">
          <ac:chgData name="Daly Donnacha HSLU I" userId="0f22e960-400a-43ff-baeb-4828c8f5cd3a" providerId="ADAL" clId="{55F1696D-224E-654D-8EE7-4CBBA757AA04}" dt="2021-03-26T06:42:35.223" v="6280" actId="14100"/>
          <ac:cxnSpMkLst>
            <pc:docMk/>
            <pc:sldMk cId="621026914" sldId="552"/>
            <ac:cxnSpMk id="91" creationId="{B99545E0-B22A-4B4A-9C84-1E9436E300B5}"/>
          </ac:cxnSpMkLst>
        </pc:cxnChg>
        <pc:cxnChg chg="add mod">
          <ac:chgData name="Daly Donnacha HSLU I" userId="0f22e960-400a-43ff-baeb-4828c8f5cd3a" providerId="ADAL" clId="{55F1696D-224E-654D-8EE7-4CBBA757AA04}" dt="2021-03-26T06:42:28.069" v="6279" actId="1035"/>
          <ac:cxnSpMkLst>
            <pc:docMk/>
            <pc:sldMk cId="621026914" sldId="552"/>
            <ac:cxnSpMk id="92" creationId="{3817CA81-7F47-A749-B7D7-84A3242C9C71}"/>
          </ac:cxnSpMkLst>
        </pc:cxnChg>
        <pc:cxnChg chg="add mod">
          <ac:chgData name="Daly Donnacha HSLU I" userId="0f22e960-400a-43ff-baeb-4828c8f5cd3a" providerId="ADAL" clId="{55F1696D-224E-654D-8EE7-4CBBA757AA04}" dt="2021-03-26T06:42:18.437" v="6276" actId="1038"/>
          <ac:cxnSpMkLst>
            <pc:docMk/>
            <pc:sldMk cId="621026914" sldId="552"/>
            <ac:cxnSpMk id="94" creationId="{3BDA336A-4C1E-064B-989E-213C667D115A}"/>
          </ac:cxnSpMkLst>
        </pc:cxnChg>
        <pc:cxnChg chg="del mod">
          <ac:chgData name="Daly Donnacha HSLU I" userId="0f22e960-400a-43ff-baeb-4828c8f5cd3a" providerId="ADAL" clId="{55F1696D-224E-654D-8EE7-4CBBA757AA04}" dt="2021-03-26T06:37:07.657" v="6105" actId="478"/>
          <ac:cxnSpMkLst>
            <pc:docMk/>
            <pc:sldMk cId="621026914" sldId="552"/>
            <ac:cxnSpMk id="99" creationId="{2C37296B-3B2C-204D-AFD9-ED19A79E4689}"/>
          </ac:cxnSpMkLst>
        </pc:cxnChg>
        <pc:cxnChg chg="add mod">
          <ac:chgData name="Daly Donnacha HSLU I" userId="0f22e960-400a-43ff-baeb-4828c8f5cd3a" providerId="ADAL" clId="{55F1696D-224E-654D-8EE7-4CBBA757AA04}" dt="2021-03-26T06:42:18.437" v="6276" actId="1038"/>
          <ac:cxnSpMkLst>
            <pc:docMk/>
            <pc:sldMk cId="621026914" sldId="552"/>
            <ac:cxnSpMk id="106" creationId="{9D753E9F-EF15-4A45-A956-07A7E5748B5B}"/>
          </ac:cxnSpMkLst>
        </pc:cxnChg>
        <pc:cxnChg chg="add mod">
          <ac:chgData name="Daly Donnacha HSLU I" userId="0f22e960-400a-43ff-baeb-4828c8f5cd3a" providerId="ADAL" clId="{55F1696D-224E-654D-8EE7-4CBBA757AA04}" dt="2021-03-26T06:42:18.437" v="6276" actId="1038"/>
          <ac:cxnSpMkLst>
            <pc:docMk/>
            <pc:sldMk cId="621026914" sldId="552"/>
            <ac:cxnSpMk id="114" creationId="{641D25EB-7342-2C4B-83D0-7673D3280C34}"/>
          </ac:cxnSpMkLst>
        </pc:cxnChg>
        <pc:cxnChg chg="add mod">
          <ac:chgData name="Daly Donnacha HSLU I" userId="0f22e960-400a-43ff-baeb-4828c8f5cd3a" providerId="ADAL" clId="{55F1696D-224E-654D-8EE7-4CBBA757AA04}" dt="2021-03-26T06:42:18.437" v="6276" actId="1038"/>
          <ac:cxnSpMkLst>
            <pc:docMk/>
            <pc:sldMk cId="621026914" sldId="552"/>
            <ac:cxnSpMk id="115" creationId="{177950D8-7307-0C4C-BB71-1BB67ABFFA8C}"/>
          </ac:cxnSpMkLst>
        </pc:cxnChg>
        <pc:cxnChg chg="add mod">
          <ac:chgData name="Daly Donnacha HSLU I" userId="0f22e960-400a-43ff-baeb-4828c8f5cd3a" providerId="ADAL" clId="{55F1696D-224E-654D-8EE7-4CBBA757AA04}" dt="2021-03-26T06:43:02.629" v="6285" actId="14100"/>
          <ac:cxnSpMkLst>
            <pc:docMk/>
            <pc:sldMk cId="621026914" sldId="552"/>
            <ac:cxnSpMk id="117" creationId="{BFDD17DF-468C-DA4F-A95B-248D97567190}"/>
          </ac:cxnSpMkLst>
        </pc:cxnChg>
      </pc:sldChg>
      <pc:sldChg chg="addSp delSp modSp add mod ord">
        <pc:chgData name="Daly Donnacha HSLU I" userId="0f22e960-400a-43ff-baeb-4828c8f5cd3a" providerId="ADAL" clId="{55F1696D-224E-654D-8EE7-4CBBA757AA04}" dt="2021-03-26T12:24:34.449" v="12248" actId="1036"/>
        <pc:sldMkLst>
          <pc:docMk/>
          <pc:sldMk cId="1630966503" sldId="553"/>
        </pc:sldMkLst>
        <pc:spChg chg="mod">
          <ac:chgData name="Daly Donnacha HSLU I" userId="0f22e960-400a-43ff-baeb-4828c8f5cd3a" providerId="ADAL" clId="{55F1696D-224E-654D-8EE7-4CBBA757AA04}" dt="2021-03-26T06:33:14.162" v="5917" actId="20577"/>
          <ac:spMkLst>
            <pc:docMk/>
            <pc:sldMk cId="1630966503" sldId="553"/>
            <ac:spMk id="2" creationId="{4563E598-7568-384F-8352-40E17381E391}"/>
          </ac:spMkLst>
        </pc:spChg>
        <pc:spChg chg="del mod">
          <ac:chgData name="Daly Donnacha HSLU I" userId="0f22e960-400a-43ff-baeb-4828c8f5cd3a" providerId="ADAL" clId="{55F1696D-224E-654D-8EE7-4CBBA757AA04}" dt="2021-03-26T06:26:05.406" v="5784" actId="478"/>
          <ac:spMkLst>
            <pc:docMk/>
            <pc:sldMk cId="1630966503" sldId="553"/>
            <ac:spMk id="5" creationId="{32436A9B-A4D5-E245-923E-64DC3CE43B37}"/>
          </ac:spMkLst>
        </pc:spChg>
        <pc:spChg chg="mod">
          <ac:chgData name="Daly Donnacha HSLU I" userId="0f22e960-400a-43ff-baeb-4828c8f5cd3a" providerId="ADAL" clId="{55F1696D-224E-654D-8EE7-4CBBA757AA04}" dt="2021-03-26T12:24:25.441" v="12243" actId="5793"/>
          <ac:spMkLst>
            <pc:docMk/>
            <pc:sldMk cId="1630966503" sldId="553"/>
            <ac:spMk id="6" creationId="{9BBA9EF6-0DAC-DE4B-B8FB-AEF04B75A634}"/>
          </ac:spMkLst>
        </pc:spChg>
        <pc:spChg chg="mod">
          <ac:chgData name="Daly Donnacha HSLU I" userId="0f22e960-400a-43ff-baeb-4828c8f5cd3a" providerId="ADAL" clId="{55F1696D-224E-654D-8EE7-4CBBA757AA04}" dt="2021-03-26T06:34:11.089" v="5962" actId="16959"/>
          <ac:spMkLst>
            <pc:docMk/>
            <pc:sldMk cId="1630966503" sldId="553"/>
            <ac:spMk id="7" creationId="{0F2CBC96-AC4A-8244-B060-A546BADA1103}"/>
          </ac:spMkLst>
        </pc:spChg>
        <pc:spChg chg="mod">
          <ac:chgData name="Daly Donnacha HSLU I" userId="0f22e960-400a-43ff-baeb-4828c8f5cd3a" providerId="ADAL" clId="{55F1696D-224E-654D-8EE7-4CBBA757AA04}" dt="2021-03-26T06:34:37.991" v="5967" actId="1076"/>
          <ac:spMkLst>
            <pc:docMk/>
            <pc:sldMk cId="1630966503" sldId="553"/>
            <ac:spMk id="8" creationId="{6A412827-3109-D342-A26A-BECA73C695CF}"/>
          </ac:spMkLst>
        </pc:spChg>
        <pc:spChg chg="del mod">
          <ac:chgData name="Daly Donnacha HSLU I" userId="0f22e960-400a-43ff-baeb-4828c8f5cd3a" providerId="ADAL" clId="{55F1696D-224E-654D-8EE7-4CBBA757AA04}" dt="2021-03-26T06:31:04.894" v="5873" actId="478"/>
          <ac:spMkLst>
            <pc:docMk/>
            <pc:sldMk cId="1630966503" sldId="553"/>
            <ac:spMk id="9" creationId="{F1ADDB52-E683-9C46-A845-11694B606335}"/>
          </ac:spMkLst>
        </pc:spChg>
        <pc:spChg chg="del mod">
          <ac:chgData name="Daly Donnacha HSLU I" userId="0f22e960-400a-43ff-baeb-4828c8f5cd3a" providerId="ADAL" clId="{55F1696D-224E-654D-8EE7-4CBBA757AA04}" dt="2021-03-26T06:26:02.218" v="5783" actId="478"/>
          <ac:spMkLst>
            <pc:docMk/>
            <pc:sldMk cId="1630966503" sldId="553"/>
            <ac:spMk id="10" creationId="{1E12AA92-0464-EA4D-978B-A6551E7E1553}"/>
          </ac:spMkLst>
        </pc:spChg>
        <pc:spChg chg="del mod">
          <ac:chgData name="Daly Donnacha HSLU I" userId="0f22e960-400a-43ff-baeb-4828c8f5cd3a" providerId="ADAL" clId="{55F1696D-224E-654D-8EE7-4CBBA757AA04}" dt="2021-03-26T06:26:02.218" v="5783" actId="478"/>
          <ac:spMkLst>
            <pc:docMk/>
            <pc:sldMk cId="1630966503" sldId="553"/>
            <ac:spMk id="11" creationId="{2FC07867-1124-C046-A924-0576E6D323F0}"/>
          </ac:spMkLst>
        </pc:spChg>
        <pc:spChg chg="del">
          <ac:chgData name="Daly Donnacha HSLU I" userId="0f22e960-400a-43ff-baeb-4828c8f5cd3a" providerId="ADAL" clId="{55F1696D-224E-654D-8EE7-4CBBA757AA04}" dt="2021-03-26T06:26:02.218" v="5783" actId="478"/>
          <ac:spMkLst>
            <pc:docMk/>
            <pc:sldMk cId="1630966503" sldId="553"/>
            <ac:spMk id="12" creationId="{7483E61D-33DF-DA49-87E2-F7EFF43CA319}"/>
          </ac:spMkLst>
        </pc:spChg>
        <pc:spChg chg="del">
          <ac:chgData name="Daly Donnacha HSLU I" userId="0f22e960-400a-43ff-baeb-4828c8f5cd3a" providerId="ADAL" clId="{55F1696D-224E-654D-8EE7-4CBBA757AA04}" dt="2021-03-26T06:26:02.218" v="5783" actId="478"/>
          <ac:spMkLst>
            <pc:docMk/>
            <pc:sldMk cId="1630966503" sldId="553"/>
            <ac:spMk id="13" creationId="{BA655FFD-AAE4-A843-8F83-07BF6E2505CC}"/>
          </ac:spMkLst>
        </pc:spChg>
        <pc:spChg chg="del">
          <ac:chgData name="Daly Donnacha HSLU I" userId="0f22e960-400a-43ff-baeb-4828c8f5cd3a" providerId="ADAL" clId="{55F1696D-224E-654D-8EE7-4CBBA757AA04}" dt="2021-03-26T06:26:02.218" v="5783" actId="478"/>
          <ac:spMkLst>
            <pc:docMk/>
            <pc:sldMk cId="1630966503" sldId="553"/>
            <ac:spMk id="16" creationId="{19DBC2B3-2641-E641-9030-62D88FC41DEA}"/>
          </ac:spMkLst>
        </pc:spChg>
        <pc:spChg chg="add mod">
          <ac:chgData name="Daly Donnacha HSLU I" userId="0f22e960-400a-43ff-baeb-4828c8f5cd3a" providerId="ADAL" clId="{55F1696D-224E-654D-8EE7-4CBBA757AA04}" dt="2021-03-26T12:24:34.449" v="12248" actId="1036"/>
          <ac:spMkLst>
            <pc:docMk/>
            <pc:sldMk cId="1630966503" sldId="553"/>
            <ac:spMk id="29" creationId="{7AFD31C7-6EF6-254B-A540-A4C679ED0CC1}"/>
          </ac:spMkLst>
        </pc:spChg>
        <pc:spChg chg="del mod">
          <ac:chgData name="Daly Donnacha HSLU I" userId="0f22e960-400a-43ff-baeb-4828c8f5cd3a" providerId="ADAL" clId="{55F1696D-224E-654D-8EE7-4CBBA757AA04}" dt="2021-03-26T06:25:52.277" v="5780" actId="478"/>
          <ac:spMkLst>
            <pc:docMk/>
            <pc:sldMk cId="1630966503" sldId="553"/>
            <ac:spMk id="34" creationId="{E29F39D7-EBBB-5F44-B55C-04C60FD02F8A}"/>
          </ac:spMkLst>
        </pc:spChg>
        <pc:cxnChg chg="del mod">
          <ac:chgData name="Daly Donnacha HSLU I" userId="0f22e960-400a-43ff-baeb-4828c8f5cd3a" providerId="ADAL" clId="{55F1696D-224E-654D-8EE7-4CBBA757AA04}" dt="2021-03-26T06:26:02.218" v="5783" actId="478"/>
          <ac:cxnSpMkLst>
            <pc:docMk/>
            <pc:sldMk cId="1630966503" sldId="553"/>
            <ac:cxnSpMk id="17" creationId="{D9935B74-9A04-7247-A995-8BB604E6BE9B}"/>
          </ac:cxnSpMkLst>
        </pc:cxnChg>
        <pc:cxnChg chg="del mod">
          <ac:chgData name="Daly Donnacha HSLU I" userId="0f22e960-400a-43ff-baeb-4828c8f5cd3a" providerId="ADAL" clId="{55F1696D-224E-654D-8EE7-4CBBA757AA04}" dt="2021-03-26T06:26:02.218" v="5783" actId="478"/>
          <ac:cxnSpMkLst>
            <pc:docMk/>
            <pc:sldMk cId="1630966503" sldId="553"/>
            <ac:cxnSpMk id="18" creationId="{75C96A9C-9D88-4748-8D18-4F3A40E56F9D}"/>
          </ac:cxnSpMkLst>
        </pc:cxnChg>
        <pc:cxnChg chg="del mod">
          <ac:chgData name="Daly Donnacha HSLU I" userId="0f22e960-400a-43ff-baeb-4828c8f5cd3a" providerId="ADAL" clId="{55F1696D-224E-654D-8EE7-4CBBA757AA04}" dt="2021-03-26T06:25:56.707" v="5782" actId="478"/>
          <ac:cxnSpMkLst>
            <pc:docMk/>
            <pc:sldMk cId="1630966503" sldId="553"/>
            <ac:cxnSpMk id="28" creationId="{D1A18ABD-AF51-8D4A-B10E-1DCA1FAED6BC}"/>
          </ac:cxnSpMkLst>
        </pc:cxnChg>
        <pc:cxnChg chg="del mod">
          <ac:chgData name="Daly Donnacha HSLU I" userId="0f22e960-400a-43ff-baeb-4828c8f5cd3a" providerId="ADAL" clId="{55F1696D-224E-654D-8EE7-4CBBA757AA04}" dt="2021-03-26T06:26:02.218" v="5783" actId="478"/>
          <ac:cxnSpMkLst>
            <pc:docMk/>
            <pc:sldMk cId="1630966503" sldId="553"/>
            <ac:cxnSpMk id="31" creationId="{DA7478A4-9EB2-E845-99D4-8171ECB539A0}"/>
          </ac:cxnSpMkLst>
        </pc:cxnChg>
        <pc:cxnChg chg="del mod">
          <ac:chgData name="Daly Donnacha HSLU I" userId="0f22e960-400a-43ff-baeb-4828c8f5cd3a" providerId="ADAL" clId="{55F1696D-224E-654D-8EE7-4CBBA757AA04}" dt="2021-03-26T06:25:52.277" v="5780" actId="478"/>
          <ac:cxnSpMkLst>
            <pc:docMk/>
            <pc:sldMk cId="1630966503" sldId="553"/>
            <ac:cxnSpMk id="35" creationId="{8EE20BD6-8D05-DA49-A7E4-97E95BCDEECA}"/>
          </ac:cxnSpMkLst>
        </pc:cxnChg>
        <pc:cxnChg chg="del">
          <ac:chgData name="Daly Donnacha HSLU I" userId="0f22e960-400a-43ff-baeb-4828c8f5cd3a" providerId="ADAL" clId="{55F1696D-224E-654D-8EE7-4CBBA757AA04}" dt="2021-03-26T06:25:54.820" v="5781" actId="478"/>
          <ac:cxnSpMkLst>
            <pc:docMk/>
            <pc:sldMk cId="1630966503" sldId="553"/>
            <ac:cxnSpMk id="36" creationId="{AB433C75-5195-8441-BB98-1B73B9990AFF}"/>
          </ac:cxnSpMkLst>
        </pc:cxnChg>
      </pc:sldChg>
      <pc:sldChg chg="delSp modSp add mod">
        <pc:chgData name="Daly Donnacha HSLU I" userId="0f22e960-400a-43ff-baeb-4828c8f5cd3a" providerId="ADAL" clId="{55F1696D-224E-654D-8EE7-4CBBA757AA04}" dt="2021-03-26T08:42:11.308" v="8940" actId="1076"/>
        <pc:sldMkLst>
          <pc:docMk/>
          <pc:sldMk cId="3367364477" sldId="554"/>
        </pc:sldMkLst>
        <pc:spChg chg="mod">
          <ac:chgData name="Daly Donnacha HSLU I" userId="0f22e960-400a-43ff-baeb-4828c8f5cd3a" providerId="ADAL" clId="{55F1696D-224E-654D-8EE7-4CBBA757AA04}" dt="2021-03-26T08:40:29.110" v="8910" actId="20577"/>
          <ac:spMkLst>
            <pc:docMk/>
            <pc:sldMk cId="3367364477" sldId="554"/>
            <ac:spMk id="2" creationId="{B4AF49EB-2B01-A64E-AFB0-7B8C9B19F5B6}"/>
          </ac:spMkLst>
        </pc:spChg>
        <pc:spChg chg="del">
          <ac:chgData name="Daly Donnacha HSLU I" userId="0f22e960-400a-43ff-baeb-4828c8f5cd3a" providerId="ADAL" clId="{55F1696D-224E-654D-8EE7-4CBBA757AA04}" dt="2021-03-26T08:40:41.850" v="8911" actId="478"/>
          <ac:spMkLst>
            <pc:docMk/>
            <pc:sldMk cId="3367364477" sldId="554"/>
            <ac:spMk id="5" creationId="{59F174C4-874D-0E4B-A9B9-1C353393BF40}"/>
          </ac:spMkLst>
        </pc:spChg>
        <pc:spChg chg="mod">
          <ac:chgData name="Daly Donnacha HSLU I" userId="0f22e960-400a-43ff-baeb-4828c8f5cd3a" providerId="ADAL" clId="{55F1696D-224E-654D-8EE7-4CBBA757AA04}" dt="2021-03-26T08:42:11.308" v="8940" actId="1076"/>
          <ac:spMkLst>
            <pc:docMk/>
            <pc:sldMk cId="3367364477" sldId="554"/>
            <ac:spMk id="6" creationId="{BE02D20B-0C89-2145-A441-13C7EA3BE35D}"/>
          </ac:spMkLst>
        </pc:spChg>
        <pc:spChg chg="mod">
          <ac:chgData name="Daly Donnacha HSLU I" userId="0f22e960-400a-43ff-baeb-4828c8f5cd3a" providerId="ADAL" clId="{55F1696D-224E-654D-8EE7-4CBBA757AA04}" dt="2021-03-26T08:42:06.856" v="8939" actId="1076"/>
          <ac:spMkLst>
            <pc:docMk/>
            <pc:sldMk cId="3367364477" sldId="554"/>
            <ac:spMk id="7" creationId="{7D6985BA-7285-664A-8B48-D1C32A413826}"/>
          </ac:spMkLst>
        </pc:spChg>
      </pc:sldChg>
      <pc:sldChg chg="add del">
        <pc:chgData name="Daly Donnacha HSLU I" userId="0f22e960-400a-43ff-baeb-4828c8f5cd3a" providerId="ADAL" clId="{55F1696D-224E-654D-8EE7-4CBBA757AA04}" dt="2021-03-26T09:47:59.699" v="10235"/>
        <pc:sldMkLst>
          <pc:docMk/>
          <pc:sldMk cId="643997641" sldId="555"/>
        </pc:sldMkLst>
      </pc:sldChg>
      <pc:sldChg chg="delSp modSp add mod">
        <pc:chgData name="Daly Donnacha HSLU I" userId="0f22e960-400a-43ff-baeb-4828c8f5cd3a" providerId="ADAL" clId="{55F1696D-224E-654D-8EE7-4CBBA757AA04}" dt="2021-03-26T12:28:15.660" v="12250" actId="478"/>
        <pc:sldMkLst>
          <pc:docMk/>
          <pc:sldMk cId="2707508392" sldId="555"/>
        </pc:sldMkLst>
        <pc:spChg chg="mod">
          <ac:chgData name="Daly Donnacha HSLU I" userId="0f22e960-400a-43ff-baeb-4828c8f5cd3a" providerId="ADAL" clId="{55F1696D-224E-654D-8EE7-4CBBA757AA04}" dt="2021-03-26T11:32:42.059" v="12000" actId="6549"/>
          <ac:spMkLst>
            <pc:docMk/>
            <pc:sldMk cId="2707508392" sldId="555"/>
            <ac:spMk id="2" creationId="{45F53726-295C-7B45-A9DF-85AB9AAA2D1E}"/>
          </ac:spMkLst>
        </pc:spChg>
        <pc:spChg chg="del mod">
          <ac:chgData name="Daly Donnacha HSLU I" userId="0f22e960-400a-43ff-baeb-4828c8f5cd3a" providerId="ADAL" clId="{55F1696D-224E-654D-8EE7-4CBBA757AA04}" dt="2021-03-26T12:28:15.660" v="12250" actId="478"/>
          <ac:spMkLst>
            <pc:docMk/>
            <pc:sldMk cId="2707508392" sldId="555"/>
            <ac:spMk id="16" creationId="{E488909F-FDCD-BB4F-93D8-AEA32346C67E}"/>
          </ac:spMkLst>
        </pc:spChg>
      </pc:sldChg>
      <pc:sldChg chg="add del">
        <pc:chgData name="Daly Donnacha HSLU I" userId="0f22e960-400a-43ff-baeb-4828c8f5cd3a" providerId="ADAL" clId="{55F1696D-224E-654D-8EE7-4CBBA757AA04}" dt="2021-03-26T09:47:35.610" v="10233" actId="2696"/>
        <pc:sldMkLst>
          <pc:docMk/>
          <pc:sldMk cId="3122432650" sldId="555"/>
        </pc:sldMkLst>
      </pc:sldChg>
      <pc:sldChg chg="modSp add mod">
        <pc:chgData name="Daly Donnacha HSLU I" userId="0f22e960-400a-43ff-baeb-4828c8f5cd3a" providerId="ADAL" clId="{55F1696D-224E-654D-8EE7-4CBBA757AA04}" dt="2021-03-26T11:33:03.283" v="12002" actId="6549"/>
        <pc:sldMkLst>
          <pc:docMk/>
          <pc:sldMk cId="212761557" sldId="556"/>
        </pc:sldMkLst>
        <pc:spChg chg="mod">
          <ac:chgData name="Daly Donnacha HSLU I" userId="0f22e960-400a-43ff-baeb-4828c8f5cd3a" providerId="ADAL" clId="{55F1696D-224E-654D-8EE7-4CBBA757AA04}" dt="2021-03-26T11:33:03.283" v="12002" actId="6549"/>
          <ac:spMkLst>
            <pc:docMk/>
            <pc:sldMk cId="212761557" sldId="556"/>
            <ac:spMk id="2" creationId="{45F53726-295C-7B45-A9DF-85AB9AAA2D1E}"/>
          </ac:spMkLst>
        </pc:spChg>
      </pc:sldChg>
      <pc:sldChg chg="add del">
        <pc:chgData name="Daly Donnacha HSLU I" userId="0f22e960-400a-43ff-baeb-4828c8f5cd3a" providerId="ADAL" clId="{55F1696D-224E-654D-8EE7-4CBBA757AA04}" dt="2021-03-26T09:47:35.610" v="10233" actId="2696"/>
        <pc:sldMkLst>
          <pc:docMk/>
          <pc:sldMk cId="1875786759" sldId="556"/>
        </pc:sldMkLst>
      </pc:sldChg>
      <pc:sldChg chg="add del">
        <pc:chgData name="Daly Donnacha HSLU I" userId="0f22e960-400a-43ff-baeb-4828c8f5cd3a" providerId="ADAL" clId="{55F1696D-224E-654D-8EE7-4CBBA757AA04}" dt="2021-03-26T09:47:59.699" v="10235"/>
        <pc:sldMkLst>
          <pc:docMk/>
          <pc:sldMk cId="3299654114" sldId="556"/>
        </pc:sldMkLst>
      </pc:sldChg>
      <pc:sldChg chg="add del">
        <pc:chgData name="Daly Donnacha HSLU I" userId="0f22e960-400a-43ff-baeb-4828c8f5cd3a" providerId="ADAL" clId="{55F1696D-224E-654D-8EE7-4CBBA757AA04}" dt="2021-03-26T09:47:59.699" v="10235"/>
        <pc:sldMkLst>
          <pc:docMk/>
          <pc:sldMk cId="603997390" sldId="557"/>
        </pc:sldMkLst>
      </pc:sldChg>
      <pc:sldChg chg="add del">
        <pc:chgData name="Daly Donnacha HSLU I" userId="0f22e960-400a-43ff-baeb-4828c8f5cd3a" providerId="ADAL" clId="{55F1696D-224E-654D-8EE7-4CBBA757AA04}" dt="2021-03-26T09:47:35.610" v="10233" actId="2696"/>
        <pc:sldMkLst>
          <pc:docMk/>
          <pc:sldMk cId="772167905" sldId="557"/>
        </pc:sldMkLst>
      </pc:sldChg>
      <pc:sldChg chg="modSp add del mod">
        <pc:chgData name="Daly Donnacha HSLU I" userId="0f22e960-400a-43ff-baeb-4828c8f5cd3a" providerId="ADAL" clId="{55F1696D-224E-654D-8EE7-4CBBA757AA04}" dt="2021-03-26T12:13:40.499" v="12172" actId="2696"/>
        <pc:sldMkLst>
          <pc:docMk/>
          <pc:sldMk cId="1725637689" sldId="557"/>
        </pc:sldMkLst>
        <pc:spChg chg="mod">
          <ac:chgData name="Daly Donnacha HSLU I" userId="0f22e960-400a-43ff-baeb-4828c8f5cd3a" providerId="ADAL" clId="{55F1696D-224E-654D-8EE7-4CBBA757AA04}" dt="2021-03-26T11:32:55.690" v="12001" actId="6549"/>
          <ac:spMkLst>
            <pc:docMk/>
            <pc:sldMk cId="1725637689" sldId="557"/>
            <ac:spMk id="2" creationId="{45F53726-295C-7B45-A9DF-85AB9AAA2D1E}"/>
          </ac:spMkLst>
        </pc:spChg>
      </pc:sldChg>
      <pc:sldChg chg="add del">
        <pc:chgData name="Daly Donnacha HSLU I" userId="0f22e960-400a-43ff-baeb-4828c8f5cd3a" providerId="ADAL" clId="{55F1696D-224E-654D-8EE7-4CBBA757AA04}" dt="2021-03-26T09:47:35.610" v="10233" actId="2696"/>
        <pc:sldMkLst>
          <pc:docMk/>
          <pc:sldMk cId="1537459638" sldId="558"/>
        </pc:sldMkLst>
      </pc:sldChg>
      <pc:sldChg chg="add del">
        <pc:chgData name="Daly Donnacha HSLU I" userId="0f22e960-400a-43ff-baeb-4828c8f5cd3a" providerId="ADAL" clId="{55F1696D-224E-654D-8EE7-4CBBA757AA04}" dt="2021-03-26T09:47:59.699" v="10235"/>
        <pc:sldMkLst>
          <pc:docMk/>
          <pc:sldMk cId="1688205777" sldId="558"/>
        </pc:sldMkLst>
      </pc:sldChg>
      <pc:sldChg chg="modSp add mod">
        <pc:chgData name="Daly Donnacha HSLU I" userId="0f22e960-400a-43ff-baeb-4828c8f5cd3a" providerId="ADAL" clId="{55F1696D-224E-654D-8EE7-4CBBA757AA04}" dt="2021-03-26T12:16:19.779" v="12208" actId="403"/>
        <pc:sldMkLst>
          <pc:docMk/>
          <pc:sldMk cId="2879734295" sldId="558"/>
        </pc:sldMkLst>
        <pc:spChg chg="mod">
          <ac:chgData name="Daly Donnacha HSLU I" userId="0f22e960-400a-43ff-baeb-4828c8f5cd3a" providerId="ADAL" clId="{55F1696D-224E-654D-8EE7-4CBBA757AA04}" dt="2021-03-26T12:15:48.016" v="12202" actId="6549"/>
          <ac:spMkLst>
            <pc:docMk/>
            <pc:sldMk cId="2879734295" sldId="558"/>
            <ac:spMk id="2" creationId="{3CE6F905-C396-2346-86CC-C511B95F0651}"/>
          </ac:spMkLst>
        </pc:spChg>
        <pc:spChg chg="mod">
          <ac:chgData name="Daly Donnacha HSLU I" userId="0f22e960-400a-43ff-baeb-4828c8f5cd3a" providerId="ADAL" clId="{55F1696D-224E-654D-8EE7-4CBBA757AA04}" dt="2021-03-26T12:16:19.779" v="12208" actId="403"/>
          <ac:spMkLst>
            <pc:docMk/>
            <pc:sldMk cId="2879734295" sldId="558"/>
            <ac:spMk id="18" creationId="{43284937-A86B-BB4C-B735-40E2F9A0A2F4}"/>
          </ac:spMkLst>
        </pc:spChg>
      </pc:sldChg>
      <pc:sldChg chg="modSp add mod">
        <pc:chgData name="Daly Donnacha HSLU I" userId="0f22e960-400a-43ff-baeb-4828c8f5cd3a" providerId="ADAL" clId="{55F1696D-224E-654D-8EE7-4CBBA757AA04}" dt="2021-03-26T12:16:24.351" v="12209" actId="403"/>
        <pc:sldMkLst>
          <pc:docMk/>
          <pc:sldMk cId="127471506" sldId="559"/>
        </pc:sldMkLst>
        <pc:spChg chg="mod">
          <ac:chgData name="Daly Donnacha HSLU I" userId="0f22e960-400a-43ff-baeb-4828c8f5cd3a" providerId="ADAL" clId="{55F1696D-224E-654D-8EE7-4CBBA757AA04}" dt="2021-03-26T12:15:58.523" v="12203" actId="6549"/>
          <ac:spMkLst>
            <pc:docMk/>
            <pc:sldMk cId="127471506" sldId="559"/>
            <ac:spMk id="2" creationId="{3CE6F905-C396-2346-86CC-C511B95F0651}"/>
          </ac:spMkLst>
        </pc:spChg>
        <pc:spChg chg="mod">
          <ac:chgData name="Daly Donnacha HSLU I" userId="0f22e960-400a-43ff-baeb-4828c8f5cd3a" providerId="ADAL" clId="{55F1696D-224E-654D-8EE7-4CBBA757AA04}" dt="2021-03-26T12:16:24.351" v="12209" actId="403"/>
          <ac:spMkLst>
            <pc:docMk/>
            <pc:sldMk cId="127471506" sldId="559"/>
            <ac:spMk id="18" creationId="{43284937-A86B-BB4C-B735-40E2F9A0A2F4}"/>
          </ac:spMkLst>
        </pc:spChg>
      </pc:sldChg>
      <pc:sldChg chg="add del">
        <pc:chgData name="Daly Donnacha HSLU I" userId="0f22e960-400a-43ff-baeb-4828c8f5cd3a" providerId="ADAL" clId="{55F1696D-224E-654D-8EE7-4CBBA757AA04}" dt="2021-03-26T09:47:35.610" v="10233" actId="2696"/>
        <pc:sldMkLst>
          <pc:docMk/>
          <pc:sldMk cId="320473561" sldId="559"/>
        </pc:sldMkLst>
      </pc:sldChg>
      <pc:sldChg chg="add del">
        <pc:chgData name="Daly Donnacha HSLU I" userId="0f22e960-400a-43ff-baeb-4828c8f5cd3a" providerId="ADAL" clId="{55F1696D-224E-654D-8EE7-4CBBA757AA04}" dt="2021-03-26T09:47:59.699" v="10235"/>
        <pc:sldMkLst>
          <pc:docMk/>
          <pc:sldMk cId="1511244968" sldId="559"/>
        </pc:sldMkLst>
      </pc:sldChg>
      <pc:sldChg chg="add del">
        <pc:chgData name="Daly Donnacha HSLU I" userId="0f22e960-400a-43ff-baeb-4828c8f5cd3a" providerId="ADAL" clId="{55F1696D-224E-654D-8EE7-4CBBA757AA04}" dt="2021-03-26T11:33:29.598" v="12003" actId="2696"/>
        <pc:sldMkLst>
          <pc:docMk/>
          <pc:sldMk cId="1270413898" sldId="560"/>
        </pc:sldMkLst>
      </pc:sldChg>
      <pc:sldChg chg="add del">
        <pc:chgData name="Daly Donnacha HSLU I" userId="0f22e960-400a-43ff-baeb-4828c8f5cd3a" providerId="ADAL" clId="{55F1696D-224E-654D-8EE7-4CBBA757AA04}" dt="2021-03-26T09:47:35.610" v="10233" actId="2696"/>
        <pc:sldMkLst>
          <pc:docMk/>
          <pc:sldMk cId="2620039926" sldId="560"/>
        </pc:sldMkLst>
      </pc:sldChg>
      <pc:sldChg chg="add del">
        <pc:chgData name="Daly Donnacha HSLU I" userId="0f22e960-400a-43ff-baeb-4828c8f5cd3a" providerId="ADAL" clId="{55F1696D-224E-654D-8EE7-4CBBA757AA04}" dt="2021-03-26T09:47:59.699" v="10235"/>
        <pc:sldMkLst>
          <pc:docMk/>
          <pc:sldMk cId="2895851549" sldId="560"/>
        </pc:sldMkLst>
      </pc:sldChg>
      <pc:sldChg chg="delSp add del">
        <pc:chgData name="Daly Donnacha HSLU I" userId="0f22e960-400a-43ff-baeb-4828c8f5cd3a" providerId="ADAL" clId="{55F1696D-224E-654D-8EE7-4CBBA757AA04}" dt="2021-03-25T16:31:04.237" v="3307" actId="2696"/>
        <pc:sldMkLst>
          <pc:docMk/>
          <pc:sldMk cId="4294579109" sldId="561"/>
        </pc:sldMkLst>
        <pc:spChg chg="del">
          <ac:chgData name="Daly Donnacha HSLU I" userId="0f22e960-400a-43ff-baeb-4828c8f5cd3a" providerId="ADAL" clId="{55F1696D-224E-654D-8EE7-4CBBA757AA04}" dt="2021-03-22T11:33:45.743" v="347" actId="21"/>
          <ac:spMkLst>
            <pc:docMk/>
            <pc:sldMk cId="4294579109" sldId="561"/>
            <ac:spMk id="3" creationId="{9E01CEC9-6999-E940-8906-4EE65C341BE2}"/>
          </ac:spMkLst>
        </pc:spChg>
        <pc:spChg chg="del">
          <ac:chgData name="Daly Donnacha HSLU I" userId="0f22e960-400a-43ff-baeb-4828c8f5cd3a" providerId="ADAL" clId="{55F1696D-224E-654D-8EE7-4CBBA757AA04}" dt="2021-03-22T11:33:45.743" v="347" actId="21"/>
          <ac:spMkLst>
            <pc:docMk/>
            <pc:sldMk cId="4294579109" sldId="561"/>
            <ac:spMk id="5" creationId="{20A2A227-EBA8-6F40-802F-B89714D358C4}"/>
          </ac:spMkLst>
        </pc:spChg>
        <pc:spChg chg="del">
          <ac:chgData name="Daly Donnacha HSLU I" userId="0f22e960-400a-43ff-baeb-4828c8f5cd3a" providerId="ADAL" clId="{55F1696D-224E-654D-8EE7-4CBBA757AA04}" dt="2021-03-22T11:33:45.743" v="347" actId="21"/>
          <ac:spMkLst>
            <pc:docMk/>
            <pc:sldMk cId="4294579109" sldId="561"/>
            <ac:spMk id="7" creationId="{7D7DFCB6-B50D-DE4A-AFD2-303289A52F2D}"/>
          </ac:spMkLst>
        </pc:spChg>
        <pc:picChg chg="del">
          <ac:chgData name="Daly Donnacha HSLU I" userId="0f22e960-400a-43ff-baeb-4828c8f5cd3a" providerId="ADAL" clId="{55F1696D-224E-654D-8EE7-4CBBA757AA04}" dt="2021-03-22T11:33:45.743" v="347" actId="21"/>
          <ac:picMkLst>
            <pc:docMk/>
            <pc:sldMk cId="4294579109" sldId="561"/>
            <ac:picMk id="4" creationId="{E5B73DF2-1DF5-A246-86C0-19AE2E785E08}"/>
          </ac:picMkLst>
        </pc:picChg>
        <pc:picChg chg="del">
          <ac:chgData name="Daly Donnacha HSLU I" userId="0f22e960-400a-43ff-baeb-4828c8f5cd3a" providerId="ADAL" clId="{55F1696D-224E-654D-8EE7-4CBBA757AA04}" dt="2021-03-22T11:33:45.743" v="347" actId="21"/>
          <ac:picMkLst>
            <pc:docMk/>
            <pc:sldMk cId="4294579109" sldId="561"/>
            <ac:picMk id="5122" creationId="{F4C86879-26AB-F04B-8607-7D1B4FDD1E2C}"/>
          </ac:picMkLst>
        </pc:picChg>
      </pc:sldChg>
      <pc:sldChg chg="add del">
        <pc:chgData name="Daly Donnacha HSLU I" userId="0f22e960-400a-43ff-baeb-4828c8f5cd3a" providerId="ADAL" clId="{55F1696D-224E-654D-8EE7-4CBBA757AA04}" dt="2021-03-26T08:42:41.195" v="8943" actId="2696"/>
        <pc:sldMkLst>
          <pc:docMk/>
          <pc:sldMk cId="412259574" sldId="563"/>
        </pc:sldMkLst>
      </pc:sldChg>
      <pc:sldChg chg="add del">
        <pc:chgData name="Daly Donnacha HSLU I" userId="0f22e960-400a-43ff-baeb-4828c8f5cd3a" providerId="ADAL" clId="{55F1696D-224E-654D-8EE7-4CBBA757AA04}" dt="2021-03-26T08:42:26.970" v="8941" actId="2696"/>
        <pc:sldMkLst>
          <pc:docMk/>
          <pc:sldMk cId="1012353207" sldId="563"/>
        </pc:sldMkLst>
      </pc:sldChg>
      <pc:sldChg chg="modSp add mod">
        <pc:chgData name="Daly Donnacha HSLU I" userId="0f22e960-400a-43ff-baeb-4828c8f5cd3a" providerId="ADAL" clId="{55F1696D-224E-654D-8EE7-4CBBA757AA04}" dt="2021-03-26T11:22:26.180" v="11940" actId="1076"/>
        <pc:sldMkLst>
          <pc:docMk/>
          <pc:sldMk cId="2893776034" sldId="564"/>
        </pc:sldMkLst>
        <pc:spChg chg="mod">
          <ac:chgData name="Daly Donnacha HSLU I" userId="0f22e960-400a-43ff-baeb-4828c8f5cd3a" providerId="ADAL" clId="{55F1696D-224E-654D-8EE7-4CBBA757AA04}" dt="2021-03-26T11:21:51.055" v="11927" actId="20577"/>
          <ac:spMkLst>
            <pc:docMk/>
            <pc:sldMk cId="2893776034" sldId="564"/>
            <ac:spMk id="2" creationId="{E1771B1D-00D8-254A-B479-D6E38E125E01}"/>
          </ac:spMkLst>
        </pc:spChg>
        <pc:picChg chg="mod modCrop">
          <ac:chgData name="Daly Donnacha HSLU I" userId="0f22e960-400a-43ff-baeb-4828c8f5cd3a" providerId="ADAL" clId="{55F1696D-224E-654D-8EE7-4CBBA757AA04}" dt="2021-03-26T11:22:26.180" v="11940" actId="1076"/>
          <ac:picMkLst>
            <pc:docMk/>
            <pc:sldMk cId="2893776034" sldId="564"/>
            <ac:picMk id="3" creationId="{595563AD-5333-4F4B-B5B1-39E46EB7EF69}"/>
          </ac:picMkLst>
        </pc:picChg>
      </pc:sldChg>
      <pc:sldChg chg="addSp modSp new del mod ord">
        <pc:chgData name="Daly Donnacha HSLU I" userId="0f22e960-400a-43ff-baeb-4828c8f5cd3a" providerId="ADAL" clId="{55F1696D-224E-654D-8EE7-4CBBA757AA04}" dt="2021-03-26T09:47:18.759" v="10231" actId="2696"/>
        <pc:sldMkLst>
          <pc:docMk/>
          <pc:sldMk cId="3169389521" sldId="564"/>
        </pc:sldMkLst>
        <pc:picChg chg="add mod">
          <ac:chgData name="Daly Donnacha HSLU I" userId="0f22e960-400a-43ff-baeb-4828c8f5cd3a" providerId="ADAL" clId="{55F1696D-224E-654D-8EE7-4CBBA757AA04}" dt="2021-03-22T11:32:07.394" v="339" actId="1076"/>
          <ac:picMkLst>
            <pc:docMk/>
            <pc:sldMk cId="3169389521" sldId="564"/>
            <ac:picMk id="3" creationId="{595563AD-5333-4F4B-B5B1-39E46EB7EF69}"/>
          </ac:picMkLst>
        </pc:picChg>
      </pc:sldChg>
      <pc:sldChg chg="addSp modSp new del mod ord">
        <pc:chgData name="Daly Donnacha HSLU I" userId="0f22e960-400a-43ff-baeb-4828c8f5cd3a" providerId="ADAL" clId="{55F1696D-224E-654D-8EE7-4CBBA757AA04}" dt="2021-03-26T09:47:18.759" v="10231" actId="2696"/>
        <pc:sldMkLst>
          <pc:docMk/>
          <pc:sldMk cId="2796907232" sldId="565"/>
        </pc:sldMkLst>
        <pc:picChg chg="add mod">
          <ac:chgData name="Daly Donnacha HSLU I" userId="0f22e960-400a-43ff-baeb-4828c8f5cd3a" providerId="ADAL" clId="{55F1696D-224E-654D-8EE7-4CBBA757AA04}" dt="2021-03-22T11:32:31.695" v="342" actId="1076"/>
          <ac:picMkLst>
            <pc:docMk/>
            <pc:sldMk cId="2796907232" sldId="565"/>
            <ac:picMk id="3" creationId="{47032818-99C0-A243-8B2F-42B1D6114DCB}"/>
          </ac:picMkLst>
        </pc:picChg>
      </pc:sldChg>
      <pc:sldChg chg="modSp add del mod">
        <pc:chgData name="Daly Donnacha HSLU I" userId="0f22e960-400a-43ff-baeb-4828c8f5cd3a" providerId="ADAL" clId="{55F1696D-224E-654D-8EE7-4CBBA757AA04}" dt="2021-03-26T12:11:26.548" v="12171" actId="2696"/>
        <pc:sldMkLst>
          <pc:docMk/>
          <pc:sldMk cId="3133416230" sldId="565"/>
        </pc:sldMkLst>
        <pc:spChg chg="mod">
          <ac:chgData name="Daly Donnacha HSLU I" userId="0f22e960-400a-43ff-baeb-4828c8f5cd3a" providerId="ADAL" clId="{55F1696D-224E-654D-8EE7-4CBBA757AA04}" dt="2021-03-26T11:23:23.281" v="11988" actId="6549"/>
          <ac:spMkLst>
            <pc:docMk/>
            <pc:sldMk cId="3133416230" sldId="565"/>
            <ac:spMk id="2" creationId="{19752AB1-B3E1-A346-BF24-8E0162CACC94}"/>
          </ac:spMkLst>
        </pc:spChg>
        <pc:picChg chg="mod modCrop">
          <ac:chgData name="Daly Donnacha HSLU I" userId="0f22e960-400a-43ff-baeb-4828c8f5cd3a" providerId="ADAL" clId="{55F1696D-224E-654D-8EE7-4CBBA757AA04}" dt="2021-03-26T11:24:20.309" v="11998" actId="1076"/>
          <ac:picMkLst>
            <pc:docMk/>
            <pc:sldMk cId="3133416230" sldId="565"/>
            <ac:picMk id="3" creationId="{47032818-99C0-A243-8B2F-42B1D6114DCB}"/>
          </ac:picMkLst>
        </pc:picChg>
      </pc:sldChg>
      <pc:sldChg chg="new del">
        <pc:chgData name="Daly Donnacha HSLU I" userId="0f22e960-400a-43ff-baeb-4828c8f5cd3a" providerId="ADAL" clId="{55F1696D-224E-654D-8EE7-4CBBA757AA04}" dt="2021-03-22T11:32:33.147" v="343" actId="2696"/>
        <pc:sldMkLst>
          <pc:docMk/>
          <pc:sldMk cId="1508223090" sldId="566"/>
        </pc:sldMkLst>
      </pc:sldChg>
      <pc:sldChg chg="addSp delSp modSp new del mod">
        <pc:chgData name="Daly Donnacha HSLU I" userId="0f22e960-400a-43ff-baeb-4828c8f5cd3a" providerId="ADAL" clId="{55F1696D-224E-654D-8EE7-4CBBA757AA04}" dt="2021-03-25T16:26:08.527" v="3272" actId="2696"/>
        <pc:sldMkLst>
          <pc:docMk/>
          <pc:sldMk cId="1367950504" sldId="567"/>
        </pc:sldMkLst>
        <pc:spChg chg="mod">
          <ac:chgData name="Daly Donnacha HSLU I" userId="0f22e960-400a-43ff-baeb-4828c8f5cd3a" providerId="ADAL" clId="{55F1696D-224E-654D-8EE7-4CBBA757AA04}" dt="2021-03-22T11:29:16.817" v="315" actId="20577"/>
          <ac:spMkLst>
            <pc:docMk/>
            <pc:sldMk cId="1367950504" sldId="567"/>
            <ac:spMk id="2" creationId="{64836793-B990-584A-BD35-296F3EAF57B8}"/>
          </ac:spMkLst>
        </pc:spChg>
        <pc:spChg chg="add del mod">
          <ac:chgData name="Daly Donnacha HSLU I" userId="0f22e960-400a-43ff-baeb-4828c8f5cd3a" providerId="ADAL" clId="{55F1696D-224E-654D-8EE7-4CBBA757AA04}" dt="2021-03-22T11:29:56.865" v="324" actId="478"/>
          <ac:spMkLst>
            <pc:docMk/>
            <pc:sldMk cId="1367950504" sldId="567"/>
            <ac:spMk id="5" creationId="{117FAC0E-3F0C-4A49-BF54-5BB68A014CAF}"/>
          </ac:spMkLst>
        </pc:spChg>
        <pc:spChg chg="add del mod">
          <ac:chgData name="Daly Donnacha HSLU I" userId="0f22e960-400a-43ff-baeb-4828c8f5cd3a" providerId="ADAL" clId="{55F1696D-224E-654D-8EE7-4CBBA757AA04}" dt="2021-03-22T11:30:36.751" v="332" actId="478"/>
          <ac:spMkLst>
            <pc:docMk/>
            <pc:sldMk cId="1367950504" sldId="567"/>
            <ac:spMk id="8" creationId="{D33B6B11-068A-194A-9E32-1CD985957193}"/>
          </ac:spMkLst>
        </pc:spChg>
        <pc:picChg chg="add del mod">
          <ac:chgData name="Daly Donnacha HSLU I" userId="0f22e960-400a-43ff-baeb-4828c8f5cd3a" providerId="ADAL" clId="{55F1696D-224E-654D-8EE7-4CBBA757AA04}" dt="2021-03-25T14:01:00.462" v="1728" actId="21"/>
          <ac:picMkLst>
            <pc:docMk/>
            <pc:sldMk cId="1367950504" sldId="567"/>
            <ac:picMk id="3" creationId="{33C8A1A2-317F-9E42-A498-7DCEAF9899A3}"/>
          </ac:picMkLst>
        </pc:picChg>
        <pc:picChg chg="add mod">
          <ac:chgData name="Daly Donnacha HSLU I" userId="0f22e960-400a-43ff-baeb-4828c8f5cd3a" providerId="ADAL" clId="{55F1696D-224E-654D-8EE7-4CBBA757AA04}" dt="2021-03-25T14:03:33.276" v="1786" actId="1076"/>
          <ac:picMkLst>
            <pc:docMk/>
            <pc:sldMk cId="1367950504" sldId="567"/>
            <ac:picMk id="4" creationId="{D1F3147C-A564-7E4C-97C2-3C7D3655C584}"/>
          </ac:picMkLst>
        </pc:picChg>
        <pc:picChg chg="add del mod">
          <ac:chgData name="Daly Donnacha HSLU I" userId="0f22e960-400a-43ff-baeb-4828c8f5cd3a" providerId="ADAL" clId="{55F1696D-224E-654D-8EE7-4CBBA757AA04}" dt="2021-03-25T13:59:39.838" v="1715" actId="21"/>
          <ac:picMkLst>
            <pc:docMk/>
            <pc:sldMk cId="1367950504" sldId="567"/>
            <ac:picMk id="6" creationId="{28C3CF55-4142-F34C-A280-3FBB4BA20805}"/>
          </ac:picMkLst>
        </pc:picChg>
        <pc:picChg chg="add del mod">
          <ac:chgData name="Daly Donnacha HSLU I" userId="0f22e960-400a-43ff-baeb-4828c8f5cd3a" providerId="ADAL" clId="{55F1696D-224E-654D-8EE7-4CBBA757AA04}" dt="2021-03-25T14:03:19.808" v="1782" actId="478"/>
          <ac:picMkLst>
            <pc:docMk/>
            <pc:sldMk cId="1367950504" sldId="567"/>
            <ac:picMk id="7" creationId="{CD5BE54B-E55B-FA4D-9453-1B7272FF63DE}"/>
          </ac:picMkLst>
        </pc:picChg>
        <pc:picChg chg="add del mod">
          <ac:chgData name="Daly Donnacha HSLU I" userId="0f22e960-400a-43ff-baeb-4828c8f5cd3a" providerId="ADAL" clId="{55F1696D-224E-654D-8EE7-4CBBA757AA04}" dt="2021-03-25T14:03:27.759" v="1785" actId="478"/>
          <ac:picMkLst>
            <pc:docMk/>
            <pc:sldMk cId="1367950504" sldId="567"/>
            <ac:picMk id="9" creationId="{72F06B69-2631-C74D-9894-D5603D624433}"/>
          </ac:picMkLst>
        </pc:picChg>
      </pc:sldChg>
      <pc:sldChg chg="addSp modSp add mod">
        <pc:chgData name="Daly Donnacha HSLU I" userId="0f22e960-400a-43ff-baeb-4828c8f5cd3a" providerId="ADAL" clId="{55F1696D-224E-654D-8EE7-4CBBA757AA04}" dt="2021-03-26T09:23:36.137" v="9908" actId="14100"/>
        <pc:sldMkLst>
          <pc:docMk/>
          <pc:sldMk cId="1638380209" sldId="567"/>
        </pc:sldMkLst>
        <pc:spChg chg="mod">
          <ac:chgData name="Daly Donnacha HSLU I" userId="0f22e960-400a-43ff-baeb-4828c8f5cd3a" providerId="ADAL" clId="{55F1696D-224E-654D-8EE7-4CBBA757AA04}" dt="2021-03-26T09:18:12.505" v="9746" actId="20577"/>
          <ac:spMkLst>
            <pc:docMk/>
            <pc:sldMk cId="1638380209" sldId="567"/>
            <ac:spMk id="2" creationId="{64836793-B990-584A-BD35-296F3EAF57B8}"/>
          </ac:spMkLst>
        </pc:spChg>
        <pc:spChg chg="add mod">
          <ac:chgData name="Daly Donnacha HSLU I" userId="0f22e960-400a-43ff-baeb-4828c8f5cd3a" providerId="ADAL" clId="{55F1696D-224E-654D-8EE7-4CBBA757AA04}" dt="2021-03-26T09:18:49.611" v="9810" actId="1076"/>
          <ac:spMkLst>
            <pc:docMk/>
            <pc:sldMk cId="1638380209" sldId="567"/>
            <ac:spMk id="5" creationId="{8523EE33-DEB2-9A4F-9A7C-70F7A87F4AFF}"/>
          </ac:spMkLst>
        </pc:spChg>
        <pc:picChg chg="mod modCrop">
          <ac:chgData name="Daly Donnacha HSLU I" userId="0f22e960-400a-43ff-baeb-4828c8f5cd3a" providerId="ADAL" clId="{55F1696D-224E-654D-8EE7-4CBBA757AA04}" dt="2021-03-26T09:23:36.137" v="9908" actId="14100"/>
          <ac:picMkLst>
            <pc:docMk/>
            <pc:sldMk cId="1638380209" sldId="567"/>
            <ac:picMk id="4" creationId="{D1F3147C-A564-7E4C-97C2-3C7D3655C584}"/>
          </ac:picMkLst>
        </pc:picChg>
      </pc:sldChg>
      <pc:sldChg chg="delSp add del mod">
        <pc:chgData name="Daly Donnacha HSLU I" userId="0f22e960-400a-43ff-baeb-4828c8f5cd3a" providerId="ADAL" clId="{55F1696D-224E-654D-8EE7-4CBBA757AA04}" dt="2021-03-26T11:40:50.116" v="12113" actId="2696"/>
        <pc:sldMkLst>
          <pc:docMk/>
          <pc:sldMk cId="4164786262" sldId="568"/>
        </pc:sldMkLst>
        <pc:spChg chg="del">
          <ac:chgData name="Daly Donnacha HSLU I" userId="0f22e960-400a-43ff-baeb-4828c8f5cd3a" providerId="ADAL" clId="{55F1696D-224E-654D-8EE7-4CBBA757AA04}" dt="2021-03-26T11:34:43.890" v="12007" actId="478"/>
          <ac:spMkLst>
            <pc:docMk/>
            <pc:sldMk cId="4164786262" sldId="568"/>
            <ac:spMk id="4" creationId="{FCCD874E-F11D-9A49-803A-E5054DB56A91}"/>
          </ac:spMkLst>
        </pc:spChg>
      </pc:sldChg>
      <pc:sldChg chg="modSp new del">
        <pc:chgData name="Daly Donnacha HSLU I" userId="0f22e960-400a-43ff-baeb-4828c8f5cd3a" providerId="ADAL" clId="{55F1696D-224E-654D-8EE7-4CBBA757AA04}" dt="2021-03-25T13:09:49.509" v="476" actId="2696"/>
        <pc:sldMkLst>
          <pc:docMk/>
          <pc:sldMk cId="2983712629" sldId="569"/>
        </pc:sldMkLst>
        <pc:spChg chg="mod">
          <ac:chgData name="Daly Donnacha HSLU I" userId="0f22e960-400a-43ff-baeb-4828c8f5cd3a" providerId="ADAL" clId="{55F1696D-224E-654D-8EE7-4CBBA757AA04}" dt="2021-03-25T13:09:42.311" v="475"/>
          <ac:spMkLst>
            <pc:docMk/>
            <pc:sldMk cId="2983712629" sldId="569"/>
            <ac:spMk id="2" creationId="{15C7CE03-E408-0947-89F5-55C7596DA7EE}"/>
          </ac:spMkLst>
        </pc:spChg>
      </pc:sldChg>
      <pc:sldChg chg="addSp delSp modSp add mod ord">
        <pc:chgData name="Daly Donnacha HSLU I" userId="0f22e960-400a-43ff-baeb-4828c8f5cd3a" providerId="ADAL" clId="{55F1696D-224E-654D-8EE7-4CBBA757AA04}" dt="2021-03-26T05:06:23.189" v="4749" actId="20577"/>
        <pc:sldMkLst>
          <pc:docMk/>
          <pc:sldMk cId="3790746590" sldId="569"/>
        </pc:sldMkLst>
        <pc:spChg chg="mod">
          <ac:chgData name="Daly Donnacha HSLU I" userId="0f22e960-400a-43ff-baeb-4828c8f5cd3a" providerId="ADAL" clId="{55F1696D-224E-654D-8EE7-4CBBA757AA04}" dt="2021-03-25T14:12:46.749" v="2253" actId="20577"/>
          <ac:spMkLst>
            <pc:docMk/>
            <pc:sldMk cId="3790746590" sldId="569"/>
            <ac:spMk id="2" creationId="{B5A55BF1-3342-4A4B-81D0-5074899C823C}"/>
          </ac:spMkLst>
        </pc:spChg>
        <pc:spChg chg="add mod">
          <ac:chgData name="Daly Donnacha HSLU I" userId="0f22e960-400a-43ff-baeb-4828c8f5cd3a" providerId="ADAL" clId="{55F1696D-224E-654D-8EE7-4CBBA757AA04}" dt="2021-03-25T16:16:04.221" v="2613" actId="1076"/>
          <ac:spMkLst>
            <pc:docMk/>
            <pc:sldMk cId="3790746590" sldId="569"/>
            <ac:spMk id="3" creationId="{180BDACE-7BDC-8E4F-A3F0-C40F24615EA9}"/>
          </ac:spMkLst>
        </pc:spChg>
        <pc:spChg chg="del">
          <ac:chgData name="Daly Donnacha HSLU I" userId="0f22e960-400a-43ff-baeb-4828c8f5cd3a" providerId="ADAL" clId="{55F1696D-224E-654D-8EE7-4CBBA757AA04}" dt="2021-03-25T14:12:26.691" v="2232" actId="478"/>
          <ac:spMkLst>
            <pc:docMk/>
            <pc:sldMk cId="3790746590" sldId="569"/>
            <ac:spMk id="3" creationId="{C2E26A2B-673D-D243-87BB-A66A998B3281}"/>
          </ac:spMkLst>
        </pc:spChg>
        <pc:spChg chg="del">
          <ac:chgData name="Daly Donnacha HSLU I" userId="0f22e960-400a-43ff-baeb-4828c8f5cd3a" providerId="ADAL" clId="{55F1696D-224E-654D-8EE7-4CBBA757AA04}" dt="2021-03-25T14:12:26.691" v="2232" actId="478"/>
          <ac:spMkLst>
            <pc:docMk/>
            <pc:sldMk cId="3790746590" sldId="569"/>
            <ac:spMk id="6" creationId="{A4CEE6EB-5A22-4B40-9D19-E1F5A97DA8F7}"/>
          </ac:spMkLst>
        </pc:spChg>
        <pc:spChg chg="del">
          <ac:chgData name="Daly Donnacha HSLU I" userId="0f22e960-400a-43ff-baeb-4828c8f5cd3a" providerId="ADAL" clId="{55F1696D-224E-654D-8EE7-4CBBA757AA04}" dt="2021-03-25T14:12:26.691" v="2232" actId="478"/>
          <ac:spMkLst>
            <pc:docMk/>
            <pc:sldMk cId="3790746590" sldId="569"/>
            <ac:spMk id="7" creationId="{B5E0F23A-06F8-5944-8A6E-7931C900637A}"/>
          </ac:spMkLst>
        </pc:spChg>
        <pc:spChg chg="del">
          <ac:chgData name="Daly Donnacha HSLU I" userId="0f22e960-400a-43ff-baeb-4828c8f5cd3a" providerId="ADAL" clId="{55F1696D-224E-654D-8EE7-4CBBA757AA04}" dt="2021-03-25T14:12:26.691" v="2232" actId="478"/>
          <ac:spMkLst>
            <pc:docMk/>
            <pc:sldMk cId="3790746590" sldId="569"/>
            <ac:spMk id="8" creationId="{07DF47C9-EF99-4E47-B9DD-B6A73E789E99}"/>
          </ac:spMkLst>
        </pc:spChg>
        <pc:spChg chg="add mod">
          <ac:chgData name="Daly Donnacha HSLU I" userId="0f22e960-400a-43ff-baeb-4828c8f5cd3a" providerId="ADAL" clId="{55F1696D-224E-654D-8EE7-4CBBA757AA04}" dt="2021-03-26T05:06:23.189" v="4749" actId="20577"/>
          <ac:spMkLst>
            <pc:docMk/>
            <pc:sldMk cId="3790746590" sldId="569"/>
            <ac:spMk id="8" creationId="{89300E9C-7640-E041-B4DA-2E1CACC4AC26}"/>
          </ac:spMkLst>
        </pc:spChg>
        <pc:spChg chg="del">
          <ac:chgData name="Daly Donnacha HSLU I" userId="0f22e960-400a-43ff-baeb-4828c8f5cd3a" providerId="ADAL" clId="{55F1696D-224E-654D-8EE7-4CBBA757AA04}" dt="2021-03-25T14:12:26.691" v="2232" actId="478"/>
          <ac:spMkLst>
            <pc:docMk/>
            <pc:sldMk cId="3790746590" sldId="569"/>
            <ac:spMk id="9" creationId="{ABD06AC5-8107-5845-8A7A-E663D7044295}"/>
          </ac:spMkLst>
        </pc:spChg>
        <pc:spChg chg="del">
          <ac:chgData name="Daly Donnacha HSLU I" userId="0f22e960-400a-43ff-baeb-4828c8f5cd3a" providerId="ADAL" clId="{55F1696D-224E-654D-8EE7-4CBBA757AA04}" dt="2021-03-25T14:12:26.691" v="2232" actId="478"/>
          <ac:spMkLst>
            <pc:docMk/>
            <pc:sldMk cId="3790746590" sldId="569"/>
            <ac:spMk id="10" creationId="{987AE359-CF85-8A45-B7A9-45B3BB625327}"/>
          </ac:spMkLst>
        </pc:spChg>
        <pc:spChg chg="del">
          <ac:chgData name="Daly Donnacha HSLU I" userId="0f22e960-400a-43ff-baeb-4828c8f5cd3a" providerId="ADAL" clId="{55F1696D-224E-654D-8EE7-4CBBA757AA04}" dt="2021-03-25T14:12:26.691" v="2232" actId="478"/>
          <ac:spMkLst>
            <pc:docMk/>
            <pc:sldMk cId="3790746590" sldId="569"/>
            <ac:spMk id="11" creationId="{6DCB84A6-F22B-5D42-932A-499F804C79FA}"/>
          </ac:spMkLst>
        </pc:spChg>
        <pc:spChg chg="del">
          <ac:chgData name="Daly Donnacha HSLU I" userId="0f22e960-400a-43ff-baeb-4828c8f5cd3a" providerId="ADAL" clId="{55F1696D-224E-654D-8EE7-4CBBA757AA04}" dt="2021-03-25T14:12:26.691" v="2232" actId="478"/>
          <ac:spMkLst>
            <pc:docMk/>
            <pc:sldMk cId="3790746590" sldId="569"/>
            <ac:spMk id="12" creationId="{F4911004-A807-A34C-B8B2-1618013D1761}"/>
          </ac:spMkLst>
        </pc:spChg>
        <pc:spChg chg="del">
          <ac:chgData name="Daly Donnacha HSLU I" userId="0f22e960-400a-43ff-baeb-4828c8f5cd3a" providerId="ADAL" clId="{55F1696D-224E-654D-8EE7-4CBBA757AA04}" dt="2021-03-25T14:12:26.691" v="2232" actId="478"/>
          <ac:spMkLst>
            <pc:docMk/>
            <pc:sldMk cId="3790746590" sldId="569"/>
            <ac:spMk id="13" creationId="{EA43E24A-71E6-9A4D-823B-13EDDA0F6D5F}"/>
          </ac:spMkLst>
        </pc:spChg>
        <pc:spChg chg="del">
          <ac:chgData name="Daly Donnacha HSLU I" userId="0f22e960-400a-43ff-baeb-4828c8f5cd3a" providerId="ADAL" clId="{55F1696D-224E-654D-8EE7-4CBBA757AA04}" dt="2021-03-25T14:12:26.691" v="2232" actId="478"/>
          <ac:spMkLst>
            <pc:docMk/>
            <pc:sldMk cId="3790746590" sldId="569"/>
            <ac:spMk id="14" creationId="{38BD1ECA-A268-2647-9442-5896B9A2DCEF}"/>
          </ac:spMkLst>
        </pc:spChg>
        <pc:spChg chg="del">
          <ac:chgData name="Daly Donnacha HSLU I" userId="0f22e960-400a-43ff-baeb-4828c8f5cd3a" providerId="ADAL" clId="{55F1696D-224E-654D-8EE7-4CBBA757AA04}" dt="2021-03-25T14:12:26.691" v="2232" actId="478"/>
          <ac:spMkLst>
            <pc:docMk/>
            <pc:sldMk cId="3790746590" sldId="569"/>
            <ac:spMk id="15" creationId="{2E0FC3AB-DB7D-3848-9BB4-CAB54F843543}"/>
          </ac:spMkLst>
        </pc:spChg>
        <pc:spChg chg="del">
          <ac:chgData name="Daly Donnacha HSLU I" userId="0f22e960-400a-43ff-baeb-4828c8f5cd3a" providerId="ADAL" clId="{55F1696D-224E-654D-8EE7-4CBBA757AA04}" dt="2021-03-25T14:12:26.691" v="2232" actId="478"/>
          <ac:spMkLst>
            <pc:docMk/>
            <pc:sldMk cId="3790746590" sldId="569"/>
            <ac:spMk id="16" creationId="{E43E20A5-B155-8340-9CF5-76901CE065E8}"/>
          </ac:spMkLst>
        </pc:spChg>
        <pc:spChg chg="del">
          <ac:chgData name="Daly Donnacha HSLU I" userId="0f22e960-400a-43ff-baeb-4828c8f5cd3a" providerId="ADAL" clId="{55F1696D-224E-654D-8EE7-4CBBA757AA04}" dt="2021-03-25T14:12:26.691" v="2232" actId="478"/>
          <ac:spMkLst>
            <pc:docMk/>
            <pc:sldMk cId="3790746590" sldId="569"/>
            <ac:spMk id="17" creationId="{4251437F-7C00-7C4D-95C0-CF3DE05041E4}"/>
          </ac:spMkLst>
        </pc:spChg>
        <pc:spChg chg="del">
          <ac:chgData name="Daly Donnacha HSLU I" userId="0f22e960-400a-43ff-baeb-4828c8f5cd3a" providerId="ADAL" clId="{55F1696D-224E-654D-8EE7-4CBBA757AA04}" dt="2021-03-25T14:12:26.691" v="2232" actId="478"/>
          <ac:spMkLst>
            <pc:docMk/>
            <pc:sldMk cId="3790746590" sldId="569"/>
            <ac:spMk id="18" creationId="{D5F50138-DE22-0847-A90B-6F2D1FE54040}"/>
          </ac:spMkLst>
        </pc:spChg>
        <pc:spChg chg="del">
          <ac:chgData name="Daly Donnacha HSLU I" userId="0f22e960-400a-43ff-baeb-4828c8f5cd3a" providerId="ADAL" clId="{55F1696D-224E-654D-8EE7-4CBBA757AA04}" dt="2021-03-25T14:12:26.691" v="2232" actId="478"/>
          <ac:spMkLst>
            <pc:docMk/>
            <pc:sldMk cId="3790746590" sldId="569"/>
            <ac:spMk id="19" creationId="{527E130B-5129-9D4F-AA92-E7C01F098C18}"/>
          </ac:spMkLst>
        </pc:spChg>
        <pc:spChg chg="del">
          <ac:chgData name="Daly Donnacha HSLU I" userId="0f22e960-400a-43ff-baeb-4828c8f5cd3a" providerId="ADAL" clId="{55F1696D-224E-654D-8EE7-4CBBA757AA04}" dt="2021-03-25T14:12:26.691" v="2232" actId="478"/>
          <ac:spMkLst>
            <pc:docMk/>
            <pc:sldMk cId="3790746590" sldId="569"/>
            <ac:spMk id="20" creationId="{8031D62E-4E35-1544-B7FE-41B95932AC02}"/>
          </ac:spMkLst>
        </pc:spChg>
        <pc:spChg chg="del">
          <ac:chgData name="Daly Donnacha HSLU I" userId="0f22e960-400a-43ff-baeb-4828c8f5cd3a" providerId="ADAL" clId="{55F1696D-224E-654D-8EE7-4CBBA757AA04}" dt="2021-03-25T14:12:26.691" v="2232" actId="478"/>
          <ac:spMkLst>
            <pc:docMk/>
            <pc:sldMk cId="3790746590" sldId="569"/>
            <ac:spMk id="21" creationId="{EE769804-1334-E740-9261-317FBAF8FB55}"/>
          </ac:spMkLst>
        </pc:spChg>
        <pc:spChg chg="del">
          <ac:chgData name="Daly Donnacha HSLU I" userId="0f22e960-400a-43ff-baeb-4828c8f5cd3a" providerId="ADAL" clId="{55F1696D-224E-654D-8EE7-4CBBA757AA04}" dt="2021-03-25T14:12:26.691" v="2232" actId="478"/>
          <ac:spMkLst>
            <pc:docMk/>
            <pc:sldMk cId="3790746590" sldId="569"/>
            <ac:spMk id="22" creationId="{78AB1C30-33EC-B141-8901-BFC66544B199}"/>
          </ac:spMkLst>
        </pc:spChg>
        <pc:spChg chg="del">
          <ac:chgData name="Daly Donnacha HSLU I" userId="0f22e960-400a-43ff-baeb-4828c8f5cd3a" providerId="ADAL" clId="{55F1696D-224E-654D-8EE7-4CBBA757AA04}" dt="2021-03-25T14:12:26.691" v="2232" actId="478"/>
          <ac:spMkLst>
            <pc:docMk/>
            <pc:sldMk cId="3790746590" sldId="569"/>
            <ac:spMk id="23" creationId="{C4820D15-C36F-8A4E-B4E8-906359540BE6}"/>
          </ac:spMkLst>
        </pc:spChg>
        <pc:spChg chg="del">
          <ac:chgData name="Daly Donnacha HSLU I" userId="0f22e960-400a-43ff-baeb-4828c8f5cd3a" providerId="ADAL" clId="{55F1696D-224E-654D-8EE7-4CBBA757AA04}" dt="2021-03-25T14:12:26.691" v="2232" actId="478"/>
          <ac:spMkLst>
            <pc:docMk/>
            <pc:sldMk cId="3790746590" sldId="569"/>
            <ac:spMk id="24" creationId="{0079F34C-9F02-3F4E-BD2C-ED86F2E76578}"/>
          </ac:spMkLst>
        </pc:spChg>
        <pc:spChg chg="del">
          <ac:chgData name="Daly Donnacha HSLU I" userId="0f22e960-400a-43ff-baeb-4828c8f5cd3a" providerId="ADAL" clId="{55F1696D-224E-654D-8EE7-4CBBA757AA04}" dt="2021-03-25T14:12:26.691" v="2232" actId="478"/>
          <ac:spMkLst>
            <pc:docMk/>
            <pc:sldMk cId="3790746590" sldId="569"/>
            <ac:spMk id="25" creationId="{CE49AE28-4B95-6247-8C70-DFDBB4FBEFAE}"/>
          </ac:spMkLst>
        </pc:spChg>
        <pc:spChg chg="del">
          <ac:chgData name="Daly Donnacha HSLU I" userId="0f22e960-400a-43ff-baeb-4828c8f5cd3a" providerId="ADAL" clId="{55F1696D-224E-654D-8EE7-4CBBA757AA04}" dt="2021-03-25T14:12:26.691" v="2232" actId="478"/>
          <ac:spMkLst>
            <pc:docMk/>
            <pc:sldMk cId="3790746590" sldId="569"/>
            <ac:spMk id="26" creationId="{7373CCB3-B02C-F346-A87A-3D71A24A70C3}"/>
          </ac:spMkLst>
        </pc:spChg>
        <pc:spChg chg="del">
          <ac:chgData name="Daly Donnacha HSLU I" userId="0f22e960-400a-43ff-baeb-4828c8f5cd3a" providerId="ADAL" clId="{55F1696D-224E-654D-8EE7-4CBBA757AA04}" dt="2021-03-25T14:12:26.691" v="2232" actId="478"/>
          <ac:spMkLst>
            <pc:docMk/>
            <pc:sldMk cId="3790746590" sldId="569"/>
            <ac:spMk id="27" creationId="{D047947B-ADE5-B647-9E8B-0535875B86F6}"/>
          </ac:spMkLst>
        </pc:spChg>
        <pc:spChg chg="del">
          <ac:chgData name="Daly Donnacha HSLU I" userId="0f22e960-400a-43ff-baeb-4828c8f5cd3a" providerId="ADAL" clId="{55F1696D-224E-654D-8EE7-4CBBA757AA04}" dt="2021-03-25T14:12:26.691" v="2232" actId="478"/>
          <ac:spMkLst>
            <pc:docMk/>
            <pc:sldMk cId="3790746590" sldId="569"/>
            <ac:spMk id="28" creationId="{2CBA3BB1-BAB2-E94A-8266-D228E47C4297}"/>
          </ac:spMkLst>
        </pc:spChg>
        <pc:spChg chg="del">
          <ac:chgData name="Daly Donnacha HSLU I" userId="0f22e960-400a-43ff-baeb-4828c8f5cd3a" providerId="ADAL" clId="{55F1696D-224E-654D-8EE7-4CBBA757AA04}" dt="2021-03-25T14:12:26.691" v="2232" actId="478"/>
          <ac:spMkLst>
            <pc:docMk/>
            <pc:sldMk cId="3790746590" sldId="569"/>
            <ac:spMk id="29" creationId="{F15FC446-0195-994C-B4EA-BD15AEEF32E4}"/>
          </ac:spMkLst>
        </pc:spChg>
        <pc:spChg chg="del">
          <ac:chgData name="Daly Donnacha HSLU I" userId="0f22e960-400a-43ff-baeb-4828c8f5cd3a" providerId="ADAL" clId="{55F1696D-224E-654D-8EE7-4CBBA757AA04}" dt="2021-03-25T14:12:26.691" v="2232" actId="478"/>
          <ac:spMkLst>
            <pc:docMk/>
            <pc:sldMk cId="3790746590" sldId="569"/>
            <ac:spMk id="30" creationId="{447F66E2-B350-2445-BF37-F604D854FF4C}"/>
          </ac:spMkLst>
        </pc:spChg>
        <pc:spChg chg="del">
          <ac:chgData name="Daly Donnacha HSLU I" userId="0f22e960-400a-43ff-baeb-4828c8f5cd3a" providerId="ADAL" clId="{55F1696D-224E-654D-8EE7-4CBBA757AA04}" dt="2021-03-25T14:12:26.691" v="2232" actId="478"/>
          <ac:spMkLst>
            <pc:docMk/>
            <pc:sldMk cId="3790746590" sldId="569"/>
            <ac:spMk id="31" creationId="{E737A898-7A14-0C40-B418-72BD6D2E26D7}"/>
          </ac:spMkLst>
        </pc:spChg>
        <pc:spChg chg="del">
          <ac:chgData name="Daly Donnacha HSLU I" userId="0f22e960-400a-43ff-baeb-4828c8f5cd3a" providerId="ADAL" clId="{55F1696D-224E-654D-8EE7-4CBBA757AA04}" dt="2021-03-25T14:12:26.691" v="2232" actId="478"/>
          <ac:spMkLst>
            <pc:docMk/>
            <pc:sldMk cId="3790746590" sldId="569"/>
            <ac:spMk id="32" creationId="{7C407E4A-EC72-524A-AA9F-6387DCA30094}"/>
          </ac:spMkLst>
        </pc:spChg>
        <pc:spChg chg="del">
          <ac:chgData name="Daly Donnacha HSLU I" userId="0f22e960-400a-43ff-baeb-4828c8f5cd3a" providerId="ADAL" clId="{55F1696D-224E-654D-8EE7-4CBBA757AA04}" dt="2021-03-25T14:12:26.691" v="2232" actId="478"/>
          <ac:spMkLst>
            <pc:docMk/>
            <pc:sldMk cId="3790746590" sldId="569"/>
            <ac:spMk id="33" creationId="{7CFF6758-9829-1E44-9853-B7EDBA574DA4}"/>
          </ac:spMkLst>
        </pc:spChg>
        <pc:spChg chg="del">
          <ac:chgData name="Daly Donnacha HSLU I" userId="0f22e960-400a-43ff-baeb-4828c8f5cd3a" providerId="ADAL" clId="{55F1696D-224E-654D-8EE7-4CBBA757AA04}" dt="2021-03-25T14:12:26.691" v="2232" actId="478"/>
          <ac:spMkLst>
            <pc:docMk/>
            <pc:sldMk cId="3790746590" sldId="569"/>
            <ac:spMk id="34" creationId="{B96C849E-CB05-F14B-BAAE-6E50F2F76958}"/>
          </ac:spMkLst>
        </pc:spChg>
        <pc:spChg chg="del">
          <ac:chgData name="Daly Donnacha HSLU I" userId="0f22e960-400a-43ff-baeb-4828c8f5cd3a" providerId="ADAL" clId="{55F1696D-224E-654D-8EE7-4CBBA757AA04}" dt="2021-03-25T14:12:26.691" v="2232" actId="478"/>
          <ac:spMkLst>
            <pc:docMk/>
            <pc:sldMk cId="3790746590" sldId="569"/>
            <ac:spMk id="35" creationId="{A8BF4757-9EE2-AA4E-B2D3-370B73E58FB7}"/>
          </ac:spMkLst>
        </pc:spChg>
        <pc:spChg chg="del">
          <ac:chgData name="Daly Donnacha HSLU I" userId="0f22e960-400a-43ff-baeb-4828c8f5cd3a" providerId="ADAL" clId="{55F1696D-224E-654D-8EE7-4CBBA757AA04}" dt="2021-03-25T14:12:26.691" v="2232" actId="478"/>
          <ac:spMkLst>
            <pc:docMk/>
            <pc:sldMk cId="3790746590" sldId="569"/>
            <ac:spMk id="36" creationId="{EE6D1722-4F9A-514C-AA4E-6E422D3E7505}"/>
          </ac:spMkLst>
        </pc:spChg>
        <pc:spChg chg="del">
          <ac:chgData name="Daly Donnacha HSLU I" userId="0f22e960-400a-43ff-baeb-4828c8f5cd3a" providerId="ADAL" clId="{55F1696D-224E-654D-8EE7-4CBBA757AA04}" dt="2021-03-25T14:12:26.691" v="2232" actId="478"/>
          <ac:spMkLst>
            <pc:docMk/>
            <pc:sldMk cId="3790746590" sldId="569"/>
            <ac:spMk id="37" creationId="{B42EF4C6-FF1B-0241-99C8-05649ACD4983}"/>
          </ac:spMkLst>
        </pc:spChg>
        <pc:spChg chg="del">
          <ac:chgData name="Daly Donnacha HSLU I" userId="0f22e960-400a-43ff-baeb-4828c8f5cd3a" providerId="ADAL" clId="{55F1696D-224E-654D-8EE7-4CBBA757AA04}" dt="2021-03-25T14:12:30.485" v="2233" actId="478"/>
          <ac:spMkLst>
            <pc:docMk/>
            <pc:sldMk cId="3790746590" sldId="569"/>
            <ac:spMk id="38" creationId="{A3323B69-DFB0-044D-ACC3-A5918E430CAA}"/>
          </ac:spMkLst>
        </pc:spChg>
        <pc:spChg chg="del">
          <ac:chgData name="Daly Donnacha HSLU I" userId="0f22e960-400a-43ff-baeb-4828c8f5cd3a" providerId="ADAL" clId="{55F1696D-224E-654D-8EE7-4CBBA757AA04}" dt="2021-03-25T14:12:30.485" v="2233" actId="478"/>
          <ac:spMkLst>
            <pc:docMk/>
            <pc:sldMk cId="3790746590" sldId="569"/>
            <ac:spMk id="39" creationId="{138F3D44-267A-434E-AC4C-182E9D42CBFD}"/>
          </ac:spMkLst>
        </pc:spChg>
        <pc:spChg chg="del">
          <ac:chgData name="Daly Donnacha HSLU I" userId="0f22e960-400a-43ff-baeb-4828c8f5cd3a" providerId="ADAL" clId="{55F1696D-224E-654D-8EE7-4CBBA757AA04}" dt="2021-03-25T14:12:30.485" v="2233" actId="478"/>
          <ac:spMkLst>
            <pc:docMk/>
            <pc:sldMk cId="3790746590" sldId="569"/>
            <ac:spMk id="42" creationId="{3750E4B9-95A3-974C-BBDD-7515A4B8065D}"/>
          </ac:spMkLst>
        </pc:spChg>
        <pc:spChg chg="del">
          <ac:chgData name="Daly Donnacha HSLU I" userId="0f22e960-400a-43ff-baeb-4828c8f5cd3a" providerId="ADAL" clId="{55F1696D-224E-654D-8EE7-4CBBA757AA04}" dt="2021-03-25T14:12:26.691" v="2232" actId="478"/>
          <ac:spMkLst>
            <pc:docMk/>
            <pc:sldMk cId="3790746590" sldId="569"/>
            <ac:spMk id="45" creationId="{83068124-83D0-9A44-8757-3E067A69F25D}"/>
          </ac:spMkLst>
        </pc:spChg>
        <pc:spChg chg="del">
          <ac:chgData name="Daly Donnacha HSLU I" userId="0f22e960-400a-43ff-baeb-4828c8f5cd3a" providerId="ADAL" clId="{55F1696D-224E-654D-8EE7-4CBBA757AA04}" dt="2021-03-25T14:12:26.691" v="2232" actId="478"/>
          <ac:spMkLst>
            <pc:docMk/>
            <pc:sldMk cId="3790746590" sldId="569"/>
            <ac:spMk id="46" creationId="{D54B2C95-0898-A54E-B028-21127C85BE98}"/>
          </ac:spMkLst>
        </pc:spChg>
        <pc:spChg chg="mod">
          <ac:chgData name="Daly Donnacha HSLU I" userId="0f22e960-400a-43ff-baeb-4828c8f5cd3a" providerId="ADAL" clId="{55F1696D-224E-654D-8EE7-4CBBA757AA04}" dt="2021-03-25T14:14:04.357" v="2267" actId="167"/>
          <ac:spMkLst>
            <pc:docMk/>
            <pc:sldMk cId="3790746590" sldId="569"/>
            <ac:spMk id="47" creationId="{93024AD5-A3BE-0248-BDCC-50E3DC5FA060}"/>
          </ac:spMkLst>
        </pc:spChg>
        <pc:spChg chg="del">
          <ac:chgData name="Daly Donnacha HSLU I" userId="0f22e960-400a-43ff-baeb-4828c8f5cd3a" providerId="ADAL" clId="{55F1696D-224E-654D-8EE7-4CBBA757AA04}" dt="2021-03-25T14:12:51.620" v="2254" actId="478"/>
          <ac:spMkLst>
            <pc:docMk/>
            <pc:sldMk cId="3790746590" sldId="569"/>
            <ac:spMk id="48" creationId="{928646EC-4A24-FA41-B6DC-849601E5D1A9}"/>
          </ac:spMkLst>
        </pc:spChg>
        <pc:spChg chg="add mod">
          <ac:chgData name="Daly Donnacha HSLU I" userId="0f22e960-400a-43ff-baeb-4828c8f5cd3a" providerId="ADAL" clId="{55F1696D-224E-654D-8EE7-4CBBA757AA04}" dt="2021-03-25T14:19:32.494" v="2282" actId="1076"/>
          <ac:spMkLst>
            <pc:docMk/>
            <pc:sldMk cId="3790746590" sldId="569"/>
            <ac:spMk id="49" creationId="{90985CC7-1E67-5A44-B673-0369479937EC}"/>
          </ac:spMkLst>
        </pc:spChg>
        <pc:picChg chg="mod">
          <ac:chgData name="Daly Donnacha HSLU I" userId="0f22e960-400a-43ff-baeb-4828c8f5cd3a" providerId="ADAL" clId="{55F1696D-224E-654D-8EE7-4CBBA757AA04}" dt="2021-03-25T14:14:18.139" v="2272" actId="1076"/>
          <ac:picMkLst>
            <pc:docMk/>
            <pc:sldMk cId="3790746590" sldId="569"/>
            <ac:picMk id="43" creationId="{741AD58E-E5B6-554B-9676-6EFF0B9A2762}"/>
          </ac:picMkLst>
        </pc:picChg>
        <pc:picChg chg="add mod">
          <ac:chgData name="Daly Donnacha HSLU I" userId="0f22e960-400a-43ff-baeb-4828c8f5cd3a" providerId="ADAL" clId="{55F1696D-224E-654D-8EE7-4CBBA757AA04}" dt="2021-03-25T14:18:25.004" v="2275" actId="1076"/>
          <ac:picMkLst>
            <pc:docMk/>
            <pc:sldMk cId="3790746590" sldId="569"/>
            <ac:picMk id="1026" creationId="{DF1513B2-0B4D-EE42-9A5E-819C22AC1EFF}"/>
          </ac:picMkLst>
        </pc:picChg>
        <pc:cxnChg chg="del">
          <ac:chgData name="Daly Donnacha HSLU I" userId="0f22e960-400a-43ff-baeb-4828c8f5cd3a" providerId="ADAL" clId="{55F1696D-224E-654D-8EE7-4CBBA757AA04}" dt="2021-03-25T14:12:26.691" v="2232" actId="478"/>
          <ac:cxnSpMkLst>
            <pc:docMk/>
            <pc:sldMk cId="3790746590" sldId="569"/>
            <ac:cxnSpMk id="4" creationId="{490C5414-362E-AE4D-A19E-6004A367CA5C}"/>
          </ac:cxnSpMkLst>
        </pc:cxnChg>
        <pc:cxnChg chg="del">
          <ac:chgData name="Daly Donnacha HSLU I" userId="0f22e960-400a-43ff-baeb-4828c8f5cd3a" providerId="ADAL" clId="{55F1696D-224E-654D-8EE7-4CBBA757AA04}" dt="2021-03-25T14:12:26.691" v="2232" actId="478"/>
          <ac:cxnSpMkLst>
            <pc:docMk/>
            <pc:sldMk cId="3790746590" sldId="569"/>
            <ac:cxnSpMk id="5" creationId="{F28F8344-0E54-7741-8CC5-10C4F4599717}"/>
          </ac:cxnSpMkLst>
        </pc:cxnChg>
        <pc:cxnChg chg="del">
          <ac:chgData name="Daly Donnacha HSLU I" userId="0f22e960-400a-43ff-baeb-4828c8f5cd3a" providerId="ADAL" clId="{55F1696D-224E-654D-8EE7-4CBBA757AA04}" dt="2021-03-25T14:12:26.691" v="2232" actId="478"/>
          <ac:cxnSpMkLst>
            <pc:docMk/>
            <pc:sldMk cId="3790746590" sldId="569"/>
            <ac:cxnSpMk id="40" creationId="{7E3C6FA5-03A5-4941-B21B-854C2DB7CA75}"/>
          </ac:cxnSpMkLst>
        </pc:cxnChg>
        <pc:cxnChg chg="del mod">
          <ac:chgData name="Daly Donnacha HSLU I" userId="0f22e960-400a-43ff-baeb-4828c8f5cd3a" providerId="ADAL" clId="{55F1696D-224E-654D-8EE7-4CBBA757AA04}" dt="2021-03-25T14:12:26.691" v="2232" actId="478"/>
          <ac:cxnSpMkLst>
            <pc:docMk/>
            <pc:sldMk cId="3790746590" sldId="569"/>
            <ac:cxnSpMk id="41" creationId="{6623E1B4-84CF-3946-BE93-2767550DA643}"/>
          </ac:cxnSpMkLst>
        </pc:cxnChg>
      </pc:sldChg>
      <pc:sldChg chg="addSp delSp modSp add mod ord">
        <pc:chgData name="Daly Donnacha HSLU I" userId="0f22e960-400a-43ff-baeb-4828c8f5cd3a" providerId="ADAL" clId="{55F1696D-224E-654D-8EE7-4CBBA757AA04}" dt="2021-03-25T13:54:20.623" v="1579" actId="1076"/>
        <pc:sldMkLst>
          <pc:docMk/>
          <pc:sldMk cId="1915741887" sldId="570"/>
        </pc:sldMkLst>
        <pc:spChg chg="mod">
          <ac:chgData name="Daly Donnacha HSLU I" userId="0f22e960-400a-43ff-baeb-4828c8f5cd3a" providerId="ADAL" clId="{55F1696D-224E-654D-8EE7-4CBBA757AA04}" dt="2021-03-25T13:32:45.822" v="944" actId="1076"/>
          <ac:spMkLst>
            <pc:docMk/>
            <pc:sldMk cId="1915741887" sldId="570"/>
            <ac:spMk id="2" creationId="{6E7519DF-F3D8-9C4E-9BB0-216962C120E8}"/>
          </ac:spMkLst>
        </pc:spChg>
        <pc:spChg chg="del">
          <ac:chgData name="Daly Donnacha HSLU I" userId="0f22e960-400a-43ff-baeb-4828c8f5cd3a" providerId="ADAL" clId="{55F1696D-224E-654D-8EE7-4CBBA757AA04}" dt="2021-03-25T13:31:18.682" v="928" actId="478"/>
          <ac:spMkLst>
            <pc:docMk/>
            <pc:sldMk cId="1915741887" sldId="570"/>
            <ac:spMk id="3" creationId="{2C59575B-D45E-3F4B-ACFE-1D16039E6FDB}"/>
          </ac:spMkLst>
        </pc:spChg>
        <pc:spChg chg="del">
          <ac:chgData name="Daly Donnacha HSLU I" userId="0f22e960-400a-43ff-baeb-4828c8f5cd3a" providerId="ADAL" clId="{55F1696D-224E-654D-8EE7-4CBBA757AA04}" dt="2021-03-25T13:31:18.682" v="928" actId="478"/>
          <ac:spMkLst>
            <pc:docMk/>
            <pc:sldMk cId="1915741887" sldId="570"/>
            <ac:spMk id="4" creationId="{D7514ED8-F061-F745-BFD1-2E96E55B0921}"/>
          </ac:spMkLst>
        </pc:spChg>
        <pc:spChg chg="mod">
          <ac:chgData name="Daly Donnacha HSLU I" userId="0f22e960-400a-43ff-baeb-4828c8f5cd3a" providerId="ADAL" clId="{55F1696D-224E-654D-8EE7-4CBBA757AA04}" dt="2021-03-25T13:34:50.190" v="1013" actId="255"/>
          <ac:spMkLst>
            <pc:docMk/>
            <pc:sldMk cId="1915741887" sldId="570"/>
            <ac:spMk id="8" creationId="{F76BB0B1-4AF6-1A4A-B053-E90E0343FDA3}"/>
          </ac:spMkLst>
        </pc:spChg>
        <pc:spChg chg="mod">
          <ac:chgData name="Daly Donnacha HSLU I" userId="0f22e960-400a-43ff-baeb-4828c8f5cd3a" providerId="ADAL" clId="{55F1696D-224E-654D-8EE7-4CBBA757AA04}" dt="2021-03-25T13:34:50.190" v="1013" actId="255"/>
          <ac:spMkLst>
            <pc:docMk/>
            <pc:sldMk cId="1915741887" sldId="570"/>
            <ac:spMk id="9" creationId="{511AE09E-EE4F-CF43-8830-2EFCA926A67C}"/>
          </ac:spMkLst>
        </pc:spChg>
        <pc:spChg chg="mod">
          <ac:chgData name="Daly Donnacha HSLU I" userId="0f22e960-400a-43ff-baeb-4828c8f5cd3a" providerId="ADAL" clId="{55F1696D-224E-654D-8EE7-4CBBA757AA04}" dt="2021-03-25T13:34:50.190" v="1013" actId="255"/>
          <ac:spMkLst>
            <pc:docMk/>
            <pc:sldMk cId="1915741887" sldId="570"/>
            <ac:spMk id="10" creationId="{F87CEE04-B850-9544-BB13-701CC518865B}"/>
          </ac:spMkLst>
        </pc:spChg>
        <pc:spChg chg="mod">
          <ac:chgData name="Daly Donnacha HSLU I" userId="0f22e960-400a-43ff-baeb-4828c8f5cd3a" providerId="ADAL" clId="{55F1696D-224E-654D-8EE7-4CBBA757AA04}" dt="2021-03-25T13:34:50.190" v="1013" actId="255"/>
          <ac:spMkLst>
            <pc:docMk/>
            <pc:sldMk cId="1915741887" sldId="570"/>
            <ac:spMk id="11" creationId="{440CFC2F-633C-2A49-BE07-B44B6E13E7EA}"/>
          </ac:spMkLst>
        </pc:spChg>
        <pc:spChg chg="mod">
          <ac:chgData name="Daly Donnacha HSLU I" userId="0f22e960-400a-43ff-baeb-4828c8f5cd3a" providerId="ADAL" clId="{55F1696D-224E-654D-8EE7-4CBBA757AA04}" dt="2021-03-25T13:34:50.190" v="1013" actId="255"/>
          <ac:spMkLst>
            <pc:docMk/>
            <pc:sldMk cId="1915741887" sldId="570"/>
            <ac:spMk id="12" creationId="{97AD41DB-D1BE-C941-8452-EE5C9619FC29}"/>
          </ac:spMkLst>
        </pc:spChg>
        <pc:spChg chg="mod">
          <ac:chgData name="Daly Donnacha HSLU I" userId="0f22e960-400a-43ff-baeb-4828c8f5cd3a" providerId="ADAL" clId="{55F1696D-224E-654D-8EE7-4CBBA757AA04}" dt="2021-03-25T13:34:50.190" v="1013" actId="255"/>
          <ac:spMkLst>
            <pc:docMk/>
            <pc:sldMk cId="1915741887" sldId="570"/>
            <ac:spMk id="13" creationId="{29A896D3-E320-974E-BDF8-BB07C0D56F23}"/>
          </ac:spMkLst>
        </pc:spChg>
        <pc:spChg chg="mod">
          <ac:chgData name="Daly Donnacha HSLU I" userId="0f22e960-400a-43ff-baeb-4828c8f5cd3a" providerId="ADAL" clId="{55F1696D-224E-654D-8EE7-4CBBA757AA04}" dt="2021-03-25T13:34:50.190" v="1013" actId="255"/>
          <ac:spMkLst>
            <pc:docMk/>
            <pc:sldMk cId="1915741887" sldId="570"/>
            <ac:spMk id="14" creationId="{79AF3318-60AA-8C45-9E21-D9DA224F03E3}"/>
          </ac:spMkLst>
        </pc:spChg>
        <pc:spChg chg="mod">
          <ac:chgData name="Daly Donnacha HSLU I" userId="0f22e960-400a-43ff-baeb-4828c8f5cd3a" providerId="ADAL" clId="{55F1696D-224E-654D-8EE7-4CBBA757AA04}" dt="2021-03-25T13:34:50.190" v="1013" actId="255"/>
          <ac:spMkLst>
            <pc:docMk/>
            <pc:sldMk cId="1915741887" sldId="570"/>
            <ac:spMk id="15" creationId="{D9F71BCF-C2A5-9E45-B904-625433584B34}"/>
          </ac:spMkLst>
        </pc:spChg>
        <pc:spChg chg="mod">
          <ac:chgData name="Daly Donnacha HSLU I" userId="0f22e960-400a-43ff-baeb-4828c8f5cd3a" providerId="ADAL" clId="{55F1696D-224E-654D-8EE7-4CBBA757AA04}" dt="2021-03-25T13:34:50.190" v="1013" actId="255"/>
          <ac:spMkLst>
            <pc:docMk/>
            <pc:sldMk cId="1915741887" sldId="570"/>
            <ac:spMk id="16" creationId="{75A78049-1693-E146-A48F-BF86B8728F39}"/>
          </ac:spMkLst>
        </pc:spChg>
        <pc:spChg chg="mod">
          <ac:chgData name="Daly Donnacha HSLU I" userId="0f22e960-400a-43ff-baeb-4828c8f5cd3a" providerId="ADAL" clId="{55F1696D-224E-654D-8EE7-4CBBA757AA04}" dt="2021-03-25T13:34:50.190" v="1013" actId="255"/>
          <ac:spMkLst>
            <pc:docMk/>
            <pc:sldMk cId="1915741887" sldId="570"/>
            <ac:spMk id="17" creationId="{40DBB54B-1FCA-874A-A797-EF6EFA746589}"/>
          </ac:spMkLst>
        </pc:spChg>
        <pc:spChg chg="mod">
          <ac:chgData name="Daly Donnacha HSLU I" userId="0f22e960-400a-43ff-baeb-4828c8f5cd3a" providerId="ADAL" clId="{55F1696D-224E-654D-8EE7-4CBBA757AA04}" dt="2021-03-25T13:34:50.190" v="1013" actId="255"/>
          <ac:spMkLst>
            <pc:docMk/>
            <pc:sldMk cId="1915741887" sldId="570"/>
            <ac:spMk id="18" creationId="{43F9B6D4-BF2A-604E-90DF-68CBA5A66DC8}"/>
          </ac:spMkLst>
        </pc:spChg>
        <pc:spChg chg="mod">
          <ac:chgData name="Daly Donnacha HSLU I" userId="0f22e960-400a-43ff-baeb-4828c8f5cd3a" providerId="ADAL" clId="{55F1696D-224E-654D-8EE7-4CBBA757AA04}" dt="2021-03-25T13:34:50.190" v="1013" actId="255"/>
          <ac:spMkLst>
            <pc:docMk/>
            <pc:sldMk cId="1915741887" sldId="570"/>
            <ac:spMk id="19" creationId="{22230BB5-2B98-A34D-9C09-023FA4445619}"/>
          </ac:spMkLst>
        </pc:spChg>
        <pc:spChg chg="mod">
          <ac:chgData name="Daly Donnacha HSLU I" userId="0f22e960-400a-43ff-baeb-4828c8f5cd3a" providerId="ADAL" clId="{55F1696D-224E-654D-8EE7-4CBBA757AA04}" dt="2021-03-25T13:34:50.190" v="1013" actId="255"/>
          <ac:spMkLst>
            <pc:docMk/>
            <pc:sldMk cId="1915741887" sldId="570"/>
            <ac:spMk id="20" creationId="{C259DC15-98EE-9245-8778-9E310E93F799}"/>
          </ac:spMkLst>
        </pc:spChg>
        <pc:spChg chg="mod">
          <ac:chgData name="Daly Donnacha HSLU I" userId="0f22e960-400a-43ff-baeb-4828c8f5cd3a" providerId="ADAL" clId="{55F1696D-224E-654D-8EE7-4CBBA757AA04}" dt="2021-03-25T13:34:50.190" v="1013" actId="255"/>
          <ac:spMkLst>
            <pc:docMk/>
            <pc:sldMk cId="1915741887" sldId="570"/>
            <ac:spMk id="21" creationId="{A6F8D782-C58D-9040-98DA-8B04A227F4B5}"/>
          </ac:spMkLst>
        </pc:spChg>
        <pc:spChg chg="mod">
          <ac:chgData name="Daly Donnacha HSLU I" userId="0f22e960-400a-43ff-baeb-4828c8f5cd3a" providerId="ADAL" clId="{55F1696D-224E-654D-8EE7-4CBBA757AA04}" dt="2021-03-25T13:34:50.190" v="1013" actId="255"/>
          <ac:spMkLst>
            <pc:docMk/>
            <pc:sldMk cId="1915741887" sldId="570"/>
            <ac:spMk id="22" creationId="{585F191C-8252-484B-924A-E049222F8B80}"/>
          </ac:spMkLst>
        </pc:spChg>
        <pc:spChg chg="mod">
          <ac:chgData name="Daly Donnacha HSLU I" userId="0f22e960-400a-43ff-baeb-4828c8f5cd3a" providerId="ADAL" clId="{55F1696D-224E-654D-8EE7-4CBBA757AA04}" dt="2021-03-25T13:34:50.190" v="1013" actId="255"/>
          <ac:spMkLst>
            <pc:docMk/>
            <pc:sldMk cId="1915741887" sldId="570"/>
            <ac:spMk id="23" creationId="{A76E96A9-3D74-4648-97EF-1EF8329CC326}"/>
          </ac:spMkLst>
        </pc:spChg>
        <pc:spChg chg="mod">
          <ac:chgData name="Daly Donnacha HSLU I" userId="0f22e960-400a-43ff-baeb-4828c8f5cd3a" providerId="ADAL" clId="{55F1696D-224E-654D-8EE7-4CBBA757AA04}" dt="2021-03-25T13:34:50.190" v="1013" actId="255"/>
          <ac:spMkLst>
            <pc:docMk/>
            <pc:sldMk cId="1915741887" sldId="570"/>
            <ac:spMk id="24" creationId="{6E32CA33-82B1-B94A-8DC1-0497EAFDCD92}"/>
          </ac:spMkLst>
        </pc:spChg>
        <pc:spChg chg="mod">
          <ac:chgData name="Daly Donnacha HSLU I" userId="0f22e960-400a-43ff-baeb-4828c8f5cd3a" providerId="ADAL" clId="{55F1696D-224E-654D-8EE7-4CBBA757AA04}" dt="2021-03-25T13:34:50.190" v="1013" actId="255"/>
          <ac:spMkLst>
            <pc:docMk/>
            <pc:sldMk cId="1915741887" sldId="570"/>
            <ac:spMk id="25" creationId="{3AD21639-4DF2-4344-9B2A-2AA5F92AB864}"/>
          </ac:spMkLst>
        </pc:spChg>
        <pc:spChg chg="mod">
          <ac:chgData name="Daly Donnacha HSLU I" userId="0f22e960-400a-43ff-baeb-4828c8f5cd3a" providerId="ADAL" clId="{55F1696D-224E-654D-8EE7-4CBBA757AA04}" dt="2021-03-25T13:34:50.190" v="1013" actId="255"/>
          <ac:spMkLst>
            <pc:docMk/>
            <pc:sldMk cId="1915741887" sldId="570"/>
            <ac:spMk id="26" creationId="{C43FFEB8-EFA4-0E4F-8B6A-3C18AF9926DF}"/>
          </ac:spMkLst>
        </pc:spChg>
        <pc:spChg chg="mod">
          <ac:chgData name="Daly Donnacha HSLU I" userId="0f22e960-400a-43ff-baeb-4828c8f5cd3a" providerId="ADAL" clId="{55F1696D-224E-654D-8EE7-4CBBA757AA04}" dt="2021-03-25T13:34:50.190" v="1013" actId="255"/>
          <ac:spMkLst>
            <pc:docMk/>
            <pc:sldMk cId="1915741887" sldId="570"/>
            <ac:spMk id="27" creationId="{C1E705A3-28FC-504C-9975-577DEEB5A22C}"/>
          </ac:spMkLst>
        </pc:spChg>
        <pc:spChg chg="mod">
          <ac:chgData name="Daly Donnacha HSLU I" userId="0f22e960-400a-43ff-baeb-4828c8f5cd3a" providerId="ADAL" clId="{55F1696D-224E-654D-8EE7-4CBBA757AA04}" dt="2021-03-25T13:34:50.190" v="1013" actId="255"/>
          <ac:spMkLst>
            <pc:docMk/>
            <pc:sldMk cId="1915741887" sldId="570"/>
            <ac:spMk id="28" creationId="{5113ECC1-A627-6640-840B-EA4F7B60775D}"/>
          </ac:spMkLst>
        </pc:spChg>
        <pc:spChg chg="mod">
          <ac:chgData name="Daly Donnacha HSLU I" userId="0f22e960-400a-43ff-baeb-4828c8f5cd3a" providerId="ADAL" clId="{55F1696D-224E-654D-8EE7-4CBBA757AA04}" dt="2021-03-25T13:34:50.190" v="1013" actId="255"/>
          <ac:spMkLst>
            <pc:docMk/>
            <pc:sldMk cId="1915741887" sldId="570"/>
            <ac:spMk id="29" creationId="{0B639C5A-8675-B448-80A4-EFE9A9DDAD06}"/>
          </ac:spMkLst>
        </pc:spChg>
        <pc:spChg chg="mod">
          <ac:chgData name="Daly Donnacha HSLU I" userId="0f22e960-400a-43ff-baeb-4828c8f5cd3a" providerId="ADAL" clId="{55F1696D-224E-654D-8EE7-4CBBA757AA04}" dt="2021-03-25T13:34:50.190" v="1013" actId="255"/>
          <ac:spMkLst>
            <pc:docMk/>
            <pc:sldMk cId="1915741887" sldId="570"/>
            <ac:spMk id="30" creationId="{DF3A009D-97B3-9948-9EDE-0913B300897D}"/>
          </ac:spMkLst>
        </pc:spChg>
        <pc:spChg chg="mod">
          <ac:chgData name="Daly Donnacha HSLU I" userId="0f22e960-400a-43ff-baeb-4828c8f5cd3a" providerId="ADAL" clId="{55F1696D-224E-654D-8EE7-4CBBA757AA04}" dt="2021-03-25T13:34:50.190" v="1013" actId="255"/>
          <ac:spMkLst>
            <pc:docMk/>
            <pc:sldMk cId="1915741887" sldId="570"/>
            <ac:spMk id="31" creationId="{DEF86484-9BD7-0246-B4BA-D92ABDDF8194}"/>
          </ac:spMkLst>
        </pc:spChg>
        <pc:spChg chg="mod">
          <ac:chgData name="Daly Donnacha HSLU I" userId="0f22e960-400a-43ff-baeb-4828c8f5cd3a" providerId="ADAL" clId="{55F1696D-224E-654D-8EE7-4CBBA757AA04}" dt="2021-03-25T13:34:50.190" v="1013" actId="255"/>
          <ac:spMkLst>
            <pc:docMk/>
            <pc:sldMk cId="1915741887" sldId="570"/>
            <ac:spMk id="32" creationId="{DC3D3409-D539-9E43-8A5D-D6AFE84D0102}"/>
          </ac:spMkLst>
        </pc:spChg>
        <pc:spChg chg="mod">
          <ac:chgData name="Daly Donnacha HSLU I" userId="0f22e960-400a-43ff-baeb-4828c8f5cd3a" providerId="ADAL" clId="{55F1696D-224E-654D-8EE7-4CBBA757AA04}" dt="2021-03-25T13:34:50.190" v="1013" actId="255"/>
          <ac:spMkLst>
            <pc:docMk/>
            <pc:sldMk cId="1915741887" sldId="570"/>
            <ac:spMk id="33" creationId="{EBC85A0F-6AB3-5841-B417-0B9EE00B3BEB}"/>
          </ac:spMkLst>
        </pc:spChg>
        <pc:spChg chg="mod">
          <ac:chgData name="Daly Donnacha HSLU I" userId="0f22e960-400a-43ff-baeb-4828c8f5cd3a" providerId="ADAL" clId="{55F1696D-224E-654D-8EE7-4CBBA757AA04}" dt="2021-03-25T13:34:50.190" v="1013" actId="255"/>
          <ac:spMkLst>
            <pc:docMk/>
            <pc:sldMk cId="1915741887" sldId="570"/>
            <ac:spMk id="34" creationId="{409BA27A-D16C-2447-A8D4-E0F4DA4713AE}"/>
          </ac:spMkLst>
        </pc:spChg>
        <pc:spChg chg="mod">
          <ac:chgData name="Daly Donnacha HSLU I" userId="0f22e960-400a-43ff-baeb-4828c8f5cd3a" providerId="ADAL" clId="{55F1696D-224E-654D-8EE7-4CBBA757AA04}" dt="2021-03-25T13:34:50.190" v="1013" actId="255"/>
          <ac:spMkLst>
            <pc:docMk/>
            <pc:sldMk cId="1915741887" sldId="570"/>
            <ac:spMk id="35" creationId="{870EBFAF-9E5D-B14B-9140-EA30791D894F}"/>
          </ac:spMkLst>
        </pc:spChg>
        <pc:spChg chg="mod">
          <ac:chgData name="Daly Donnacha HSLU I" userId="0f22e960-400a-43ff-baeb-4828c8f5cd3a" providerId="ADAL" clId="{55F1696D-224E-654D-8EE7-4CBBA757AA04}" dt="2021-03-25T13:34:50.190" v="1013" actId="255"/>
          <ac:spMkLst>
            <pc:docMk/>
            <pc:sldMk cId="1915741887" sldId="570"/>
            <ac:spMk id="36" creationId="{17FA382E-9B9A-444F-92B3-0E0A74F92208}"/>
          </ac:spMkLst>
        </pc:spChg>
        <pc:spChg chg="mod">
          <ac:chgData name="Daly Donnacha HSLU I" userId="0f22e960-400a-43ff-baeb-4828c8f5cd3a" providerId="ADAL" clId="{55F1696D-224E-654D-8EE7-4CBBA757AA04}" dt="2021-03-25T13:34:50.190" v="1013" actId="255"/>
          <ac:spMkLst>
            <pc:docMk/>
            <pc:sldMk cId="1915741887" sldId="570"/>
            <ac:spMk id="37" creationId="{FE871C45-FB1D-FC4C-A370-EBA1F9C07468}"/>
          </ac:spMkLst>
        </pc:spChg>
        <pc:spChg chg="mod">
          <ac:chgData name="Daly Donnacha HSLU I" userId="0f22e960-400a-43ff-baeb-4828c8f5cd3a" providerId="ADAL" clId="{55F1696D-224E-654D-8EE7-4CBBA757AA04}" dt="2021-03-25T13:34:50.190" v="1013" actId="255"/>
          <ac:spMkLst>
            <pc:docMk/>
            <pc:sldMk cId="1915741887" sldId="570"/>
            <ac:spMk id="38" creationId="{221299C9-470D-EB43-8070-A21EB6218D56}"/>
          </ac:spMkLst>
        </pc:spChg>
        <pc:spChg chg="mod">
          <ac:chgData name="Daly Donnacha HSLU I" userId="0f22e960-400a-43ff-baeb-4828c8f5cd3a" providerId="ADAL" clId="{55F1696D-224E-654D-8EE7-4CBBA757AA04}" dt="2021-03-25T13:34:50.190" v="1013" actId="255"/>
          <ac:spMkLst>
            <pc:docMk/>
            <pc:sldMk cId="1915741887" sldId="570"/>
            <ac:spMk id="39" creationId="{C56AD324-7D0B-C14C-BF64-D67FF6067049}"/>
          </ac:spMkLst>
        </pc:spChg>
        <pc:spChg chg="mod">
          <ac:chgData name="Daly Donnacha HSLU I" userId="0f22e960-400a-43ff-baeb-4828c8f5cd3a" providerId="ADAL" clId="{55F1696D-224E-654D-8EE7-4CBBA757AA04}" dt="2021-03-25T13:34:50.190" v="1013" actId="255"/>
          <ac:spMkLst>
            <pc:docMk/>
            <pc:sldMk cId="1915741887" sldId="570"/>
            <ac:spMk id="40" creationId="{882F7820-B7C3-144A-95E9-24FA2607A3FE}"/>
          </ac:spMkLst>
        </pc:spChg>
        <pc:spChg chg="mod">
          <ac:chgData name="Daly Donnacha HSLU I" userId="0f22e960-400a-43ff-baeb-4828c8f5cd3a" providerId="ADAL" clId="{55F1696D-224E-654D-8EE7-4CBBA757AA04}" dt="2021-03-25T13:34:50.190" v="1013" actId="255"/>
          <ac:spMkLst>
            <pc:docMk/>
            <pc:sldMk cId="1915741887" sldId="570"/>
            <ac:spMk id="41" creationId="{6A5A6995-82F2-7A4A-80BF-8B857C52E6AF}"/>
          </ac:spMkLst>
        </pc:spChg>
        <pc:spChg chg="mod">
          <ac:chgData name="Daly Donnacha HSLU I" userId="0f22e960-400a-43ff-baeb-4828c8f5cd3a" providerId="ADAL" clId="{55F1696D-224E-654D-8EE7-4CBBA757AA04}" dt="2021-03-25T13:34:50.190" v="1013" actId="255"/>
          <ac:spMkLst>
            <pc:docMk/>
            <pc:sldMk cId="1915741887" sldId="570"/>
            <ac:spMk id="42" creationId="{046BC300-F1C6-A840-9DE7-4831568D0B17}"/>
          </ac:spMkLst>
        </pc:spChg>
        <pc:spChg chg="mod">
          <ac:chgData name="Daly Donnacha HSLU I" userId="0f22e960-400a-43ff-baeb-4828c8f5cd3a" providerId="ADAL" clId="{55F1696D-224E-654D-8EE7-4CBBA757AA04}" dt="2021-03-25T13:44:57.513" v="1142" actId="1076"/>
          <ac:spMkLst>
            <pc:docMk/>
            <pc:sldMk cId="1915741887" sldId="570"/>
            <ac:spMk id="43" creationId="{CA080DE2-A8D9-EB49-A212-9885DF2CDA9B}"/>
          </ac:spMkLst>
        </pc:spChg>
        <pc:spChg chg="mod">
          <ac:chgData name="Daly Donnacha HSLU I" userId="0f22e960-400a-43ff-baeb-4828c8f5cd3a" providerId="ADAL" clId="{55F1696D-224E-654D-8EE7-4CBBA757AA04}" dt="2021-03-25T13:37:04.988" v="1057" actId="14100"/>
          <ac:spMkLst>
            <pc:docMk/>
            <pc:sldMk cId="1915741887" sldId="570"/>
            <ac:spMk id="44" creationId="{1DE11AA3-3B8D-AF4A-9298-0A3A0CA650EA}"/>
          </ac:spMkLst>
        </pc:spChg>
        <pc:spChg chg="mod">
          <ac:chgData name="Daly Donnacha HSLU I" userId="0f22e960-400a-43ff-baeb-4828c8f5cd3a" providerId="ADAL" clId="{55F1696D-224E-654D-8EE7-4CBBA757AA04}" dt="2021-03-25T13:34:50.190" v="1013" actId="255"/>
          <ac:spMkLst>
            <pc:docMk/>
            <pc:sldMk cId="1915741887" sldId="570"/>
            <ac:spMk id="47" creationId="{EFA6B99D-5A63-814F-9FA4-A724CC92460B}"/>
          </ac:spMkLst>
        </pc:spChg>
        <pc:spChg chg="mod">
          <ac:chgData name="Daly Donnacha HSLU I" userId="0f22e960-400a-43ff-baeb-4828c8f5cd3a" providerId="ADAL" clId="{55F1696D-224E-654D-8EE7-4CBBA757AA04}" dt="2021-03-25T13:34:50.190" v="1013" actId="255"/>
          <ac:spMkLst>
            <pc:docMk/>
            <pc:sldMk cId="1915741887" sldId="570"/>
            <ac:spMk id="48" creationId="{0DCA505B-BB51-0043-A4B9-298E6F7630B9}"/>
          </ac:spMkLst>
        </pc:spChg>
        <pc:spChg chg="mod">
          <ac:chgData name="Daly Donnacha HSLU I" userId="0f22e960-400a-43ff-baeb-4828c8f5cd3a" providerId="ADAL" clId="{55F1696D-224E-654D-8EE7-4CBBA757AA04}" dt="2021-03-25T13:34:50.190" v="1013" actId="255"/>
          <ac:spMkLst>
            <pc:docMk/>
            <pc:sldMk cId="1915741887" sldId="570"/>
            <ac:spMk id="49" creationId="{5A7F5D55-9673-E944-8791-DBC85B064EE5}"/>
          </ac:spMkLst>
        </pc:spChg>
        <pc:spChg chg="mod">
          <ac:chgData name="Daly Donnacha HSLU I" userId="0f22e960-400a-43ff-baeb-4828c8f5cd3a" providerId="ADAL" clId="{55F1696D-224E-654D-8EE7-4CBBA757AA04}" dt="2021-03-25T13:34:50.190" v="1013" actId="255"/>
          <ac:spMkLst>
            <pc:docMk/>
            <pc:sldMk cId="1915741887" sldId="570"/>
            <ac:spMk id="50" creationId="{55484E99-2D0A-4348-92B1-687114A4E5D5}"/>
          </ac:spMkLst>
        </pc:spChg>
        <pc:spChg chg="mod">
          <ac:chgData name="Daly Donnacha HSLU I" userId="0f22e960-400a-43ff-baeb-4828c8f5cd3a" providerId="ADAL" clId="{55F1696D-224E-654D-8EE7-4CBBA757AA04}" dt="2021-03-25T13:34:50.190" v="1013" actId="255"/>
          <ac:spMkLst>
            <pc:docMk/>
            <pc:sldMk cId="1915741887" sldId="570"/>
            <ac:spMk id="51" creationId="{B9C14FDE-FD93-F24D-A4AF-49F8222F5E7B}"/>
          </ac:spMkLst>
        </pc:spChg>
        <pc:spChg chg="mod">
          <ac:chgData name="Daly Donnacha HSLU I" userId="0f22e960-400a-43ff-baeb-4828c8f5cd3a" providerId="ADAL" clId="{55F1696D-224E-654D-8EE7-4CBBA757AA04}" dt="2021-03-25T13:34:50.190" v="1013" actId="255"/>
          <ac:spMkLst>
            <pc:docMk/>
            <pc:sldMk cId="1915741887" sldId="570"/>
            <ac:spMk id="52" creationId="{548E3B57-E7D5-7E41-B51B-D5F860F52034}"/>
          </ac:spMkLst>
        </pc:spChg>
        <pc:spChg chg="mod">
          <ac:chgData name="Daly Donnacha HSLU I" userId="0f22e960-400a-43ff-baeb-4828c8f5cd3a" providerId="ADAL" clId="{55F1696D-224E-654D-8EE7-4CBBA757AA04}" dt="2021-03-25T13:34:50.190" v="1013" actId="255"/>
          <ac:spMkLst>
            <pc:docMk/>
            <pc:sldMk cId="1915741887" sldId="570"/>
            <ac:spMk id="53" creationId="{ACF93D43-7C52-B143-99B3-4FF6C7B2EA5E}"/>
          </ac:spMkLst>
        </pc:spChg>
        <pc:spChg chg="mod">
          <ac:chgData name="Daly Donnacha HSLU I" userId="0f22e960-400a-43ff-baeb-4828c8f5cd3a" providerId="ADAL" clId="{55F1696D-224E-654D-8EE7-4CBBA757AA04}" dt="2021-03-25T13:34:50.190" v="1013" actId="255"/>
          <ac:spMkLst>
            <pc:docMk/>
            <pc:sldMk cId="1915741887" sldId="570"/>
            <ac:spMk id="54" creationId="{92693E0C-BAF7-EF4C-AF6E-A3F10DCF65E6}"/>
          </ac:spMkLst>
        </pc:spChg>
        <pc:spChg chg="mod">
          <ac:chgData name="Daly Donnacha HSLU I" userId="0f22e960-400a-43ff-baeb-4828c8f5cd3a" providerId="ADAL" clId="{55F1696D-224E-654D-8EE7-4CBBA757AA04}" dt="2021-03-25T13:34:50.190" v="1013" actId="255"/>
          <ac:spMkLst>
            <pc:docMk/>
            <pc:sldMk cId="1915741887" sldId="570"/>
            <ac:spMk id="55" creationId="{945238D1-18A2-C240-BC11-330F15BD2AE5}"/>
          </ac:spMkLst>
        </pc:spChg>
        <pc:spChg chg="mod">
          <ac:chgData name="Daly Donnacha HSLU I" userId="0f22e960-400a-43ff-baeb-4828c8f5cd3a" providerId="ADAL" clId="{55F1696D-224E-654D-8EE7-4CBBA757AA04}" dt="2021-03-25T13:34:50.190" v="1013" actId="255"/>
          <ac:spMkLst>
            <pc:docMk/>
            <pc:sldMk cId="1915741887" sldId="570"/>
            <ac:spMk id="56" creationId="{04659A1C-99E6-4D40-8D4B-38B9DEC2E9CA}"/>
          </ac:spMkLst>
        </pc:spChg>
        <pc:spChg chg="mod">
          <ac:chgData name="Daly Donnacha HSLU I" userId="0f22e960-400a-43ff-baeb-4828c8f5cd3a" providerId="ADAL" clId="{55F1696D-224E-654D-8EE7-4CBBA757AA04}" dt="2021-03-25T13:34:50.190" v="1013" actId="255"/>
          <ac:spMkLst>
            <pc:docMk/>
            <pc:sldMk cId="1915741887" sldId="570"/>
            <ac:spMk id="57" creationId="{6EFC96E3-09BB-4246-8028-5E609D735AFE}"/>
          </ac:spMkLst>
        </pc:spChg>
        <pc:spChg chg="mod">
          <ac:chgData name="Daly Donnacha HSLU I" userId="0f22e960-400a-43ff-baeb-4828c8f5cd3a" providerId="ADAL" clId="{55F1696D-224E-654D-8EE7-4CBBA757AA04}" dt="2021-03-25T13:34:50.190" v="1013" actId="255"/>
          <ac:spMkLst>
            <pc:docMk/>
            <pc:sldMk cId="1915741887" sldId="570"/>
            <ac:spMk id="58" creationId="{4F659C1C-A0C8-BE4F-865A-08B220988D8B}"/>
          </ac:spMkLst>
        </pc:spChg>
        <pc:spChg chg="mod">
          <ac:chgData name="Daly Donnacha HSLU I" userId="0f22e960-400a-43ff-baeb-4828c8f5cd3a" providerId="ADAL" clId="{55F1696D-224E-654D-8EE7-4CBBA757AA04}" dt="2021-03-25T13:34:50.190" v="1013" actId="255"/>
          <ac:spMkLst>
            <pc:docMk/>
            <pc:sldMk cId="1915741887" sldId="570"/>
            <ac:spMk id="59" creationId="{0EC9666E-09A0-1545-8A1D-B338D9EBF046}"/>
          </ac:spMkLst>
        </pc:spChg>
        <pc:spChg chg="mod">
          <ac:chgData name="Daly Donnacha HSLU I" userId="0f22e960-400a-43ff-baeb-4828c8f5cd3a" providerId="ADAL" clId="{55F1696D-224E-654D-8EE7-4CBBA757AA04}" dt="2021-03-25T13:34:50.190" v="1013" actId="255"/>
          <ac:spMkLst>
            <pc:docMk/>
            <pc:sldMk cId="1915741887" sldId="570"/>
            <ac:spMk id="60" creationId="{7EF81483-3910-BB44-97C7-1D23F7B1EBF2}"/>
          </ac:spMkLst>
        </pc:spChg>
        <pc:spChg chg="mod">
          <ac:chgData name="Daly Donnacha HSLU I" userId="0f22e960-400a-43ff-baeb-4828c8f5cd3a" providerId="ADAL" clId="{55F1696D-224E-654D-8EE7-4CBBA757AA04}" dt="2021-03-25T13:34:50.190" v="1013" actId="255"/>
          <ac:spMkLst>
            <pc:docMk/>
            <pc:sldMk cId="1915741887" sldId="570"/>
            <ac:spMk id="61" creationId="{F6DFF035-9CC2-EE47-B390-98C0DC249F76}"/>
          </ac:spMkLst>
        </pc:spChg>
        <pc:spChg chg="mod">
          <ac:chgData name="Daly Donnacha HSLU I" userId="0f22e960-400a-43ff-baeb-4828c8f5cd3a" providerId="ADAL" clId="{55F1696D-224E-654D-8EE7-4CBBA757AA04}" dt="2021-03-25T13:34:50.190" v="1013" actId="255"/>
          <ac:spMkLst>
            <pc:docMk/>
            <pc:sldMk cId="1915741887" sldId="570"/>
            <ac:spMk id="62" creationId="{DC9334E1-74FD-DE4D-A8E3-7D26A0BA76C7}"/>
          </ac:spMkLst>
        </pc:spChg>
        <pc:spChg chg="mod">
          <ac:chgData name="Daly Donnacha HSLU I" userId="0f22e960-400a-43ff-baeb-4828c8f5cd3a" providerId="ADAL" clId="{55F1696D-224E-654D-8EE7-4CBBA757AA04}" dt="2021-03-25T13:34:50.190" v="1013" actId="255"/>
          <ac:spMkLst>
            <pc:docMk/>
            <pc:sldMk cId="1915741887" sldId="570"/>
            <ac:spMk id="63" creationId="{0C35F202-E7DD-8541-B81F-42F4D9C0D528}"/>
          </ac:spMkLst>
        </pc:spChg>
        <pc:spChg chg="mod">
          <ac:chgData name="Daly Donnacha HSLU I" userId="0f22e960-400a-43ff-baeb-4828c8f5cd3a" providerId="ADAL" clId="{55F1696D-224E-654D-8EE7-4CBBA757AA04}" dt="2021-03-25T13:34:50.190" v="1013" actId="255"/>
          <ac:spMkLst>
            <pc:docMk/>
            <pc:sldMk cId="1915741887" sldId="570"/>
            <ac:spMk id="64" creationId="{51CA0534-4390-BC41-8A96-DB2A48C5FC50}"/>
          </ac:spMkLst>
        </pc:spChg>
        <pc:spChg chg="mod">
          <ac:chgData name="Daly Donnacha HSLU I" userId="0f22e960-400a-43ff-baeb-4828c8f5cd3a" providerId="ADAL" clId="{55F1696D-224E-654D-8EE7-4CBBA757AA04}" dt="2021-03-25T13:34:50.190" v="1013" actId="255"/>
          <ac:spMkLst>
            <pc:docMk/>
            <pc:sldMk cId="1915741887" sldId="570"/>
            <ac:spMk id="65" creationId="{8E1D3903-3C0B-E843-9634-43197417F4A9}"/>
          </ac:spMkLst>
        </pc:spChg>
        <pc:spChg chg="mod">
          <ac:chgData name="Daly Donnacha HSLU I" userId="0f22e960-400a-43ff-baeb-4828c8f5cd3a" providerId="ADAL" clId="{55F1696D-224E-654D-8EE7-4CBBA757AA04}" dt="2021-03-25T13:34:50.190" v="1013" actId="255"/>
          <ac:spMkLst>
            <pc:docMk/>
            <pc:sldMk cId="1915741887" sldId="570"/>
            <ac:spMk id="66" creationId="{0C562716-24D6-554B-B191-88E5C655DFC5}"/>
          </ac:spMkLst>
        </pc:spChg>
        <pc:spChg chg="mod">
          <ac:chgData name="Daly Donnacha HSLU I" userId="0f22e960-400a-43ff-baeb-4828c8f5cd3a" providerId="ADAL" clId="{55F1696D-224E-654D-8EE7-4CBBA757AA04}" dt="2021-03-25T13:34:50.190" v="1013" actId="255"/>
          <ac:spMkLst>
            <pc:docMk/>
            <pc:sldMk cId="1915741887" sldId="570"/>
            <ac:spMk id="67" creationId="{ABB039CA-EA57-FA4D-B6C3-E515CFA87673}"/>
          </ac:spMkLst>
        </pc:spChg>
        <pc:spChg chg="mod">
          <ac:chgData name="Daly Donnacha HSLU I" userId="0f22e960-400a-43ff-baeb-4828c8f5cd3a" providerId="ADAL" clId="{55F1696D-224E-654D-8EE7-4CBBA757AA04}" dt="2021-03-25T13:34:50.190" v="1013" actId="255"/>
          <ac:spMkLst>
            <pc:docMk/>
            <pc:sldMk cId="1915741887" sldId="570"/>
            <ac:spMk id="68" creationId="{1EC147AB-4B01-D945-9077-320D48D6912D}"/>
          </ac:spMkLst>
        </pc:spChg>
        <pc:spChg chg="mod">
          <ac:chgData name="Daly Donnacha HSLU I" userId="0f22e960-400a-43ff-baeb-4828c8f5cd3a" providerId="ADAL" clId="{55F1696D-224E-654D-8EE7-4CBBA757AA04}" dt="2021-03-25T13:34:50.190" v="1013" actId="255"/>
          <ac:spMkLst>
            <pc:docMk/>
            <pc:sldMk cId="1915741887" sldId="570"/>
            <ac:spMk id="69" creationId="{3C54B045-DA0A-A140-AF13-8D8736EB4415}"/>
          </ac:spMkLst>
        </pc:spChg>
        <pc:spChg chg="mod">
          <ac:chgData name="Daly Donnacha HSLU I" userId="0f22e960-400a-43ff-baeb-4828c8f5cd3a" providerId="ADAL" clId="{55F1696D-224E-654D-8EE7-4CBBA757AA04}" dt="2021-03-25T13:34:50.190" v="1013" actId="255"/>
          <ac:spMkLst>
            <pc:docMk/>
            <pc:sldMk cId="1915741887" sldId="570"/>
            <ac:spMk id="70" creationId="{7D70B998-29D2-2644-B972-F15C7EC611CD}"/>
          </ac:spMkLst>
        </pc:spChg>
        <pc:spChg chg="mod">
          <ac:chgData name="Daly Donnacha HSLU I" userId="0f22e960-400a-43ff-baeb-4828c8f5cd3a" providerId="ADAL" clId="{55F1696D-224E-654D-8EE7-4CBBA757AA04}" dt="2021-03-25T13:34:50.190" v="1013" actId="255"/>
          <ac:spMkLst>
            <pc:docMk/>
            <pc:sldMk cId="1915741887" sldId="570"/>
            <ac:spMk id="71" creationId="{FF7BA24D-C6B0-C44E-B560-3F2E2C97BC90}"/>
          </ac:spMkLst>
        </pc:spChg>
        <pc:spChg chg="mod">
          <ac:chgData name="Daly Donnacha HSLU I" userId="0f22e960-400a-43ff-baeb-4828c8f5cd3a" providerId="ADAL" clId="{55F1696D-224E-654D-8EE7-4CBBA757AA04}" dt="2021-03-25T13:34:50.190" v="1013" actId="255"/>
          <ac:spMkLst>
            <pc:docMk/>
            <pc:sldMk cId="1915741887" sldId="570"/>
            <ac:spMk id="72" creationId="{9F38AC6D-ACA8-CD4F-AAFD-E52B9C2A549D}"/>
          </ac:spMkLst>
        </pc:spChg>
        <pc:spChg chg="mod">
          <ac:chgData name="Daly Donnacha HSLU I" userId="0f22e960-400a-43ff-baeb-4828c8f5cd3a" providerId="ADAL" clId="{55F1696D-224E-654D-8EE7-4CBBA757AA04}" dt="2021-03-25T13:34:50.190" v="1013" actId="255"/>
          <ac:spMkLst>
            <pc:docMk/>
            <pc:sldMk cId="1915741887" sldId="570"/>
            <ac:spMk id="73" creationId="{604A3CC9-C24D-6E4B-A77E-A63F767339F1}"/>
          </ac:spMkLst>
        </pc:spChg>
        <pc:spChg chg="mod">
          <ac:chgData name="Daly Donnacha HSLU I" userId="0f22e960-400a-43ff-baeb-4828c8f5cd3a" providerId="ADAL" clId="{55F1696D-224E-654D-8EE7-4CBBA757AA04}" dt="2021-03-25T13:34:50.190" v="1013" actId="255"/>
          <ac:spMkLst>
            <pc:docMk/>
            <pc:sldMk cId="1915741887" sldId="570"/>
            <ac:spMk id="74" creationId="{DC119CD3-8F5A-224F-AB7A-9AD333480F89}"/>
          </ac:spMkLst>
        </pc:spChg>
        <pc:spChg chg="mod">
          <ac:chgData name="Daly Donnacha HSLU I" userId="0f22e960-400a-43ff-baeb-4828c8f5cd3a" providerId="ADAL" clId="{55F1696D-224E-654D-8EE7-4CBBA757AA04}" dt="2021-03-25T13:34:50.190" v="1013" actId="255"/>
          <ac:spMkLst>
            <pc:docMk/>
            <pc:sldMk cId="1915741887" sldId="570"/>
            <ac:spMk id="75" creationId="{C20B633A-2465-BD4F-A832-BFCC5D8931FE}"/>
          </ac:spMkLst>
        </pc:spChg>
        <pc:spChg chg="mod">
          <ac:chgData name="Daly Donnacha HSLU I" userId="0f22e960-400a-43ff-baeb-4828c8f5cd3a" providerId="ADAL" clId="{55F1696D-224E-654D-8EE7-4CBBA757AA04}" dt="2021-03-25T13:34:50.190" v="1013" actId="255"/>
          <ac:spMkLst>
            <pc:docMk/>
            <pc:sldMk cId="1915741887" sldId="570"/>
            <ac:spMk id="76" creationId="{3BAEF0B0-9224-854B-A204-9750B98D0D9D}"/>
          </ac:spMkLst>
        </pc:spChg>
        <pc:spChg chg="mod">
          <ac:chgData name="Daly Donnacha HSLU I" userId="0f22e960-400a-43ff-baeb-4828c8f5cd3a" providerId="ADAL" clId="{55F1696D-224E-654D-8EE7-4CBBA757AA04}" dt="2021-03-25T13:34:50.190" v="1013" actId="255"/>
          <ac:spMkLst>
            <pc:docMk/>
            <pc:sldMk cId="1915741887" sldId="570"/>
            <ac:spMk id="77" creationId="{56AA70E5-4366-024B-A0FA-CD7EBCBEC816}"/>
          </ac:spMkLst>
        </pc:spChg>
        <pc:spChg chg="mod">
          <ac:chgData name="Daly Donnacha HSLU I" userId="0f22e960-400a-43ff-baeb-4828c8f5cd3a" providerId="ADAL" clId="{55F1696D-224E-654D-8EE7-4CBBA757AA04}" dt="2021-03-25T13:34:50.190" v="1013" actId="255"/>
          <ac:spMkLst>
            <pc:docMk/>
            <pc:sldMk cId="1915741887" sldId="570"/>
            <ac:spMk id="78" creationId="{47950314-C9A2-3B4B-94E0-6FBBC717474D}"/>
          </ac:spMkLst>
        </pc:spChg>
        <pc:spChg chg="mod">
          <ac:chgData name="Daly Donnacha HSLU I" userId="0f22e960-400a-43ff-baeb-4828c8f5cd3a" providerId="ADAL" clId="{55F1696D-224E-654D-8EE7-4CBBA757AA04}" dt="2021-03-25T13:34:50.190" v="1013" actId="255"/>
          <ac:spMkLst>
            <pc:docMk/>
            <pc:sldMk cId="1915741887" sldId="570"/>
            <ac:spMk id="79" creationId="{CA055BEC-EE72-ED43-9ACC-D8CBBC1EC7E7}"/>
          </ac:spMkLst>
        </pc:spChg>
        <pc:spChg chg="mod">
          <ac:chgData name="Daly Donnacha HSLU I" userId="0f22e960-400a-43ff-baeb-4828c8f5cd3a" providerId="ADAL" clId="{55F1696D-224E-654D-8EE7-4CBBA757AA04}" dt="2021-03-25T13:34:50.190" v="1013" actId="255"/>
          <ac:spMkLst>
            <pc:docMk/>
            <pc:sldMk cId="1915741887" sldId="570"/>
            <ac:spMk id="80" creationId="{1DC9D08C-D845-7340-94DF-051D3C7CBB90}"/>
          </ac:spMkLst>
        </pc:spChg>
        <pc:spChg chg="mod">
          <ac:chgData name="Daly Donnacha HSLU I" userId="0f22e960-400a-43ff-baeb-4828c8f5cd3a" providerId="ADAL" clId="{55F1696D-224E-654D-8EE7-4CBBA757AA04}" dt="2021-03-25T13:34:50.190" v="1013" actId="255"/>
          <ac:spMkLst>
            <pc:docMk/>
            <pc:sldMk cId="1915741887" sldId="570"/>
            <ac:spMk id="81" creationId="{71361145-798D-914D-A151-8DBA4951E912}"/>
          </ac:spMkLst>
        </pc:spChg>
        <pc:spChg chg="mod">
          <ac:chgData name="Daly Donnacha HSLU I" userId="0f22e960-400a-43ff-baeb-4828c8f5cd3a" providerId="ADAL" clId="{55F1696D-224E-654D-8EE7-4CBBA757AA04}" dt="2021-03-25T13:45:16.283" v="1144" actId="1076"/>
          <ac:spMkLst>
            <pc:docMk/>
            <pc:sldMk cId="1915741887" sldId="570"/>
            <ac:spMk id="82" creationId="{683A004B-6929-4E44-A568-9C214F0DD8D9}"/>
          </ac:spMkLst>
        </pc:spChg>
        <pc:spChg chg="mod">
          <ac:chgData name="Daly Donnacha HSLU I" userId="0f22e960-400a-43ff-baeb-4828c8f5cd3a" providerId="ADAL" clId="{55F1696D-224E-654D-8EE7-4CBBA757AA04}" dt="2021-03-25T13:40:40.884" v="1081" actId="113"/>
          <ac:spMkLst>
            <pc:docMk/>
            <pc:sldMk cId="1915741887" sldId="570"/>
            <ac:spMk id="83" creationId="{7F08BF94-EA42-3045-BF0B-260C9A77DA17}"/>
          </ac:spMkLst>
        </pc:spChg>
        <pc:spChg chg="mod">
          <ac:chgData name="Daly Donnacha HSLU I" userId="0f22e960-400a-43ff-baeb-4828c8f5cd3a" providerId="ADAL" clId="{55F1696D-224E-654D-8EE7-4CBBA757AA04}" dt="2021-03-25T13:34:50.190" v="1013" actId="255"/>
          <ac:spMkLst>
            <pc:docMk/>
            <pc:sldMk cId="1915741887" sldId="570"/>
            <ac:spMk id="84" creationId="{2B0D44A5-0090-494B-9EAC-47BDFD49030F}"/>
          </ac:spMkLst>
        </pc:spChg>
        <pc:spChg chg="mod">
          <ac:chgData name="Daly Donnacha HSLU I" userId="0f22e960-400a-43ff-baeb-4828c8f5cd3a" providerId="ADAL" clId="{55F1696D-224E-654D-8EE7-4CBBA757AA04}" dt="2021-03-25T13:35:16.491" v="1020" actId="1037"/>
          <ac:spMkLst>
            <pc:docMk/>
            <pc:sldMk cId="1915741887" sldId="570"/>
            <ac:spMk id="85" creationId="{2D25D829-74F3-D549-84FC-26A5224A6798}"/>
          </ac:spMkLst>
        </pc:spChg>
        <pc:spChg chg="add mod">
          <ac:chgData name="Daly Donnacha HSLU I" userId="0f22e960-400a-43ff-baeb-4828c8f5cd3a" providerId="ADAL" clId="{55F1696D-224E-654D-8EE7-4CBBA757AA04}" dt="2021-03-25T13:37:16.089" v="1061" actId="1037"/>
          <ac:spMkLst>
            <pc:docMk/>
            <pc:sldMk cId="1915741887" sldId="570"/>
            <ac:spMk id="92" creationId="{7E5A0315-FC8B-6E4E-8C71-566391B9FBAE}"/>
          </ac:spMkLst>
        </pc:spChg>
        <pc:spChg chg="add mod">
          <ac:chgData name="Daly Donnacha HSLU I" userId="0f22e960-400a-43ff-baeb-4828c8f5cd3a" providerId="ADAL" clId="{55F1696D-224E-654D-8EE7-4CBBA757AA04}" dt="2021-03-25T13:37:40.157" v="1065" actId="1076"/>
          <ac:spMkLst>
            <pc:docMk/>
            <pc:sldMk cId="1915741887" sldId="570"/>
            <ac:spMk id="93" creationId="{1CD305C6-B28E-9143-AE39-5AEA18302B11}"/>
          </ac:spMkLst>
        </pc:spChg>
        <pc:spChg chg="add mod">
          <ac:chgData name="Daly Donnacha HSLU I" userId="0f22e960-400a-43ff-baeb-4828c8f5cd3a" providerId="ADAL" clId="{55F1696D-224E-654D-8EE7-4CBBA757AA04}" dt="2021-03-25T13:37:55.065" v="1068" actId="1076"/>
          <ac:spMkLst>
            <pc:docMk/>
            <pc:sldMk cId="1915741887" sldId="570"/>
            <ac:spMk id="94" creationId="{2E852D72-A7C8-B74F-8BD2-56D84C0ADDC4}"/>
          </ac:spMkLst>
        </pc:spChg>
        <pc:spChg chg="add mod">
          <ac:chgData name="Daly Donnacha HSLU I" userId="0f22e960-400a-43ff-baeb-4828c8f5cd3a" providerId="ADAL" clId="{55F1696D-224E-654D-8EE7-4CBBA757AA04}" dt="2021-03-25T13:40:16.960" v="1079" actId="14100"/>
          <ac:spMkLst>
            <pc:docMk/>
            <pc:sldMk cId="1915741887" sldId="570"/>
            <ac:spMk id="96" creationId="{3CDCBA9D-7911-E84D-BB95-1D2E6AAD8738}"/>
          </ac:spMkLst>
        </pc:spChg>
        <pc:grpChg chg="mod">
          <ac:chgData name="Daly Donnacha HSLU I" userId="0f22e960-400a-43ff-baeb-4828c8f5cd3a" providerId="ADAL" clId="{55F1696D-224E-654D-8EE7-4CBBA757AA04}" dt="2021-03-25T13:31:46.022" v="931" actId="1076"/>
          <ac:grpSpMkLst>
            <pc:docMk/>
            <pc:sldMk cId="1915741887" sldId="570"/>
            <ac:grpSpMk id="7" creationId="{13D77E68-C088-6440-B72E-690F48D958A1}"/>
          </ac:grpSpMkLst>
        </pc:grpChg>
        <pc:picChg chg="add mod">
          <ac:chgData name="Daly Donnacha HSLU I" userId="0f22e960-400a-43ff-baeb-4828c8f5cd3a" providerId="ADAL" clId="{55F1696D-224E-654D-8EE7-4CBBA757AA04}" dt="2021-03-25T13:54:20.623" v="1579" actId="1076"/>
          <ac:picMkLst>
            <pc:docMk/>
            <pc:sldMk cId="1915741887" sldId="570"/>
            <ac:picMk id="95" creationId="{410ACDAC-91E2-DE40-A58B-B9B4668EDA28}"/>
          </ac:picMkLst>
        </pc:picChg>
        <pc:cxnChg chg="mod">
          <ac:chgData name="Daly Donnacha HSLU I" userId="0f22e960-400a-43ff-baeb-4828c8f5cd3a" providerId="ADAL" clId="{55F1696D-224E-654D-8EE7-4CBBA757AA04}" dt="2021-03-25T13:42:11.799" v="1083" actId="1582"/>
          <ac:cxnSpMkLst>
            <pc:docMk/>
            <pc:sldMk cId="1915741887" sldId="570"/>
            <ac:cxnSpMk id="5" creationId="{EABE1E3E-3A4F-B04B-A3BE-3591C9B81D67}"/>
          </ac:cxnSpMkLst>
        </pc:cxnChg>
        <pc:cxnChg chg="mod">
          <ac:chgData name="Daly Donnacha HSLU I" userId="0f22e960-400a-43ff-baeb-4828c8f5cd3a" providerId="ADAL" clId="{55F1696D-224E-654D-8EE7-4CBBA757AA04}" dt="2021-03-25T13:42:11.799" v="1083" actId="1582"/>
          <ac:cxnSpMkLst>
            <pc:docMk/>
            <pc:sldMk cId="1915741887" sldId="570"/>
            <ac:cxnSpMk id="6" creationId="{95EB7E04-3796-3A44-8FBE-6AD599C5FD9C}"/>
          </ac:cxnSpMkLst>
        </pc:cxnChg>
        <pc:cxnChg chg="mod">
          <ac:chgData name="Daly Donnacha HSLU I" userId="0f22e960-400a-43ff-baeb-4828c8f5cd3a" providerId="ADAL" clId="{55F1696D-224E-654D-8EE7-4CBBA757AA04}" dt="2021-03-25T13:42:11.799" v="1083" actId="1582"/>
          <ac:cxnSpMkLst>
            <pc:docMk/>
            <pc:sldMk cId="1915741887" sldId="570"/>
            <ac:cxnSpMk id="45" creationId="{90142C9B-1ABC-AF4B-8FE1-26EBDF825280}"/>
          </ac:cxnSpMkLst>
        </pc:cxnChg>
        <pc:cxnChg chg="mod">
          <ac:chgData name="Daly Donnacha HSLU I" userId="0f22e960-400a-43ff-baeb-4828c8f5cd3a" providerId="ADAL" clId="{55F1696D-224E-654D-8EE7-4CBBA757AA04}" dt="2021-03-25T13:42:11.799" v="1083" actId="1582"/>
          <ac:cxnSpMkLst>
            <pc:docMk/>
            <pc:sldMk cId="1915741887" sldId="570"/>
            <ac:cxnSpMk id="46" creationId="{7DB6773C-D996-1F42-9BEF-C3D72E459C66}"/>
          </ac:cxnSpMkLst>
        </pc:cxnChg>
        <pc:cxnChg chg="mod">
          <ac:chgData name="Daly Donnacha HSLU I" userId="0f22e960-400a-43ff-baeb-4828c8f5cd3a" providerId="ADAL" clId="{55F1696D-224E-654D-8EE7-4CBBA757AA04}" dt="2021-03-25T13:34:37.791" v="1011" actId="1037"/>
          <ac:cxnSpMkLst>
            <pc:docMk/>
            <pc:sldMk cId="1915741887" sldId="570"/>
            <ac:cxnSpMk id="86" creationId="{C228CC80-A20E-204D-AF38-A5BE0F1F33F0}"/>
          </ac:cxnSpMkLst>
        </pc:cxnChg>
        <pc:cxnChg chg="mod">
          <ac:chgData name="Daly Donnacha HSLU I" userId="0f22e960-400a-43ff-baeb-4828c8f5cd3a" providerId="ADAL" clId="{55F1696D-224E-654D-8EE7-4CBBA757AA04}" dt="2021-03-25T13:35:13.704" v="1019" actId="14100"/>
          <ac:cxnSpMkLst>
            <pc:docMk/>
            <pc:sldMk cId="1915741887" sldId="570"/>
            <ac:cxnSpMk id="87" creationId="{916EC037-71DE-604A-BA9F-189F57872096}"/>
          </ac:cxnSpMkLst>
        </pc:cxnChg>
      </pc:sldChg>
      <pc:sldChg chg="addSp delSp modSp new mod">
        <pc:chgData name="Daly Donnacha HSLU I" userId="0f22e960-400a-43ff-baeb-4828c8f5cd3a" providerId="ADAL" clId="{55F1696D-224E-654D-8EE7-4CBBA757AA04}" dt="2021-03-25T16:28:14.976" v="3275" actId="6549"/>
        <pc:sldMkLst>
          <pc:docMk/>
          <pc:sldMk cId="2369461110" sldId="571"/>
        </pc:sldMkLst>
        <pc:spChg chg="mod">
          <ac:chgData name="Daly Donnacha HSLU I" userId="0f22e960-400a-43ff-baeb-4828c8f5cd3a" providerId="ADAL" clId="{55F1696D-224E-654D-8EE7-4CBBA757AA04}" dt="2021-03-25T13:42:53.839" v="1130" actId="14100"/>
          <ac:spMkLst>
            <pc:docMk/>
            <pc:sldMk cId="2369461110" sldId="571"/>
            <ac:spMk id="2" creationId="{C6D3A19C-38BE-954B-BD4B-0FAF2386C397}"/>
          </ac:spMkLst>
        </pc:spChg>
        <pc:spChg chg="add mod">
          <ac:chgData name="Daly Donnacha HSLU I" userId="0f22e960-400a-43ff-baeb-4828c8f5cd3a" providerId="ADAL" clId="{55F1696D-224E-654D-8EE7-4CBBA757AA04}" dt="2021-03-25T13:43:10.060" v="1131"/>
          <ac:spMkLst>
            <pc:docMk/>
            <pc:sldMk cId="2369461110" sldId="571"/>
            <ac:spMk id="5" creationId="{E0628ED1-34DA-2A46-A4E1-724818C8ED0C}"/>
          </ac:spMkLst>
        </pc:spChg>
        <pc:spChg chg="add mod">
          <ac:chgData name="Daly Donnacha HSLU I" userId="0f22e960-400a-43ff-baeb-4828c8f5cd3a" providerId="ADAL" clId="{55F1696D-224E-654D-8EE7-4CBBA757AA04}" dt="2021-03-25T13:43:10.060" v="1131"/>
          <ac:spMkLst>
            <pc:docMk/>
            <pc:sldMk cId="2369461110" sldId="571"/>
            <ac:spMk id="6" creationId="{C32A4896-8E76-614D-AC1C-87904918F234}"/>
          </ac:spMkLst>
        </pc:spChg>
        <pc:spChg chg="add mod">
          <ac:chgData name="Daly Donnacha HSLU I" userId="0f22e960-400a-43ff-baeb-4828c8f5cd3a" providerId="ADAL" clId="{55F1696D-224E-654D-8EE7-4CBBA757AA04}" dt="2021-03-25T13:43:10.060" v="1131"/>
          <ac:spMkLst>
            <pc:docMk/>
            <pc:sldMk cId="2369461110" sldId="571"/>
            <ac:spMk id="7" creationId="{AFDC07D2-7090-B347-8D6A-44BBB2A4B7B1}"/>
          </ac:spMkLst>
        </pc:spChg>
        <pc:spChg chg="add mod">
          <ac:chgData name="Daly Donnacha HSLU I" userId="0f22e960-400a-43ff-baeb-4828c8f5cd3a" providerId="ADAL" clId="{55F1696D-224E-654D-8EE7-4CBBA757AA04}" dt="2021-03-25T13:43:10.060" v="1131"/>
          <ac:spMkLst>
            <pc:docMk/>
            <pc:sldMk cId="2369461110" sldId="571"/>
            <ac:spMk id="8" creationId="{23885B89-4F9D-D344-9C58-A2A624715E3B}"/>
          </ac:spMkLst>
        </pc:spChg>
        <pc:spChg chg="add mod">
          <ac:chgData name="Daly Donnacha HSLU I" userId="0f22e960-400a-43ff-baeb-4828c8f5cd3a" providerId="ADAL" clId="{55F1696D-224E-654D-8EE7-4CBBA757AA04}" dt="2021-03-25T13:43:10.060" v="1131"/>
          <ac:spMkLst>
            <pc:docMk/>
            <pc:sldMk cId="2369461110" sldId="571"/>
            <ac:spMk id="9" creationId="{9FFBE166-4924-014C-ABE2-576840025FB8}"/>
          </ac:spMkLst>
        </pc:spChg>
        <pc:spChg chg="add mod">
          <ac:chgData name="Daly Donnacha HSLU I" userId="0f22e960-400a-43ff-baeb-4828c8f5cd3a" providerId="ADAL" clId="{55F1696D-224E-654D-8EE7-4CBBA757AA04}" dt="2021-03-25T13:43:10.060" v="1131"/>
          <ac:spMkLst>
            <pc:docMk/>
            <pc:sldMk cId="2369461110" sldId="571"/>
            <ac:spMk id="10" creationId="{C56916D1-9972-F640-BEE8-FB1CC659BC35}"/>
          </ac:spMkLst>
        </pc:spChg>
        <pc:spChg chg="add mod">
          <ac:chgData name="Daly Donnacha HSLU I" userId="0f22e960-400a-43ff-baeb-4828c8f5cd3a" providerId="ADAL" clId="{55F1696D-224E-654D-8EE7-4CBBA757AA04}" dt="2021-03-25T13:43:10.060" v="1131"/>
          <ac:spMkLst>
            <pc:docMk/>
            <pc:sldMk cId="2369461110" sldId="571"/>
            <ac:spMk id="11" creationId="{2CFD17BB-1B3A-244C-9123-7E615E6846F4}"/>
          </ac:spMkLst>
        </pc:spChg>
        <pc:spChg chg="add mod">
          <ac:chgData name="Daly Donnacha HSLU I" userId="0f22e960-400a-43ff-baeb-4828c8f5cd3a" providerId="ADAL" clId="{55F1696D-224E-654D-8EE7-4CBBA757AA04}" dt="2021-03-25T13:43:10.060" v="1131"/>
          <ac:spMkLst>
            <pc:docMk/>
            <pc:sldMk cId="2369461110" sldId="571"/>
            <ac:spMk id="12" creationId="{72848844-AA00-FA4B-96FC-33E9A7274401}"/>
          </ac:spMkLst>
        </pc:spChg>
        <pc:spChg chg="add mod">
          <ac:chgData name="Daly Donnacha HSLU I" userId="0f22e960-400a-43ff-baeb-4828c8f5cd3a" providerId="ADAL" clId="{55F1696D-224E-654D-8EE7-4CBBA757AA04}" dt="2021-03-25T13:43:10.060" v="1131"/>
          <ac:spMkLst>
            <pc:docMk/>
            <pc:sldMk cId="2369461110" sldId="571"/>
            <ac:spMk id="13" creationId="{22D4F73A-28B2-6144-8776-D0BECACDCD3D}"/>
          </ac:spMkLst>
        </pc:spChg>
        <pc:spChg chg="add mod">
          <ac:chgData name="Daly Donnacha HSLU I" userId="0f22e960-400a-43ff-baeb-4828c8f5cd3a" providerId="ADAL" clId="{55F1696D-224E-654D-8EE7-4CBBA757AA04}" dt="2021-03-25T13:43:10.060" v="1131"/>
          <ac:spMkLst>
            <pc:docMk/>
            <pc:sldMk cId="2369461110" sldId="571"/>
            <ac:spMk id="14" creationId="{EB87CD2E-D391-AC4B-B146-94AC2A1877B5}"/>
          </ac:spMkLst>
        </pc:spChg>
        <pc:spChg chg="add mod">
          <ac:chgData name="Daly Donnacha HSLU I" userId="0f22e960-400a-43ff-baeb-4828c8f5cd3a" providerId="ADAL" clId="{55F1696D-224E-654D-8EE7-4CBBA757AA04}" dt="2021-03-25T13:43:10.060" v="1131"/>
          <ac:spMkLst>
            <pc:docMk/>
            <pc:sldMk cId="2369461110" sldId="571"/>
            <ac:spMk id="15" creationId="{941D8154-6A7E-4343-A83A-80414E52FE6C}"/>
          </ac:spMkLst>
        </pc:spChg>
        <pc:spChg chg="add mod">
          <ac:chgData name="Daly Donnacha HSLU I" userId="0f22e960-400a-43ff-baeb-4828c8f5cd3a" providerId="ADAL" clId="{55F1696D-224E-654D-8EE7-4CBBA757AA04}" dt="2021-03-25T13:43:10.060" v="1131"/>
          <ac:spMkLst>
            <pc:docMk/>
            <pc:sldMk cId="2369461110" sldId="571"/>
            <ac:spMk id="16" creationId="{A38C00CF-0F8F-534D-8201-D9B89D884E11}"/>
          </ac:spMkLst>
        </pc:spChg>
        <pc:spChg chg="add mod">
          <ac:chgData name="Daly Donnacha HSLU I" userId="0f22e960-400a-43ff-baeb-4828c8f5cd3a" providerId="ADAL" clId="{55F1696D-224E-654D-8EE7-4CBBA757AA04}" dt="2021-03-25T13:43:10.060" v="1131"/>
          <ac:spMkLst>
            <pc:docMk/>
            <pc:sldMk cId="2369461110" sldId="571"/>
            <ac:spMk id="17" creationId="{E8C0FFB6-332C-0D4E-A9A3-F120C8976217}"/>
          </ac:spMkLst>
        </pc:spChg>
        <pc:spChg chg="add mod">
          <ac:chgData name="Daly Donnacha HSLU I" userId="0f22e960-400a-43ff-baeb-4828c8f5cd3a" providerId="ADAL" clId="{55F1696D-224E-654D-8EE7-4CBBA757AA04}" dt="2021-03-25T13:43:10.060" v="1131"/>
          <ac:spMkLst>
            <pc:docMk/>
            <pc:sldMk cId="2369461110" sldId="571"/>
            <ac:spMk id="18" creationId="{D3509C29-9410-934E-8DEF-CD214060AB8D}"/>
          </ac:spMkLst>
        </pc:spChg>
        <pc:spChg chg="add mod">
          <ac:chgData name="Daly Donnacha HSLU I" userId="0f22e960-400a-43ff-baeb-4828c8f5cd3a" providerId="ADAL" clId="{55F1696D-224E-654D-8EE7-4CBBA757AA04}" dt="2021-03-25T13:43:10.060" v="1131"/>
          <ac:spMkLst>
            <pc:docMk/>
            <pc:sldMk cId="2369461110" sldId="571"/>
            <ac:spMk id="19" creationId="{5C1A192C-85B1-E546-AA07-1389AD74CDFE}"/>
          </ac:spMkLst>
        </pc:spChg>
        <pc:spChg chg="add mod">
          <ac:chgData name="Daly Donnacha HSLU I" userId="0f22e960-400a-43ff-baeb-4828c8f5cd3a" providerId="ADAL" clId="{55F1696D-224E-654D-8EE7-4CBBA757AA04}" dt="2021-03-25T13:43:10.060" v="1131"/>
          <ac:spMkLst>
            <pc:docMk/>
            <pc:sldMk cId="2369461110" sldId="571"/>
            <ac:spMk id="20" creationId="{D423A132-213E-8C4F-BC07-14E1930DAD2A}"/>
          </ac:spMkLst>
        </pc:spChg>
        <pc:spChg chg="add mod">
          <ac:chgData name="Daly Donnacha HSLU I" userId="0f22e960-400a-43ff-baeb-4828c8f5cd3a" providerId="ADAL" clId="{55F1696D-224E-654D-8EE7-4CBBA757AA04}" dt="2021-03-25T13:43:10.060" v="1131"/>
          <ac:spMkLst>
            <pc:docMk/>
            <pc:sldMk cId="2369461110" sldId="571"/>
            <ac:spMk id="21" creationId="{2E6CC37B-FA6E-9D4F-955F-01ABF14A2BFB}"/>
          </ac:spMkLst>
        </pc:spChg>
        <pc:spChg chg="add mod">
          <ac:chgData name="Daly Donnacha HSLU I" userId="0f22e960-400a-43ff-baeb-4828c8f5cd3a" providerId="ADAL" clId="{55F1696D-224E-654D-8EE7-4CBBA757AA04}" dt="2021-03-25T13:43:10.060" v="1131"/>
          <ac:spMkLst>
            <pc:docMk/>
            <pc:sldMk cId="2369461110" sldId="571"/>
            <ac:spMk id="22" creationId="{6544154A-4483-9B45-96E3-F16288AF01E5}"/>
          </ac:spMkLst>
        </pc:spChg>
        <pc:spChg chg="add mod">
          <ac:chgData name="Daly Donnacha HSLU I" userId="0f22e960-400a-43ff-baeb-4828c8f5cd3a" providerId="ADAL" clId="{55F1696D-224E-654D-8EE7-4CBBA757AA04}" dt="2021-03-25T13:43:10.060" v="1131"/>
          <ac:spMkLst>
            <pc:docMk/>
            <pc:sldMk cId="2369461110" sldId="571"/>
            <ac:spMk id="23" creationId="{F39F4359-2243-DF40-AD1C-5DD0E2621565}"/>
          </ac:spMkLst>
        </pc:spChg>
        <pc:spChg chg="add mod">
          <ac:chgData name="Daly Donnacha HSLU I" userId="0f22e960-400a-43ff-baeb-4828c8f5cd3a" providerId="ADAL" clId="{55F1696D-224E-654D-8EE7-4CBBA757AA04}" dt="2021-03-25T13:43:10.060" v="1131"/>
          <ac:spMkLst>
            <pc:docMk/>
            <pc:sldMk cId="2369461110" sldId="571"/>
            <ac:spMk id="24" creationId="{A8ABB974-C64A-444C-98F2-DE9A7BBC1067}"/>
          </ac:spMkLst>
        </pc:spChg>
        <pc:spChg chg="add mod">
          <ac:chgData name="Daly Donnacha HSLU I" userId="0f22e960-400a-43ff-baeb-4828c8f5cd3a" providerId="ADAL" clId="{55F1696D-224E-654D-8EE7-4CBBA757AA04}" dt="2021-03-25T13:43:10.060" v="1131"/>
          <ac:spMkLst>
            <pc:docMk/>
            <pc:sldMk cId="2369461110" sldId="571"/>
            <ac:spMk id="25" creationId="{0C32BF84-F29A-4549-BABA-B8480F6DC011}"/>
          </ac:spMkLst>
        </pc:spChg>
        <pc:spChg chg="add mod">
          <ac:chgData name="Daly Donnacha HSLU I" userId="0f22e960-400a-43ff-baeb-4828c8f5cd3a" providerId="ADAL" clId="{55F1696D-224E-654D-8EE7-4CBBA757AA04}" dt="2021-03-25T13:43:10.060" v="1131"/>
          <ac:spMkLst>
            <pc:docMk/>
            <pc:sldMk cId="2369461110" sldId="571"/>
            <ac:spMk id="26" creationId="{DEE667B4-FD2F-494B-8523-9107D13356FB}"/>
          </ac:spMkLst>
        </pc:spChg>
        <pc:spChg chg="add mod">
          <ac:chgData name="Daly Donnacha HSLU I" userId="0f22e960-400a-43ff-baeb-4828c8f5cd3a" providerId="ADAL" clId="{55F1696D-224E-654D-8EE7-4CBBA757AA04}" dt="2021-03-25T13:43:10.060" v="1131"/>
          <ac:spMkLst>
            <pc:docMk/>
            <pc:sldMk cId="2369461110" sldId="571"/>
            <ac:spMk id="27" creationId="{40D3BFB5-6FC4-C64C-BDCD-81D30CBACCFC}"/>
          </ac:spMkLst>
        </pc:spChg>
        <pc:spChg chg="add mod">
          <ac:chgData name="Daly Donnacha HSLU I" userId="0f22e960-400a-43ff-baeb-4828c8f5cd3a" providerId="ADAL" clId="{55F1696D-224E-654D-8EE7-4CBBA757AA04}" dt="2021-03-25T13:43:10.060" v="1131"/>
          <ac:spMkLst>
            <pc:docMk/>
            <pc:sldMk cId="2369461110" sldId="571"/>
            <ac:spMk id="28" creationId="{DF1963EB-6FAF-FD4B-BA72-02BBB26C4340}"/>
          </ac:spMkLst>
        </pc:spChg>
        <pc:spChg chg="add mod">
          <ac:chgData name="Daly Donnacha HSLU I" userId="0f22e960-400a-43ff-baeb-4828c8f5cd3a" providerId="ADAL" clId="{55F1696D-224E-654D-8EE7-4CBBA757AA04}" dt="2021-03-25T13:43:10.060" v="1131"/>
          <ac:spMkLst>
            <pc:docMk/>
            <pc:sldMk cId="2369461110" sldId="571"/>
            <ac:spMk id="29" creationId="{042CC9ED-D521-D142-8DAA-1E035455D44C}"/>
          </ac:spMkLst>
        </pc:spChg>
        <pc:spChg chg="add mod">
          <ac:chgData name="Daly Donnacha HSLU I" userId="0f22e960-400a-43ff-baeb-4828c8f5cd3a" providerId="ADAL" clId="{55F1696D-224E-654D-8EE7-4CBBA757AA04}" dt="2021-03-25T13:43:10.060" v="1131"/>
          <ac:spMkLst>
            <pc:docMk/>
            <pc:sldMk cId="2369461110" sldId="571"/>
            <ac:spMk id="30" creationId="{22DD4447-6ABA-8C43-94AF-575F4CC7D6F8}"/>
          </ac:spMkLst>
        </pc:spChg>
        <pc:spChg chg="add mod">
          <ac:chgData name="Daly Donnacha HSLU I" userId="0f22e960-400a-43ff-baeb-4828c8f5cd3a" providerId="ADAL" clId="{55F1696D-224E-654D-8EE7-4CBBA757AA04}" dt="2021-03-25T13:43:10.060" v="1131"/>
          <ac:spMkLst>
            <pc:docMk/>
            <pc:sldMk cId="2369461110" sldId="571"/>
            <ac:spMk id="31" creationId="{ABCB53BD-E7B5-6A42-9330-A936BCD3907B}"/>
          </ac:spMkLst>
        </pc:spChg>
        <pc:spChg chg="add mod">
          <ac:chgData name="Daly Donnacha HSLU I" userId="0f22e960-400a-43ff-baeb-4828c8f5cd3a" providerId="ADAL" clId="{55F1696D-224E-654D-8EE7-4CBBA757AA04}" dt="2021-03-25T13:43:10.060" v="1131"/>
          <ac:spMkLst>
            <pc:docMk/>
            <pc:sldMk cId="2369461110" sldId="571"/>
            <ac:spMk id="32" creationId="{BAEBED70-7AF0-8E43-99F4-1CDD268988FB}"/>
          </ac:spMkLst>
        </pc:spChg>
        <pc:spChg chg="add mod">
          <ac:chgData name="Daly Donnacha HSLU I" userId="0f22e960-400a-43ff-baeb-4828c8f5cd3a" providerId="ADAL" clId="{55F1696D-224E-654D-8EE7-4CBBA757AA04}" dt="2021-03-25T13:43:10.060" v="1131"/>
          <ac:spMkLst>
            <pc:docMk/>
            <pc:sldMk cId="2369461110" sldId="571"/>
            <ac:spMk id="33" creationId="{01ECD879-E0FC-AF44-A087-5F997C60A9CD}"/>
          </ac:spMkLst>
        </pc:spChg>
        <pc:spChg chg="add mod">
          <ac:chgData name="Daly Donnacha HSLU I" userId="0f22e960-400a-43ff-baeb-4828c8f5cd3a" providerId="ADAL" clId="{55F1696D-224E-654D-8EE7-4CBBA757AA04}" dt="2021-03-25T13:43:10.060" v="1131"/>
          <ac:spMkLst>
            <pc:docMk/>
            <pc:sldMk cId="2369461110" sldId="571"/>
            <ac:spMk id="34" creationId="{E635F625-1420-7041-82D1-0AE2EEFB6D88}"/>
          </ac:spMkLst>
        </pc:spChg>
        <pc:spChg chg="add mod">
          <ac:chgData name="Daly Donnacha HSLU I" userId="0f22e960-400a-43ff-baeb-4828c8f5cd3a" providerId="ADAL" clId="{55F1696D-224E-654D-8EE7-4CBBA757AA04}" dt="2021-03-25T13:43:10.060" v="1131"/>
          <ac:spMkLst>
            <pc:docMk/>
            <pc:sldMk cId="2369461110" sldId="571"/>
            <ac:spMk id="35" creationId="{6E9B5D05-7016-874E-9285-BC07559C526C}"/>
          </ac:spMkLst>
        </pc:spChg>
        <pc:spChg chg="add mod">
          <ac:chgData name="Daly Donnacha HSLU I" userId="0f22e960-400a-43ff-baeb-4828c8f5cd3a" providerId="ADAL" clId="{55F1696D-224E-654D-8EE7-4CBBA757AA04}" dt="2021-03-25T13:43:10.060" v="1131"/>
          <ac:spMkLst>
            <pc:docMk/>
            <pc:sldMk cId="2369461110" sldId="571"/>
            <ac:spMk id="36" creationId="{EE226A19-03EC-4C4E-8CE7-AF8234627E98}"/>
          </ac:spMkLst>
        </pc:spChg>
        <pc:spChg chg="add mod">
          <ac:chgData name="Daly Donnacha HSLU I" userId="0f22e960-400a-43ff-baeb-4828c8f5cd3a" providerId="ADAL" clId="{55F1696D-224E-654D-8EE7-4CBBA757AA04}" dt="2021-03-25T13:43:10.060" v="1131"/>
          <ac:spMkLst>
            <pc:docMk/>
            <pc:sldMk cId="2369461110" sldId="571"/>
            <ac:spMk id="37" creationId="{9FFA0C92-DDBF-0F4A-897B-DC727125D060}"/>
          </ac:spMkLst>
        </pc:spChg>
        <pc:spChg chg="add mod">
          <ac:chgData name="Daly Donnacha HSLU I" userId="0f22e960-400a-43ff-baeb-4828c8f5cd3a" providerId="ADAL" clId="{55F1696D-224E-654D-8EE7-4CBBA757AA04}" dt="2021-03-25T13:43:10.060" v="1131"/>
          <ac:spMkLst>
            <pc:docMk/>
            <pc:sldMk cId="2369461110" sldId="571"/>
            <ac:spMk id="38" creationId="{33415DEB-9DC1-A844-A05B-521ABF36BDE4}"/>
          </ac:spMkLst>
        </pc:spChg>
        <pc:spChg chg="add mod">
          <ac:chgData name="Daly Donnacha HSLU I" userId="0f22e960-400a-43ff-baeb-4828c8f5cd3a" providerId="ADAL" clId="{55F1696D-224E-654D-8EE7-4CBBA757AA04}" dt="2021-03-25T13:43:10.060" v="1131"/>
          <ac:spMkLst>
            <pc:docMk/>
            <pc:sldMk cId="2369461110" sldId="571"/>
            <ac:spMk id="39" creationId="{55DCB4C9-077B-E14E-AD46-093B56EE20E8}"/>
          </ac:spMkLst>
        </pc:spChg>
        <pc:spChg chg="add del mod">
          <ac:chgData name="Daly Donnacha HSLU I" userId="0f22e960-400a-43ff-baeb-4828c8f5cd3a" providerId="ADAL" clId="{55F1696D-224E-654D-8EE7-4CBBA757AA04}" dt="2021-03-25T13:45:35.583" v="1147" actId="478"/>
          <ac:spMkLst>
            <pc:docMk/>
            <pc:sldMk cId="2369461110" sldId="571"/>
            <ac:spMk id="40" creationId="{A9754C42-F7AB-6949-BCAC-ACB2EBD72A11}"/>
          </ac:spMkLst>
        </pc:spChg>
        <pc:spChg chg="add mod">
          <ac:chgData name="Daly Donnacha HSLU I" userId="0f22e960-400a-43ff-baeb-4828c8f5cd3a" providerId="ADAL" clId="{55F1696D-224E-654D-8EE7-4CBBA757AA04}" dt="2021-03-25T13:44:29.190" v="1138" actId="207"/>
          <ac:spMkLst>
            <pc:docMk/>
            <pc:sldMk cId="2369461110" sldId="571"/>
            <ac:spMk id="41" creationId="{EFA350C8-CA97-814C-B9EC-75AFD19AFE5E}"/>
          </ac:spMkLst>
        </pc:spChg>
        <pc:spChg chg="add mod">
          <ac:chgData name="Daly Donnacha HSLU I" userId="0f22e960-400a-43ff-baeb-4828c8f5cd3a" providerId="ADAL" clId="{55F1696D-224E-654D-8EE7-4CBBA757AA04}" dt="2021-03-25T13:46:04.433" v="1150" actId="1076"/>
          <ac:spMkLst>
            <pc:docMk/>
            <pc:sldMk cId="2369461110" sldId="571"/>
            <ac:spMk id="42" creationId="{58DCF2C0-23AB-894C-925D-27492D2FBE7D}"/>
          </ac:spMkLst>
        </pc:spChg>
        <pc:spChg chg="add mod">
          <ac:chgData name="Daly Donnacha HSLU I" userId="0f22e960-400a-43ff-baeb-4828c8f5cd3a" providerId="ADAL" clId="{55F1696D-224E-654D-8EE7-4CBBA757AA04}" dt="2021-03-25T13:45:42.214" v="1148"/>
          <ac:spMkLst>
            <pc:docMk/>
            <pc:sldMk cId="2369461110" sldId="571"/>
            <ac:spMk id="49" creationId="{4650A505-223B-5846-92BC-E72BF5DFED03}"/>
          </ac:spMkLst>
        </pc:spChg>
        <pc:spChg chg="add mod">
          <ac:chgData name="Daly Donnacha HSLU I" userId="0f22e960-400a-43ff-baeb-4828c8f5cd3a" providerId="ADAL" clId="{55F1696D-224E-654D-8EE7-4CBBA757AA04}" dt="2021-03-25T13:49:10.187" v="1199" actId="14100"/>
          <ac:spMkLst>
            <pc:docMk/>
            <pc:sldMk cId="2369461110" sldId="571"/>
            <ac:spMk id="50" creationId="{9EEC7914-384C-5141-8FBB-D30ECC3BA81C}"/>
          </ac:spMkLst>
        </pc:spChg>
        <pc:spChg chg="add del mod">
          <ac:chgData name="Daly Donnacha HSLU I" userId="0f22e960-400a-43ff-baeb-4828c8f5cd3a" providerId="ADAL" clId="{55F1696D-224E-654D-8EE7-4CBBA757AA04}" dt="2021-03-25T13:50:00.661" v="1258" actId="478"/>
          <ac:spMkLst>
            <pc:docMk/>
            <pc:sldMk cId="2369461110" sldId="571"/>
            <ac:spMk id="56" creationId="{E039002F-A87E-AF4D-A45E-62A909622D3C}"/>
          </ac:spMkLst>
        </pc:spChg>
        <pc:spChg chg="add mod">
          <ac:chgData name="Daly Donnacha HSLU I" userId="0f22e960-400a-43ff-baeb-4828c8f5cd3a" providerId="ADAL" clId="{55F1696D-224E-654D-8EE7-4CBBA757AA04}" dt="2021-03-25T13:54:45.302" v="1580" actId="6549"/>
          <ac:spMkLst>
            <pc:docMk/>
            <pc:sldMk cId="2369461110" sldId="571"/>
            <ac:spMk id="57" creationId="{D122A1E3-9ED5-2344-AE02-2317807D5D80}"/>
          </ac:spMkLst>
        </pc:spChg>
        <pc:spChg chg="add mod">
          <ac:chgData name="Daly Donnacha HSLU I" userId="0f22e960-400a-43ff-baeb-4828c8f5cd3a" providerId="ADAL" clId="{55F1696D-224E-654D-8EE7-4CBBA757AA04}" dt="2021-03-25T16:28:14.976" v="3275" actId="6549"/>
          <ac:spMkLst>
            <pc:docMk/>
            <pc:sldMk cId="2369461110" sldId="571"/>
            <ac:spMk id="58" creationId="{22786D51-7257-E844-A733-EBFCE8843175}"/>
          </ac:spMkLst>
        </pc:spChg>
        <pc:spChg chg="add mod">
          <ac:chgData name="Daly Donnacha HSLU I" userId="0f22e960-400a-43ff-baeb-4828c8f5cd3a" providerId="ADAL" clId="{55F1696D-224E-654D-8EE7-4CBBA757AA04}" dt="2021-03-25T13:56:59.734" v="1628" actId="1076"/>
          <ac:spMkLst>
            <pc:docMk/>
            <pc:sldMk cId="2369461110" sldId="571"/>
            <ac:spMk id="59" creationId="{31610917-5D98-0C45-8537-5DB3511FD457}"/>
          </ac:spMkLst>
        </pc:spChg>
        <pc:cxnChg chg="add mod">
          <ac:chgData name="Daly Donnacha HSLU I" userId="0f22e960-400a-43ff-baeb-4828c8f5cd3a" providerId="ADAL" clId="{55F1696D-224E-654D-8EE7-4CBBA757AA04}" dt="2021-03-25T13:43:10.060" v="1131"/>
          <ac:cxnSpMkLst>
            <pc:docMk/>
            <pc:sldMk cId="2369461110" sldId="571"/>
            <ac:cxnSpMk id="3" creationId="{3EC08734-68DC-2C43-883C-6B4E113CC62D}"/>
          </ac:cxnSpMkLst>
        </pc:cxnChg>
        <pc:cxnChg chg="add mod">
          <ac:chgData name="Daly Donnacha HSLU I" userId="0f22e960-400a-43ff-baeb-4828c8f5cd3a" providerId="ADAL" clId="{55F1696D-224E-654D-8EE7-4CBBA757AA04}" dt="2021-03-25T13:43:10.060" v="1131"/>
          <ac:cxnSpMkLst>
            <pc:docMk/>
            <pc:sldMk cId="2369461110" sldId="571"/>
            <ac:cxnSpMk id="4" creationId="{9E52F4A4-5484-544D-AADA-2AC0A938FD73}"/>
          </ac:cxnSpMkLst>
        </pc:cxnChg>
        <pc:cxnChg chg="add mod">
          <ac:chgData name="Daly Donnacha HSLU I" userId="0f22e960-400a-43ff-baeb-4828c8f5cd3a" providerId="ADAL" clId="{55F1696D-224E-654D-8EE7-4CBBA757AA04}" dt="2021-03-25T13:43:10.060" v="1131"/>
          <ac:cxnSpMkLst>
            <pc:docMk/>
            <pc:sldMk cId="2369461110" sldId="571"/>
            <ac:cxnSpMk id="43" creationId="{542436BD-CE48-A74C-8B29-85A60ABF02F9}"/>
          </ac:cxnSpMkLst>
        </pc:cxnChg>
        <pc:cxnChg chg="add mod">
          <ac:chgData name="Daly Donnacha HSLU I" userId="0f22e960-400a-43ff-baeb-4828c8f5cd3a" providerId="ADAL" clId="{55F1696D-224E-654D-8EE7-4CBBA757AA04}" dt="2021-03-25T13:43:10.060" v="1131"/>
          <ac:cxnSpMkLst>
            <pc:docMk/>
            <pc:sldMk cId="2369461110" sldId="571"/>
            <ac:cxnSpMk id="44" creationId="{85732025-3A95-FD41-AEFF-41568795DE82}"/>
          </ac:cxnSpMkLst>
        </pc:cxnChg>
        <pc:cxnChg chg="add mod">
          <ac:chgData name="Daly Donnacha HSLU I" userId="0f22e960-400a-43ff-baeb-4828c8f5cd3a" providerId="ADAL" clId="{55F1696D-224E-654D-8EE7-4CBBA757AA04}" dt="2021-03-25T13:44:09.298" v="1137" actId="14100"/>
          <ac:cxnSpMkLst>
            <pc:docMk/>
            <pc:sldMk cId="2369461110" sldId="571"/>
            <ac:cxnSpMk id="45" creationId="{71E893B8-6FC0-4041-B003-F2917DA10D79}"/>
          </ac:cxnSpMkLst>
        </pc:cxnChg>
        <pc:cxnChg chg="add mod">
          <ac:chgData name="Daly Donnacha HSLU I" userId="0f22e960-400a-43ff-baeb-4828c8f5cd3a" providerId="ADAL" clId="{55F1696D-224E-654D-8EE7-4CBBA757AA04}" dt="2021-03-25T13:46:40.522" v="1188" actId="1036"/>
          <ac:cxnSpMkLst>
            <pc:docMk/>
            <pc:sldMk cId="2369461110" sldId="571"/>
            <ac:cxnSpMk id="51" creationId="{25E98FED-21A1-CB43-9245-3B0618C44160}"/>
          </ac:cxnSpMkLst>
        </pc:cxnChg>
        <pc:cxnChg chg="add mod">
          <ac:chgData name="Daly Donnacha HSLU I" userId="0f22e960-400a-43ff-baeb-4828c8f5cd3a" providerId="ADAL" clId="{55F1696D-224E-654D-8EE7-4CBBA757AA04}" dt="2021-03-25T13:46:53.709" v="1191" actId="14100"/>
          <ac:cxnSpMkLst>
            <pc:docMk/>
            <pc:sldMk cId="2369461110" sldId="571"/>
            <ac:cxnSpMk id="52" creationId="{7D9F6370-3E78-B147-A66A-A6F4970B5547}"/>
          </ac:cxnSpMkLst>
        </pc:cxnChg>
        <pc:cxnChg chg="add mod">
          <ac:chgData name="Daly Donnacha HSLU I" userId="0f22e960-400a-43ff-baeb-4828c8f5cd3a" providerId="ADAL" clId="{55F1696D-224E-654D-8EE7-4CBBA757AA04}" dt="2021-03-25T13:57:22.915" v="1631" actId="208"/>
          <ac:cxnSpMkLst>
            <pc:docMk/>
            <pc:sldMk cId="2369461110" sldId="571"/>
            <ac:cxnSpMk id="61" creationId="{C9179F99-C522-604B-A370-0962413CB6B7}"/>
          </ac:cxnSpMkLst>
        </pc:cxnChg>
      </pc:sldChg>
      <pc:sldChg chg="addSp delSp modSp new mod">
        <pc:chgData name="Daly Donnacha HSLU I" userId="0f22e960-400a-43ff-baeb-4828c8f5cd3a" providerId="ADAL" clId="{55F1696D-224E-654D-8EE7-4CBBA757AA04}" dt="2021-03-25T14:10:33.640" v="2206" actId="14100"/>
        <pc:sldMkLst>
          <pc:docMk/>
          <pc:sldMk cId="1078361543" sldId="572"/>
        </pc:sldMkLst>
        <pc:spChg chg="mod">
          <ac:chgData name="Daly Donnacha HSLU I" userId="0f22e960-400a-43ff-baeb-4828c8f5cd3a" providerId="ADAL" clId="{55F1696D-224E-654D-8EE7-4CBBA757AA04}" dt="2021-03-25T13:59:34.024" v="1714" actId="20577"/>
          <ac:spMkLst>
            <pc:docMk/>
            <pc:sldMk cId="1078361543" sldId="572"/>
            <ac:spMk id="2" creationId="{AACE8FC1-B591-B54D-B22A-3C43FFF0ED76}"/>
          </ac:spMkLst>
        </pc:spChg>
        <pc:spChg chg="add mod">
          <ac:chgData name="Daly Donnacha HSLU I" userId="0f22e960-400a-43ff-baeb-4828c8f5cd3a" providerId="ADAL" clId="{55F1696D-224E-654D-8EE7-4CBBA757AA04}" dt="2021-03-25T14:10:04.220" v="2198" actId="12788"/>
          <ac:spMkLst>
            <pc:docMk/>
            <pc:sldMk cId="1078361543" sldId="572"/>
            <ac:spMk id="6" creationId="{0EAB6B14-5D8E-FA42-940F-A202FA1ABA99}"/>
          </ac:spMkLst>
        </pc:spChg>
        <pc:spChg chg="add mod">
          <ac:chgData name="Daly Donnacha HSLU I" userId="0f22e960-400a-43ff-baeb-4828c8f5cd3a" providerId="ADAL" clId="{55F1696D-224E-654D-8EE7-4CBBA757AA04}" dt="2021-03-25T14:10:33.640" v="2206" actId="14100"/>
          <ac:spMkLst>
            <pc:docMk/>
            <pc:sldMk cId="1078361543" sldId="572"/>
            <ac:spMk id="7" creationId="{895322E4-8668-7448-9D81-303EE0103E6D}"/>
          </ac:spMkLst>
        </pc:spChg>
        <pc:picChg chg="add mod modCrop">
          <ac:chgData name="Daly Donnacha HSLU I" userId="0f22e960-400a-43ff-baeb-4828c8f5cd3a" providerId="ADAL" clId="{55F1696D-224E-654D-8EE7-4CBBA757AA04}" dt="2021-03-25T14:01:44.355" v="1770" actId="14100"/>
          <ac:picMkLst>
            <pc:docMk/>
            <pc:sldMk cId="1078361543" sldId="572"/>
            <ac:picMk id="3" creationId="{BFABA382-FFD5-1143-BB32-505FF695157A}"/>
          </ac:picMkLst>
        </pc:picChg>
        <pc:picChg chg="add mod modCrop">
          <ac:chgData name="Daly Donnacha HSLU I" userId="0f22e960-400a-43ff-baeb-4828c8f5cd3a" providerId="ADAL" clId="{55F1696D-224E-654D-8EE7-4CBBA757AA04}" dt="2021-03-25T14:10:04.220" v="2198" actId="12788"/>
          <ac:picMkLst>
            <pc:docMk/>
            <pc:sldMk cId="1078361543" sldId="572"/>
            <ac:picMk id="4" creationId="{0A4E2978-304B-744E-8880-D9EF6631930C}"/>
          </ac:picMkLst>
        </pc:picChg>
        <pc:picChg chg="add del mod">
          <ac:chgData name="Daly Donnacha HSLU I" userId="0f22e960-400a-43ff-baeb-4828c8f5cd3a" providerId="ADAL" clId="{55F1696D-224E-654D-8EE7-4CBBA757AA04}" dt="2021-03-25T14:09:21.990" v="2185" actId="478"/>
          <ac:picMkLst>
            <pc:docMk/>
            <pc:sldMk cId="1078361543" sldId="572"/>
            <ac:picMk id="5" creationId="{9E06A55B-B368-2A4A-B3A4-1AA3CD39A4C0}"/>
          </ac:picMkLst>
        </pc:picChg>
      </pc:sldChg>
      <pc:sldChg chg="addSp delSp modSp new mod ord">
        <pc:chgData name="Daly Donnacha HSLU I" userId="0f22e960-400a-43ff-baeb-4828c8f5cd3a" providerId="ADAL" clId="{55F1696D-224E-654D-8EE7-4CBBA757AA04}" dt="2021-03-26T14:09:26.421" v="12252" actId="20577"/>
        <pc:sldMkLst>
          <pc:docMk/>
          <pc:sldMk cId="129609437" sldId="573"/>
        </pc:sldMkLst>
        <pc:spChg chg="mod">
          <ac:chgData name="Daly Donnacha HSLU I" userId="0f22e960-400a-43ff-baeb-4828c8f5cd3a" providerId="ADAL" clId="{55F1696D-224E-654D-8EE7-4CBBA757AA04}" dt="2021-03-25T16:30:22.463" v="3300" actId="20577"/>
          <ac:spMkLst>
            <pc:docMk/>
            <pc:sldMk cId="129609437" sldId="573"/>
            <ac:spMk id="2" creationId="{3DCD0D06-200B-1A4B-B4CB-22B566AD06AD}"/>
          </ac:spMkLst>
        </pc:spChg>
        <pc:spChg chg="add del mod">
          <ac:chgData name="Daly Donnacha HSLU I" userId="0f22e960-400a-43ff-baeb-4828c8f5cd3a" providerId="ADAL" clId="{55F1696D-224E-654D-8EE7-4CBBA757AA04}" dt="2021-03-25T16:14:05.334" v="2572" actId="478"/>
          <ac:spMkLst>
            <pc:docMk/>
            <pc:sldMk cId="129609437" sldId="573"/>
            <ac:spMk id="3" creationId="{86A7C8EA-840B-D243-BD95-C3A6F0B38F4E}"/>
          </ac:spMkLst>
        </pc:spChg>
        <pc:spChg chg="add del mod">
          <ac:chgData name="Daly Donnacha HSLU I" userId="0f22e960-400a-43ff-baeb-4828c8f5cd3a" providerId="ADAL" clId="{55F1696D-224E-654D-8EE7-4CBBA757AA04}" dt="2021-03-25T16:14:05.334" v="2572" actId="478"/>
          <ac:spMkLst>
            <pc:docMk/>
            <pc:sldMk cId="129609437" sldId="573"/>
            <ac:spMk id="4" creationId="{D26A8B17-CD06-4841-A255-478BAED775CB}"/>
          </ac:spMkLst>
        </pc:spChg>
        <pc:spChg chg="add del mod">
          <ac:chgData name="Daly Donnacha HSLU I" userId="0f22e960-400a-43ff-baeb-4828c8f5cd3a" providerId="ADAL" clId="{55F1696D-224E-654D-8EE7-4CBBA757AA04}" dt="2021-03-25T16:14:05.334" v="2572" actId="478"/>
          <ac:spMkLst>
            <pc:docMk/>
            <pc:sldMk cId="129609437" sldId="573"/>
            <ac:spMk id="5" creationId="{0BFCC7C6-B755-F748-A2B2-6F2D31E41EE1}"/>
          </ac:spMkLst>
        </pc:spChg>
        <pc:spChg chg="add del mod">
          <ac:chgData name="Daly Donnacha HSLU I" userId="0f22e960-400a-43ff-baeb-4828c8f5cd3a" providerId="ADAL" clId="{55F1696D-224E-654D-8EE7-4CBBA757AA04}" dt="2021-03-25T16:14:05.334" v="2572" actId="478"/>
          <ac:spMkLst>
            <pc:docMk/>
            <pc:sldMk cId="129609437" sldId="573"/>
            <ac:spMk id="8" creationId="{F95DB1A5-5C4F-8E4F-AF21-C1D34186A757}"/>
          </ac:spMkLst>
        </pc:spChg>
        <pc:spChg chg="add del mod">
          <ac:chgData name="Daly Donnacha HSLU I" userId="0f22e960-400a-43ff-baeb-4828c8f5cd3a" providerId="ADAL" clId="{55F1696D-224E-654D-8EE7-4CBBA757AA04}" dt="2021-03-25T16:14:05.334" v="2572" actId="478"/>
          <ac:spMkLst>
            <pc:docMk/>
            <pc:sldMk cId="129609437" sldId="573"/>
            <ac:spMk id="9" creationId="{3E27F4A0-37E9-494B-84CE-8B9736420D97}"/>
          </ac:spMkLst>
        </pc:spChg>
        <pc:spChg chg="add del mod">
          <ac:chgData name="Daly Donnacha HSLU I" userId="0f22e960-400a-43ff-baeb-4828c8f5cd3a" providerId="ADAL" clId="{55F1696D-224E-654D-8EE7-4CBBA757AA04}" dt="2021-03-25T16:14:05.334" v="2572" actId="478"/>
          <ac:spMkLst>
            <pc:docMk/>
            <pc:sldMk cId="129609437" sldId="573"/>
            <ac:spMk id="10" creationId="{09B73E22-4531-C742-B81D-178EEE22D43B}"/>
          </ac:spMkLst>
        </pc:spChg>
        <pc:spChg chg="add del mod">
          <ac:chgData name="Daly Donnacha HSLU I" userId="0f22e960-400a-43ff-baeb-4828c8f5cd3a" providerId="ADAL" clId="{55F1696D-224E-654D-8EE7-4CBBA757AA04}" dt="2021-03-25T16:14:05.334" v="2572" actId="478"/>
          <ac:spMkLst>
            <pc:docMk/>
            <pc:sldMk cId="129609437" sldId="573"/>
            <ac:spMk id="11" creationId="{61F1159C-4817-7340-8422-294DB8CABC9B}"/>
          </ac:spMkLst>
        </pc:spChg>
        <pc:spChg chg="add del mod">
          <ac:chgData name="Daly Donnacha HSLU I" userId="0f22e960-400a-43ff-baeb-4828c8f5cd3a" providerId="ADAL" clId="{55F1696D-224E-654D-8EE7-4CBBA757AA04}" dt="2021-03-25T16:14:05.334" v="2572" actId="478"/>
          <ac:spMkLst>
            <pc:docMk/>
            <pc:sldMk cId="129609437" sldId="573"/>
            <ac:spMk id="12" creationId="{29EC3CB7-116C-BD44-BEBD-2B043C1CEC94}"/>
          </ac:spMkLst>
        </pc:spChg>
        <pc:spChg chg="add del mod">
          <ac:chgData name="Daly Donnacha HSLU I" userId="0f22e960-400a-43ff-baeb-4828c8f5cd3a" providerId="ADAL" clId="{55F1696D-224E-654D-8EE7-4CBBA757AA04}" dt="2021-03-25T16:14:05.334" v="2572" actId="478"/>
          <ac:spMkLst>
            <pc:docMk/>
            <pc:sldMk cId="129609437" sldId="573"/>
            <ac:spMk id="13" creationId="{A1AC9FA3-5252-B44A-84AF-C4BE6F2C1858}"/>
          </ac:spMkLst>
        </pc:spChg>
        <pc:spChg chg="add del mod">
          <ac:chgData name="Daly Donnacha HSLU I" userId="0f22e960-400a-43ff-baeb-4828c8f5cd3a" providerId="ADAL" clId="{55F1696D-224E-654D-8EE7-4CBBA757AA04}" dt="2021-03-25T16:14:05.334" v="2572" actId="478"/>
          <ac:spMkLst>
            <pc:docMk/>
            <pc:sldMk cId="129609437" sldId="573"/>
            <ac:spMk id="14" creationId="{ECB3B570-DBA1-7843-99D5-224F6B31D6AA}"/>
          </ac:spMkLst>
        </pc:spChg>
        <pc:spChg chg="add del mod">
          <ac:chgData name="Daly Donnacha HSLU I" userId="0f22e960-400a-43ff-baeb-4828c8f5cd3a" providerId="ADAL" clId="{55F1696D-224E-654D-8EE7-4CBBA757AA04}" dt="2021-03-25T16:14:05.334" v="2572" actId="478"/>
          <ac:spMkLst>
            <pc:docMk/>
            <pc:sldMk cId="129609437" sldId="573"/>
            <ac:spMk id="15" creationId="{181EB103-A758-CD4A-82A9-3956E442AD9D}"/>
          </ac:spMkLst>
        </pc:spChg>
        <pc:spChg chg="add del mod">
          <ac:chgData name="Daly Donnacha HSLU I" userId="0f22e960-400a-43ff-baeb-4828c8f5cd3a" providerId="ADAL" clId="{55F1696D-224E-654D-8EE7-4CBBA757AA04}" dt="2021-03-25T16:14:05.334" v="2572" actId="478"/>
          <ac:spMkLst>
            <pc:docMk/>
            <pc:sldMk cId="129609437" sldId="573"/>
            <ac:spMk id="16" creationId="{4581059D-6AF2-4D4A-B7E9-51B87AE23F2D}"/>
          </ac:spMkLst>
        </pc:spChg>
        <pc:spChg chg="add del mod">
          <ac:chgData name="Daly Donnacha HSLU I" userId="0f22e960-400a-43ff-baeb-4828c8f5cd3a" providerId="ADAL" clId="{55F1696D-224E-654D-8EE7-4CBBA757AA04}" dt="2021-03-25T16:14:05.334" v="2572" actId="478"/>
          <ac:spMkLst>
            <pc:docMk/>
            <pc:sldMk cId="129609437" sldId="573"/>
            <ac:spMk id="17" creationId="{8E9E1BE6-8B41-9241-98DD-CC2AACBE6524}"/>
          </ac:spMkLst>
        </pc:spChg>
        <pc:spChg chg="add del mod">
          <ac:chgData name="Daly Donnacha HSLU I" userId="0f22e960-400a-43ff-baeb-4828c8f5cd3a" providerId="ADAL" clId="{55F1696D-224E-654D-8EE7-4CBBA757AA04}" dt="2021-03-25T16:14:05.334" v="2572" actId="478"/>
          <ac:spMkLst>
            <pc:docMk/>
            <pc:sldMk cId="129609437" sldId="573"/>
            <ac:spMk id="18" creationId="{6A51364F-076C-7640-B94E-4799B8BAE048}"/>
          </ac:spMkLst>
        </pc:spChg>
        <pc:spChg chg="add del mod">
          <ac:chgData name="Daly Donnacha HSLU I" userId="0f22e960-400a-43ff-baeb-4828c8f5cd3a" providerId="ADAL" clId="{55F1696D-224E-654D-8EE7-4CBBA757AA04}" dt="2021-03-25T16:14:05.334" v="2572" actId="478"/>
          <ac:spMkLst>
            <pc:docMk/>
            <pc:sldMk cId="129609437" sldId="573"/>
            <ac:spMk id="19" creationId="{793183F1-6A65-E341-8401-636569439CB0}"/>
          </ac:spMkLst>
        </pc:spChg>
        <pc:spChg chg="add del mod">
          <ac:chgData name="Daly Donnacha HSLU I" userId="0f22e960-400a-43ff-baeb-4828c8f5cd3a" providerId="ADAL" clId="{55F1696D-224E-654D-8EE7-4CBBA757AA04}" dt="2021-03-25T16:14:05.334" v="2572" actId="478"/>
          <ac:spMkLst>
            <pc:docMk/>
            <pc:sldMk cId="129609437" sldId="573"/>
            <ac:spMk id="20" creationId="{EC40B083-AE57-084F-8221-02EEA0D1A1D0}"/>
          </ac:spMkLst>
        </pc:spChg>
        <pc:spChg chg="add del mod">
          <ac:chgData name="Daly Donnacha HSLU I" userId="0f22e960-400a-43ff-baeb-4828c8f5cd3a" providerId="ADAL" clId="{55F1696D-224E-654D-8EE7-4CBBA757AA04}" dt="2021-03-25T16:14:05.334" v="2572" actId="478"/>
          <ac:spMkLst>
            <pc:docMk/>
            <pc:sldMk cId="129609437" sldId="573"/>
            <ac:spMk id="21" creationId="{0A92A8FF-FF27-F14E-B613-DFFFF1FD3AF6}"/>
          </ac:spMkLst>
        </pc:spChg>
        <pc:spChg chg="add del mod">
          <ac:chgData name="Daly Donnacha HSLU I" userId="0f22e960-400a-43ff-baeb-4828c8f5cd3a" providerId="ADAL" clId="{55F1696D-224E-654D-8EE7-4CBBA757AA04}" dt="2021-03-25T16:14:05.334" v="2572" actId="478"/>
          <ac:spMkLst>
            <pc:docMk/>
            <pc:sldMk cId="129609437" sldId="573"/>
            <ac:spMk id="22" creationId="{5A3E50BB-E095-C441-B9E3-7D8E396AB96A}"/>
          </ac:spMkLst>
        </pc:spChg>
        <pc:spChg chg="add del mod">
          <ac:chgData name="Daly Donnacha HSLU I" userId="0f22e960-400a-43ff-baeb-4828c8f5cd3a" providerId="ADAL" clId="{55F1696D-224E-654D-8EE7-4CBBA757AA04}" dt="2021-03-25T16:14:05.334" v="2572" actId="478"/>
          <ac:spMkLst>
            <pc:docMk/>
            <pc:sldMk cId="129609437" sldId="573"/>
            <ac:spMk id="23" creationId="{698AA847-F906-A94D-A1FD-1DFF89EC5060}"/>
          </ac:spMkLst>
        </pc:spChg>
        <pc:spChg chg="add del mod">
          <ac:chgData name="Daly Donnacha HSLU I" userId="0f22e960-400a-43ff-baeb-4828c8f5cd3a" providerId="ADAL" clId="{55F1696D-224E-654D-8EE7-4CBBA757AA04}" dt="2021-03-25T16:14:05.334" v="2572" actId="478"/>
          <ac:spMkLst>
            <pc:docMk/>
            <pc:sldMk cId="129609437" sldId="573"/>
            <ac:spMk id="24" creationId="{5C7A3EA3-1ADB-A947-81D1-D69E02B10E4A}"/>
          </ac:spMkLst>
        </pc:spChg>
        <pc:spChg chg="add del mod">
          <ac:chgData name="Daly Donnacha HSLU I" userId="0f22e960-400a-43ff-baeb-4828c8f5cd3a" providerId="ADAL" clId="{55F1696D-224E-654D-8EE7-4CBBA757AA04}" dt="2021-03-25T16:14:05.334" v="2572" actId="478"/>
          <ac:spMkLst>
            <pc:docMk/>
            <pc:sldMk cId="129609437" sldId="573"/>
            <ac:spMk id="25" creationId="{77E7F31B-20D9-A34B-B60E-23A280C78D59}"/>
          </ac:spMkLst>
        </pc:spChg>
        <pc:spChg chg="add del mod">
          <ac:chgData name="Daly Donnacha HSLU I" userId="0f22e960-400a-43ff-baeb-4828c8f5cd3a" providerId="ADAL" clId="{55F1696D-224E-654D-8EE7-4CBBA757AA04}" dt="2021-03-25T16:14:05.334" v="2572" actId="478"/>
          <ac:spMkLst>
            <pc:docMk/>
            <pc:sldMk cId="129609437" sldId="573"/>
            <ac:spMk id="26" creationId="{3CCDBD16-0C0F-E246-8375-7A6AEAFFED53}"/>
          </ac:spMkLst>
        </pc:spChg>
        <pc:spChg chg="add del mod">
          <ac:chgData name="Daly Donnacha HSLU I" userId="0f22e960-400a-43ff-baeb-4828c8f5cd3a" providerId="ADAL" clId="{55F1696D-224E-654D-8EE7-4CBBA757AA04}" dt="2021-03-25T16:14:05.334" v="2572" actId="478"/>
          <ac:spMkLst>
            <pc:docMk/>
            <pc:sldMk cId="129609437" sldId="573"/>
            <ac:spMk id="27" creationId="{5F0BC697-3B3E-B440-8368-B130F048195E}"/>
          </ac:spMkLst>
        </pc:spChg>
        <pc:spChg chg="add del mod">
          <ac:chgData name="Daly Donnacha HSLU I" userId="0f22e960-400a-43ff-baeb-4828c8f5cd3a" providerId="ADAL" clId="{55F1696D-224E-654D-8EE7-4CBBA757AA04}" dt="2021-03-25T16:14:05.334" v="2572" actId="478"/>
          <ac:spMkLst>
            <pc:docMk/>
            <pc:sldMk cId="129609437" sldId="573"/>
            <ac:spMk id="28" creationId="{D72A616A-CA5C-914C-9F71-815A40F80182}"/>
          </ac:spMkLst>
        </pc:spChg>
        <pc:spChg chg="add del mod">
          <ac:chgData name="Daly Donnacha HSLU I" userId="0f22e960-400a-43ff-baeb-4828c8f5cd3a" providerId="ADAL" clId="{55F1696D-224E-654D-8EE7-4CBBA757AA04}" dt="2021-03-25T16:14:05.334" v="2572" actId="478"/>
          <ac:spMkLst>
            <pc:docMk/>
            <pc:sldMk cId="129609437" sldId="573"/>
            <ac:spMk id="29" creationId="{2800A5D1-E71D-6A42-85B6-9C576049E1AC}"/>
          </ac:spMkLst>
        </pc:spChg>
        <pc:spChg chg="add del mod">
          <ac:chgData name="Daly Donnacha HSLU I" userId="0f22e960-400a-43ff-baeb-4828c8f5cd3a" providerId="ADAL" clId="{55F1696D-224E-654D-8EE7-4CBBA757AA04}" dt="2021-03-25T16:14:05.334" v="2572" actId="478"/>
          <ac:spMkLst>
            <pc:docMk/>
            <pc:sldMk cId="129609437" sldId="573"/>
            <ac:spMk id="30" creationId="{FC1652C3-F5D8-6D49-86B4-FF964EDBD3DF}"/>
          </ac:spMkLst>
        </pc:spChg>
        <pc:spChg chg="add del mod">
          <ac:chgData name="Daly Donnacha HSLU I" userId="0f22e960-400a-43ff-baeb-4828c8f5cd3a" providerId="ADAL" clId="{55F1696D-224E-654D-8EE7-4CBBA757AA04}" dt="2021-03-25T16:14:05.334" v="2572" actId="478"/>
          <ac:spMkLst>
            <pc:docMk/>
            <pc:sldMk cId="129609437" sldId="573"/>
            <ac:spMk id="31" creationId="{4473B2DF-70DC-2644-A3A6-FD6776EF042F}"/>
          </ac:spMkLst>
        </pc:spChg>
        <pc:spChg chg="add del mod">
          <ac:chgData name="Daly Donnacha HSLU I" userId="0f22e960-400a-43ff-baeb-4828c8f5cd3a" providerId="ADAL" clId="{55F1696D-224E-654D-8EE7-4CBBA757AA04}" dt="2021-03-25T16:14:05.334" v="2572" actId="478"/>
          <ac:spMkLst>
            <pc:docMk/>
            <pc:sldMk cId="129609437" sldId="573"/>
            <ac:spMk id="32" creationId="{8D01A5C1-8385-CB4E-9FE2-0CF45722DC1B}"/>
          </ac:spMkLst>
        </pc:spChg>
        <pc:spChg chg="add del mod">
          <ac:chgData name="Daly Donnacha HSLU I" userId="0f22e960-400a-43ff-baeb-4828c8f5cd3a" providerId="ADAL" clId="{55F1696D-224E-654D-8EE7-4CBBA757AA04}" dt="2021-03-25T16:14:05.334" v="2572" actId="478"/>
          <ac:spMkLst>
            <pc:docMk/>
            <pc:sldMk cId="129609437" sldId="573"/>
            <ac:spMk id="33" creationId="{B591C173-418D-5B41-BAAA-81C493D77AF1}"/>
          </ac:spMkLst>
        </pc:spChg>
        <pc:spChg chg="add del mod">
          <ac:chgData name="Daly Donnacha HSLU I" userId="0f22e960-400a-43ff-baeb-4828c8f5cd3a" providerId="ADAL" clId="{55F1696D-224E-654D-8EE7-4CBBA757AA04}" dt="2021-03-25T16:14:05.334" v="2572" actId="478"/>
          <ac:spMkLst>
            <pc:docMk/>
            <pc:sldMk cId="129609437" sldId="573"/>
            <ac:spMk id="34" creationId="{B9BFE1C5-34EF-EA4A-8B33-A00F7114624E}"/>
          </ac:spMkLst>
        </pc:spChg>
        <pc:spChg chg="add del mod">
          <ac:chgData name="Daly Donnacha HSLU I" userId="0f22e960-400a-43ff-baeb-4828c8f5cd3a" providerId="ADAL" clId="{55F1696D-224E-654D-8EE7-4CBBA757AA04}" dt="2021-03-25T16:14:05.334" v="2572" actId="478"/>
          <ac:spMkLst>
            <pc:docMk/>
            <pc:sldMk cId="129609437" sldId="573"/>
            <ac:spMk id="35" creationId="{442DA89C-8C22-7F49-93E9-9962E233EEC9}"/>
          </ac:spMkLst>
        </pc:spChg>
        <pc:spChg chg="add del mod">
          <ac:chgData name="Daly Donnacha HSLU I" userId="0f22e960-400a-43ff-baeb-4828c8f5cd3a" providerId="ADAL" clId="{55F1696D-224E-654D-8EE7-4CBBA757AA04}" dt="2021-03-25T16:14:05.334" v="2572" actId="478"/>
          <ac:spMkLst>
            <pc:docMk/>
            <pc:sldMk cId="129609437" sldId="573"/>
            <ac:spMk id="36" creationId="{9570DA70-740E-6246-B090-5CDCC12F293C}"/>
          </ac:spMkLst>
        </pc:spChg>
        <pc:spChg chg="add del mod">
          <ac:chgData name="Daly Donnacha HSLU I" userId="0f22e960-400a-43ff-baeb-4828c8f5cd3a" providerId="ADAL" clId="{55F1696D-224E-654D-8EE7-4CBBA757AA04}" dt="2021-03-25T16:14:05.334" v="2572" actId="478"/>
          <ac:spMkLst>
            <pc:docMk/>
            <pc:sldMk cId="129609437" sldId="573"/>
            <ac:spMk id="37" creationId="{B4EBF0B6-B8B1-AE45-AE6E-A8A146AC0F60}"/>
          </ac:spMkLst>
        </pc:spChg>
        <pc:spChg chg="add del mod">
          <ac:chgData name="Daly Donnacha HSLU I" userId="0f22e960-400a-43ff-baeb-4828c8f5cd3a" providerId="ADAL" clId="{55F1696D-224E-654D-8EE7-4CBBA757AA04}" dt="2021-03-25T16:14:05.334" v="2572" actId="478"/>
          <ac:spMkLst>
            <pc:docMk/>
            <pc:sldMk cId="129609437" sldId="573"/>
            <ac:spMk id="38" creationId="{CFE47FC8-33C3-F14D-BB4F-A83D8214110C}"/>
          </ac:spMkLst>
        </pc:spChg>
        <pc:spChg chg="add del mod">
          <ac:chgData name="Daly Donnacha HSLU I" userId="0f22e960-400a-43ff-baeb-4828c8f5cd3a" providerId="ADAL" clId="{55F1696D-224E-654D-8EE7-4CBBA757AA04}" dt="2021-03-25T16:14:05.334" v="2572" actId="478"/>
          <ac:spMkLst>
            <pc:docMk/>
            <pc:sldMk cId="129609437" sldId="573"/>
            <ac:spMk id="39" creationId="{8A26BF7B-2948-C44D-B1D7-A13FCDC5D2E9}"/>
          </ac:spMkLst>
        </pc:spChg>
        <pc:spChg chg="add del mod">
          <ac:chgData name="Daly Donnacha HSLU I" userId="0f22e960-400a-43ff-baeb-4828c8f5cd3a" providerId="ADAL" clId="{55F1696D-224E-654D-8EE7-4CBBA757AA04}" dt="2021-03-25T16:14:05.334" v="2572" actId="478"/>
          <ac:spMkLst>
            <pc:docMk/>
            <pc:sldMk cId="129609437" sldId="573"/>
            <ac:spMk id="40" creationId="{1855EA7B-0EC6-6545-94E3-27A999B4835B}"/>
          </ac:spMkLst>
        </pc:spChg>
        <pc:spChg chg="add del mod">
          <ac:chgData name="Daly Donnacha HSLU I" userId="0f22e960-400a-43ff-baeb-4828c8f5cd3a" providerId="ADAL" clId="{55F1696D-224E-654D-8EE7-4CBBA757AA04}" dt="2021-03-25T16:14:05.334" v="2572" actId="478"/>
          <ac:spMkLst>
            <pc:docMk/>
            <pc:sldMk cId="129609437" sldId="573"/>
            <ac:spMk id="41" creationId="{41698FD9-36CD-3F47-8843-96D488F3B311}"/>
          </ac:spMkLst>
        </pc:spChg>
        <pc:spChg chg="add mod">
          <ac:chgData name="Daly Donnacha HSLU I" userId="0f22e960-400a-43ff-baeb-4828c8f5cd3a" providerId="ADAL" clId="{55F1696D-224E-654D-8EE7-4CBBA757AA04}" dt="2021-03-26T14:09:26.421" v="12252" actId="20577"/>
          <ac:spMkLst>
            <pc:docMk/>
            <pc:sldMk cId="129609437" sldId="573"/>
            <ac:spMk id="42" creationId="{DD6A733B-CD1F-ED4B-8011-B284B2762AC9}"/>
          </ac:spMkLst>
        </pc:spChg>
        <pc:spChg chg="add mod">
          <ac:chgData name="Daly Donnacha HSLU I" userId="0f22e960-400a-43ff-baeb-4828c8f5cd3a" providerId="ADAL" clId="{55F1696D-224E-654D-8EE7-4CBBA757AA04}" dt="2021-03-25T16:35:56.582" v="3448" actId="1036"/>
          <ac:spMkLst>
            <pc:docMk/>
            <pc:sldMk cId="129609437" sldId="573"/>
            <ac:spMk id="43" creationId="{0F5A1D1E-36CC-AE43-A614-637E8A21C743}"/>
          </ac:spMkLst>
        </pc:spChg>
        <pc:spChg chg="add mod">
          <ac:chgData name="Daly Donnacha HSLU I" userId="0f22e960-400a-43ff-baeb-4828c8f5cd3a" providerId="ADAL" clId="{55F1696D-224E-654D-8EE7-4CBBA757AA04}" dt="2021-03-25T16:14:37.887" v="2578" actId="1076"/>
          <ac:spMkLst>
            <pc:docMk/>
            <pc:sldMk cId="129609437" sldId="573"/>
            <ac:spMk id="44" creationId="{B55E5B41-319C-A147-AD00-822AE5D0C25B}"/>
          </ac:spMkLst>
        </pc:spChg>
        <pc:spChg chg="add mod">
          <ac:chgData name="Daly Donnacha HSLU I" userId="0f22e960-400a-43ff-baeb-4828c8f5cd3a" providerId="ADAL" clId="{55F1696D-224E-654D-8EE7-4CBBA757AA04}" dt="2021-03-25T16:14:37.887" v="2578" actId="1076"/>
          <ac:spMkLst>
            <pc:docMk/>
            <pc:sldMk cId="129609437" sldId="573"/>
            <ac:spMk id="45" creationId="{5F201D05-909F-534C-AF60-A68C986132A0}"/>
          </ac:spMkLst>
        </pc:spChg>
        <pc:spChg chg="add mod">
          <ac:chgData name="Daly Donnacha HSLU I" userId="0f22e960-400a-43ff-baeb-4828c8f5cd3a" providerId="ADAL" clId="{55F1696D-224E-654D-8EE7-4CBBA757AA04}" dt="2021-03-25T16:14:37.887" v="2578" actId="1076"/>
          <ac:spMkLst>
            <pc:docMk/>
            <pc:sldMk cId="129609437" sldId="573"/>
            <ac:spMk id="46" creationId="{B35515CF-29C2-324B-BE0D-E0377C9A541B}"/>
          </ac:spMkLst>
        </pc:spChg>
        <pc:spChg chg="add mod">
          <ac:chgData name="Daly Donnacha HSLU I" userId="0f22e960-400a-43ff-baeb-4828c8f5cd3a" providerId="ADAL" clId="{55F1696D-224E-654D-8EE7-4CBBA757AA04}" dt="2021-03-25T16:14:20.581" v="2575"/>
          <ac:spMkLst>
            <pc:docMk/>
            <pc:sldMk cId="129609437" sldId="573"/>
            <ac:spMk id="49" creationId="{D3925189-4A06-CB49-82F4-860106054B9F}"/>
          </ac:spMkLst>
        </pc:spChg>
        <pc:spChg chg="add mod">
          <ac:chgData name="Daly Donnacha HSLU I" userId="0f22e960-400a-43ff-baeb-4828c8f5cd3a" providerId="ADAL" clId="{55F1696D-224E-654D-8EE7-4CBBA757AA04}" dt="2021-03-25T16:14:20.581" v="2575"/>
          <ac:spMkLst>
            <pc:docMk/>
            <pc:sldMk cId="129609437" sldId="573"/>
            <ac:spMk id="50" creationId="{3B2AE1B2-7076-B745-BAD2-C1B4F9A42A4E}"/>
          </ac:spMkLst>
        </pc:spChg>
        <pc:spChg chg="add mod">
          <ac:chgData name="Daly Donnacha HSLU I" userId="0f22e960-400a-43ff-baeb-4828c8f5cd3a" providerId="ADAL" clId="{55F1696D-224E-654D-8EE7-4CBBA757AA04}" dt="2021-03-25T16:14:20.581" v="2575"/>
          <ac:spMkLst>
            <pc:docMk/>
            <pc:sldMk cId="129609437" sldId="573"/>
            <ac:spMk id="51" creationId="{4013B9BC-170B-574F-B5AF-666E93E1CD3F}"/>
          </ac:spMkLst>
        </pc:spChg>
        <pc:spChg chg="add mod">
          <ac:chgData name="Daly Donnacha HSLU I" userId="0f22e960-400a-43ff-baeb-4828c8f5cd3a" providerId="ADAL" clId="{55F1696D-224E-654D-8EE7-4CBBA757AA04}" dt="2021-03-25T16:14:20.581" v="2575"/>
          <ac:spMkLst>
            <pc:docMk/>
            <pc:sldMk cId="129609437" sldId="573"/>
            <ac:spMk id="52" creationId="{DB2C4396-1E8E-DB41-8A19-AAFE73E8DE45}"/>
          </ac:spMkLst>
        </pc:spChg>
        <pc:spChg chg="add mod">
          <ac:chgData name="Daly Donnacha HSLU I" userId="0f22e960-400a-43ff-baeb-4828c8f5cd3a" providerId="ADAL" clId="{55F1696D-224E-654D-8EE7-4CBBA757AA04}" dt="2021-03-25T16:14:20.581" v="2575"/>
          <ac:spMkLst>
            <pc:docMk/>
            <pc:sldMk cId="129609437" sldId="573"/>
            <ac:spMk id="53" creationId="{3DBD43B0-2C16-7F43-9B95-1D7B2A9FC091}"/>
          </ac:spMkLst>
        </pc:spChg>
        <pc:spChg chg="add mod">
          <ac:chgData name="Daly Donnacha HSLU I" userId="0f22e960-400a-43ff-baeb-4828c8f5cd3a" providerId="ADAL" clId="{55F1696D-224E-654D-8EE7-4CBBA757AA04}" dt="2021-03-25T16:14:20.581" v="2575"/>
          <ac:spMkLst>
            <pc:docMk/>
            <pc:sldMk cId="129609437" sldId="573"/>
            <ac:spMk id="54" creationId="{33C21A78-4411-5F43-A920-C2BB37930B1F}"/>
          </ac:spMkLst>
        </pc:spChg>
        <pc:spChg chg="add mod">
          <ac:chgData name="Daly Donnacha HSLU I" userId="0f22e960-400a-43ff-baeb-4828c8f5cd3a" providerId="ADAL" clId="{55F1696D-224E-654D-8EE7-4CBBA757AA04}" dt="2021-03-25T16:14:20.581" v="2575"/>
          <ac:spMkLst>
            <pc:docMk/>
            <pc:sldMk cId="129609437" sldId="573"/>
            <ac:spMk id="55" creationId="{2EE5F8B3-EDA1-0B49-9780-376862C4319E}"/>
          </ac:spMkLst>
        </pc:spChg>
        <pc:spChg chg="add mod">
          <ac:chgData name="Daly Donnacha HSLU I" userId="0f22e960-400a-43ff-baeb-4828c8f5cd3a" providerId="ADAL" clId="{55F1696D-224E-654D-8EE7-4CBBA757AA04}" dt="2021-03-25T16:14:20.581" v="2575"/>
          <ac:spMkLst>
            <pc:docMk/>
            <pc:sldMk cId="129609437" sldId="573"/>
            <ac:spMk id="56" creationId="{46679458-F715-D045-B795-67E3D78CC74B}"/>
          </ac:spMkLst>
        </pc:spChg>
        <pc:spChg chg="add mod">
          <ac:chgData name="Daly Donnacha HSLU I" userId="0f22e960-400a-43ff-baeb-4828c8f5cd3a" providerId="ADAL" clId="{55F1696D-224E-654D-8EE7-4CBBA757AA04}" dt="2021-03-25T16:14:20.581" v="2575"/>
          <ac:spMkLst>
            <pc:docMk/>
            <pc:sldMk cId="129609437" sldId="573"/>
            <ac:spMk id="57" creationId="{183ED72A-4F7A-694C-BBAA-FADD51039FED}"/>
          </ac:spMkLst>
        </pc:spChg>
        <pc:spChg chg="add mod">
          <ac:chgData name="Daly Donnacha HSLU I" userId="0f22e960-400a-43ff-baeb-4828c8f5cd3a" providerId="ADAL" clId="{55F1696D-224E-654D-8EE7-4CBBA757AA04}" dt="2021-03-25T16:14:20.581" v="2575"/>
          <ac:spMkLst>
            <pc:docMk/>
            <pc:sldMk cId="129609437" sldId="573"/>
            <ac:spMk id="58" creationId="{C773349C-0B44-4E44-BBBB-2D863F36ECB5}"/>
          </ac:spMkLst>
        </pc:spChg>
        <pc:spChg chg="add mod">
          <ac:chgData name="Daly Donnacha HSLU I" userId="0f22e960-400a-43ff-baeb-4828c8f5cd3a" providerId="ADAL" clId="{55F1696D-224E-654D-8EE7-4CBBA757AA04}" dt="2021-03-25T16:14:20.581" v="2575"/>
          <ac:spMkLst>
            <pc:docMk/>
            <pc:sldMk cId="129609437" sldId="573"/>
            <ac:spMk id="59" creationId="{843FE3CF-3553-C14B-A8B0-BD01B605DC9D}"/>
          </ac:spMkLst>
        </pc:spChg>
        <pc:spChg chg="add mod">
          <ac:chgData name="Daly Donnacha HSLU I" userId="0f22e960-400a-43ff-baeb-4828c8f5cd3a" providerId="ADAL" clId="{55F1696D-224E-654D-8EE7-4CBBA757AA04}" dt="2021-03-25T16:14:20.581" v="2575"/>
          <ac:spMkLst>
            <pc:docMk/>
            <pc:sldMk cId="129609437" sldId="573"/>
            <ac:spMk id="60" creationId="{3E8CC5A9-7A6D-8743-9715-CD0CAE77473B}"/>
          </ac:spMkLst>
        </pc:spChg>
        <pc:spChg chg="add mod">
          <ac:chgData name="Daly Donnacha HSLU I" userId="0f22e960-400a-43ff-baeb-4828c8f5cd3a" providerId="ADAL" clId="{55F1696D-224E-654D-8EE7-4CBBA757AA04}" dt="2021-03-25T16:14:20.581" v="2575"/>
          <ac:spMkLst>
            <pc:docMk/>
            <pc:sldMk cId="129609437" sldId="573"/>
            <ac:spMk id="61" creationId="{CB133028-0D76-8B43-A8EC-0BD7AAEB2F5A}"/>
          </ac:spMkLst>
        </pc:spChg>
        <pc:spChg chg="add mod">
          <ac:chgData name="Daly Donnacha HSLU I" userId="0f22e960-400a-43ff-baeb-4828c8f5cd3a" providerId="ADAL" clId="{55F1696D-224E-654D-8EE7-4CBBA757AA04}" dt="2021-03-25T16:14:20.581" v="2575"/>
          <ac:spMkLst>
            <pc:docMk/>
            <pc:sldMk cId="129609437" sldId="573"/>
            <ac:spMk id="62" creationId="{65127B6D-8D1F-BD45-8D9F-16EC575EE804}"/>
          </ac:spMkLst>
        </pc:spChg>
        <pc:spChg chg="add mod">
          <ac:chgData name="Daly Donnacha HSLU I" userId="0f22e960-400a-43ff-baeb-4828c8f5cd3a" providerId="ADAL" clId="{55F1696D-224E-654D-8EE7-4CBBA757AA04}" dt="2021-03-25T16:14:20.581" v="2575"/>
          <ac:spMkLst>
            <pc:docMk/>
            <pc:sldMk cId="129609437" sldId="573"/>
            <ac:spMk id="63" creationId="{080A4ECC-D3F0-0747-97A2-2F5011A8CB7E}"/>
          </ac:spMkLst>
        </pc:spChg>
        <pc:spChg chg="add mod">
          <ac:chgData name="Daly Donnacha HSLU I" userId="0f22e960-400a-43ff-baeb-4828c8f5cd3a" providerId="ADAL" clId="{55F1696D-224E-654D-8EE7-4CBBA757AA04}" dt="2021-03-25T16:14:20.581" v="2575"/>
          <ac:spMkLst>
            <pc:docMk/>
            <pc:sldMk cId="129609437" sldId="573"/>
            <ac:spMk id="64" creationId="{A41C5093-C8CE-7B41-B8F4-2C281A3A7939}"/>
          </ac:spMkLst>
        </pc:spChg>
        <pc:spChg chg="add mod">
          <ac:chgData name="Daly Donnacha HSLU I" userId="0f22e960-400a-43ff-baeb-4828c8f5cd3a" providerId="ADAL" clId="{55F1696D-224E-654D-8EE7-4CBBA757AA04}" dt="2021-03-25T16:14:20.581" v="2575"/>
          <ac:spMkLst>
            <pc:docMk/>
            <pc:sldMk cId="129609437" sldId="573"/>
            <ac:spMk id="65" creationId="{F44A2868-9D9D-6147-9B39-3F1D2919D5CB}"/>
          </ac:spMkLst>
        </pc:spChg>
        <pc:spChg chg="add mod">
          <ac:chgData name="Daly Donnacha HSLU I" userId="0f22e960-400a-43ff-baeb-4828c8f5cd3a" providerId="ADAL" clId="{55F1696D-224E-654D-8EE7-4CBBA757AA04}" dt="2021-03-25T16:14:20.581" v="2575"/>
          <ac:spMkLst>
            <pc:docMk/>
            <pc:sldMk cId="129609437" sldId="573"/>
            <ac:spMk id="66" creationId="{407E1D11-6D87-9440-A403-E21677E4819E}"/>
          </ac:spMkLst>
        </pc:spChg>
        <pc:spChg chg="add mod">
          <ac:chgData name="Daly Donnacha HSLU I" userId="0f22e960-400a-43ff-baeb-4828c8f5cd3a" providerId="ADAL" clId="{55F1696D-224E-654D-8EE7-4CBBA757AA04}" dt="2021-03-25T16:14:20.581" v="2575"/>
          <ac:spMkLst>
            <pc:docMk/>
            <pc:sldMk cId="129609437" sldId="573"/>
            <ac:spMk id="67" creationId="{BA371B5C-E4DE-0D41-A82C-6362CB824F0F}"/>
          </ac:spMkLst>
        </pc:spChg>
        <pc:spChg chg="add mod">
          <ac:chgData name="Daly Donnacha HSLU I" userId="0f22e960-400a-43ff-baeb-4828c8f5cd3a" providerId="ADAL" clId="{55F1696D-224E-654D-8EE7-4CBBA757AA04}" dt="2021-03-25T16:14:20.581" v="2575"/>
          <ac:spMkLst>
            <pc:docMk/>
            <pc:sldMk cId="129609437" sldId="573"/>
            <ac:spMk id="68" creationId="{691C1E0D-5B46-7747-A4C0-F9E68DC215A3}"/>
          </ac:spMkLst>
        </pc:spChg>
        <pc:spChg chg="add mod">
          <ac:chgData name="Daly Donnacha HSLU I" userId="0f22e960-400a-43ff-baeb-4828c8f5cd3a" providerId="ADAL" clId="{55F1696D-224E-654D-8EE7-4CBBA757AA04}" dt="2021-03-25T16:14:20.581" v="2575"/>
          <ac:spMkLst>
            <pc:docMk/>
            <pc:sldMk cId="129609437" sldId="573"/>
            <ac:spMk id="69" creationId="{B3D5831C-985A-B24C-9812-10E3C272BBB6}"/>
          </ac:spMkLst>
        </pc:spChg>
        <pc:spChg chg="add mod">
          <ac:chgData name="Daly Donnacha HSLU I" userId="0f22e960-400a-43ff-baeb-4828c8f5cd3a" providerId="ADAL" clId="{55F1696D-224E-654D-8EE7-4CBBA757AA04}" dt="2021-03-25T16:14:20.581" v="2575"/>
          <ac:spMkLst>
            <pc:docMk/>
            <pc:sldMk cId="129609437" sldId="573"/>
            <ac:spMk id="70" creationId="{892FFDEC-0B37-484F-BDE2-6EFCAB703064}"/>
          </ac:spMkLst>
        </pc:spChg>
        <pc:spChg chg="add mod">
          <ac:chgData name="Daly Donnacha HSLU I" userId="0f22e960-400a-43ff-baeb-4828c8f5cd3a" providerId="ADAL" clId="{55F1696D-224E-654D-8EE7-4CBBA757AA04}" dt="2021-03-25T16:14:20.581" v="2575"/>
          <ac:spMkLst>
            <pc:docMk/>
            <pc:sldMk cId="129609437" sldId="573"/>
            <ac:spMk id="71" creationId="{2B1F83B0-772B-FA43-983D-DE4F253B302A}"/>
          </ac:spMkLst>
        </pc:spChg>
        <pc:spChg chg="add mod">
          <ac:chgData name="Daly Donnacha HSLU I" userId="0f22e960-400a-43ff-baeb-4828c8f5cd3a" providerId="ADAL" clId="{55F1696D-224E-654D-8EE7-4CBBA757AA04}" dt="2021-03-25T16:14:20.581" v="2575"/>
          <ac:spMkLst>
            <pc:docMk/>
            <pc:sldMk cId="129609437" sldId="573"/>
            <ac:spMk id="72" creationId="{844D5C54-3C1A-ED44-AD5E-030E5ED5CC07}"/>
          </ac:spMkLst>
        </pc:spChg>
        <pc:spChg chg="add mod">
          <ac:chgData name="Daly Donnacha HSLU I" userId="0f22e960-400a-43ff-baeb-4828c8f5cd3a" providerId="ADAL" clId="{55F1696D-224E-654D-8EE7-4CBBA757AA04}" dt="2021-03-25T16:14:20.581" v="2575"/>
          <ac:spMkLst>
            <pc:docMk/>
            <pc:sldMk cId="129609437" sldId="573"/>
            <ac:spMk id="73" creationId="{1691E19D-5534-E343-B7FC-538447CDE2E0}"/>
          </ac:spMkLst>
        </pc:spChg>
        <pc:spChg chg="add mod">
          <ac:chgData name="Daly Donnacha HSLU I" userId="0f22e960-400a-43ff-baeb-4828c8f5cd3a" providerId="ADAL" clId="{55F1696D-224E-654D-8EE7-4CBBA757AA04}" dt="2021-03-25T16:14:20.581" v="2575"/>
          <ac:spMkLst>
            <pc:docMk/>
            <pc:sldMk cId="129609437" sldId="573"/>
            <ac:spMk id="74" creationId="{9DE642EF-3D82-814F-9CA3-02DB3410A5A2}"/>
          </ac:spMkLst>
        </pc:spChg>
        <pc:spChg chg="add mod">
          <ac:chgData name="Daly Donnacha HSLU I" userId="0f22e960-400a-43ff-baeb-4828c8f5cd3a" providerId="ADAL" clId="{55F1696D-224E-654D-8EE7-4CBBA757AA04}" dt="2021-03-25T16:14:20.581" v="2575"/>
          <ac:spMkLst>
            <pc:docMk/>
            <pc:sldMk cId="129609437" sldId="573"/>
            <ac:spMk id="75" creationId="{B1CF0981-FD6D-FE4B-B623-7A38E1BABE80}"/>
          </ac:spMkLst>
        </pc:spChg>
        <pc:spChg chg="add mod">
          <ac:chgData name="Daly Donnacha HSLU I" userId="0f22e960-400a-43ff-baeb-4828c8f5cd3a" providerId="ADAL" clId="{55F1696D-224E-654D-8EE7-4CBBA757AA04}" dt="2021-03-25T16:14:20.581" v="2575"/>
          <ac:spMkLst>
            <pc:docMk/>
            <pc:sldMk cId="129609437" sldId="573"/>
            <ac:spMk id="76" creationId="{97D2F126-5E31-9745-9F9F-6BAFC46BB21F}"/>
          </ac:spMkLst>
        </pc:spChg>
        <pc:spChg chg="add mod">
          <ac:chgData name="Daly Donnacha HSLU I" userId="0f22e960-400a-43ff-baeb-4828c8f5cd3a" providerId="ADAL" clId="{55F1696D-224E-654D-8EE7-4CBBA757AA04}" dt="2021-03-25T16:14:20.581" v="2575"/>
          <ac:spMkLst>
            <pc:docMk/>
            <pc:sldMk cId="129609437" sldId="573"/>
            <ac:spMk id="77" creationId="{F51C16BA-6C06-4B4A-ABDA-C45F265149BB}"/>
          </ac:spMkLst>
        </pc:spChg>
        <pc:spChg chg="add mod">
          <ac:chgData name="Daly Donnacha HSLU I" userId="0f22e960-400a-43ff-baeb-4828c8f5cd3a" providerId="ADAL" clId="{55F1696D-224E-654D-8EE7-4CBBA757AA04}" dt="2021-03-25T16:14:20.581" v="2575"/>
          <ac:spMkLst>
            <pc:docMk/>
            <pc:sldMk cId="129609437" sldId="573"/>
            <ac:spMk id="78" creationId="{2E8C450C-99D5-154E-B5BA-629CEB288965}"/>
          </ac:spMkLst>
        </pc:spChg>
        <pc:spChg chg="add mod">
          <ac:chgData name="Daly Donnacha HSLU I" userId="0f22e960-400a-43ff-baeb-4828c8f5cd3a" providerId="ADAL" clId="{55F1696D-224E-654D-8EE7-4CBBA757AA04}" dt="2021-03-25T16:14:20.581" v="2575"/>
          <ac:spMkLst>
            <pc:docMk/>
            <pc:sldMk cId="129609437" sldId="573"/>
            <ac:spMk id="79" creationId="{CB979278-6888-0648-A21B-59946C05ACF4}"/>
          </ac:spMkLst>
        </pc:spChg>
        <pc:spChg chg="add mod">
          <ac:chgData name="Daly Donnacha HSLU I" userId="0f22e960-400a-43ff-baeb-4828c8f5cd3a" providerId="ADAL" clId="{55F1696D-224E-654D-8EE7-4CBBA757AA04}" dt="2021-03-25T16:14:20.581" v="2575"/>
          <ac:spMkLst>
            <pc:docMk/>
            <pc:sldMk cId="129609437" sldId="573"/>
            <ac:spMk id="80" creationId="{63C74B81-0891-D24A-8009-EC73CFBB422D}"/>
          </ac:spMkLst>
        </pc:spChg>
        <pc:spChg chg="add mod">
          <ac:chgData name="Daly Donnacha HSLU I" userId="0f22e960-400a-43ff-baeb-4828c8f5cd3a" providerId="ADAL" clId="{55F1696D-224E-654D-8EE7-4CBBA757AA04}" dt="2021-03-25T16:14:20.581" v="2575"/>
          <ac:spMkLst>
            <pc:docMk/>
            <pc:sldMk cId="129609437" sldId="573"/>
            <ac:spMk id="81" creationId="{9A673274-7348-7A4B-B623-DB5EF9B414C0}"/>
          </ac:spMkLst>
        </pc:spChg>
        <pc:spChg chg="add mod">
          <ac:chgData name="Daly Donnacha HSLU I" userId="0f22e960-400a-43ff-baeb-4828c8f5cd3a" providerId="ADAL" clId="{55F1696D-224E-654D-8EE7-4CBBA757AA04}" dt="2021-03-25T16:14:20.581" v="2575"/>
          <ac:spMkLst>
            <pc:docMk/>
            <pc:sldMk cId="129609437" sldId="573"/>
            <ac:spMk id="82" creationId="{80D886F2-C212-6240-BB82-F4818FCB160D}"/>
          </ac:spMkLst>
        </pc:spChg>
        <pc:spChg chg="add mod">
          <ac:chgData name="Daly Donnacha HSLU I" userId="0f22e960-400a-43ff-baeb-4828c8f5cd3a" providerId="ADAL" clId="{55F1696D-224E-654D-8EE7-4CBBA757AA04}" dt="2021-03-26T10:10:19.549" v="10334" actId="6549"/>
          <ac:spMkLst>
            <pc:docMk/>
            <pc:sldMk cId="129609437" sldId="573"/>
            <ac:spMk id="83" creationId="{2330C216-6B7A-1245-BAA2-E7739054DFF3}"/>
          </ac:spMkLst>
        </pc:spChg>
        <pc:cxnChg chg="add del mod">
          <ac:chgData name="Daly Donnacha HSLU I" userId="0f22e960-400a-43ff-baeb-4828c8f5cd3a" providerId="ADAL" clId="{55F1696D-224E-654D-8EE7-4CBBA757AA04}" dt="2021-03-25T16:14:05.334" v="2572" actId="478"/>
          <ac:cxnSpMkLst>
            <pc:docMk/>
            <pc:sldMk cId="129609437" sldId="573"/>
            <ac:cxnSpMk id="6" creationId="{008D0A5E-29AC-594D-BB59-BF38EF03DCF4}"/>
          </ac:cxnSpMkLst>
        </pc:cxnChg>
        <pc:cxnChg chg="add del mod">
          <ac:chgData name="Daly Donnacha HSLU I" userId="0f22e960-400a-43ff-baeb-4828c8f5cd3a" providerId="ADAL" clId="{55F1696D-224E-654D-8EE7-4CBBA757AA04}" dt="2021-03-25T16:14:05.334" v="2572" actId="478"/>
          <ac:cxnSpMkLst>
            <pc:docMk/>
            <pc:sldMk cId="129609437" sldId="573"/>
            <ac:cxnSpMk id="7" creationId="{B53D202A-7A16-FA40-B01A-BBF1407772CE}"/>
          </ac:cxnSpMkLst>
        </pc:cxnChg>
        <pc:cxnChg chg="add mod">
          <ac:chgData name="Daly Donnacha HSLU I" userId="0f22e960-400a-43ff-baeb-4828c8f5cd3a" providerId="ADAL" clId="{55F1696D-224E-654D-8EE7-4CBBA757AA04}" dt="2021-03-25T16:14:20.581" v="2575"/>
          <ac:cxnSpMkLst>
            <pc:docMk/>
            <pc:sldMk cId="129609437" sldId="573"/>
            <ac:cxnSpMk id="47" creationId="{CF196441-05D5-614B-B41B-DF8306A26E3D}"/>
          </ac:cxnSpMkLst>
        </pc:cxnChg>
        <pc:cxnChg chg="add mod">
          <ac:chgData name="Daly Donnacha HSLU I" userId="0f22e960-400a-43ff-baeb-4828c8f5cd3a" providerId="ADAL" clId="{55F1696D-224E-654D-8EE7-4CBBA757AA04}" dt="2021-03-25T16:14:20.581" v="2575"/>
          <ac:cxnSpMkLst>
            <pc:docMk/>
            <pc:sldMk cId="129609437" sldId="573"/>
            <ac:cxnSpMk id="48" creationId="{A4563A7F-D4C5-4044-A15B-01253CB88AFC}"/>
          </ac:cxnSpMkLst>
        </pc:cxnChg>
      </pc:sldChg>
      <pc:sldChg chg="addSp delSp modSp add mod">
        <pc:chgData name="Daly Donnacha HSLU I" userId="0f22e960-400a-43ff-baeb-4828c8f5cd3a" providerId="ADAL" clId="{55F1696D-224E-654D-8EE7-4CBBA757AA04}" dt="2021-03-26T05:42:15.512" v="5123" actId="114"/>
        <pc:sldMkLst>
          <pc:docMk/>
          <pc:sldMk cId="1450022582" sldId="574"/>
        </pc:sldMkLst>
        <pc:spChg chg="mod">
          <ac:chgData name="Daly Donnacha HSLU I" userId="0f22e960-400a-43ff-baeb-4828c8f5cd3a" providerId="ADAL" clId="{55F1696D-224E-654D-8EE7-4CBBA757AA04}" dt="2021-03-26T04:31:39.113" v="4333" actId="20577"/>
          <ac:spMkLst>
            <pc:docMk/>
            <pc:sldMk cId="1450022582" sldId="574"/>
            <ac:spMk id="2" creationId="{6E26140C-1F8F-DA47-B5C3-8F2D50159374}"/>
          </ac:spMkLst>
        </pc:spChg>
        <pc:spChg chg="del mod">
          <ac:chgData name="Daly Donnacha HSLU I" userId="0f22e960-400a-43ff-baeb-4828c8f5cd3a" providerId="ADAL" clId="{55F1696D-224E-654D-8EE7-4CBBA757AA04}" dt="2021-03-26T04:24:10.811" v="3892" actId="21"/>
          <ac:spMkLst>
            <pc:docMk/>
            <pc:sldMk cId="1450022582" sldId="574"/>
            <ac:spMk id="3" creationId="{8D0435A1-0B36-4743-BA7B-C13CE008F419}"/>
          </ac:spMkLst>
        </pc:spChg>
        <pc:spChg chg="del">
          <ac:chgData name="Daly Donnacha HSLU I" userId="0f22e960-400a-43ff-baeb-4828c8f5cd3a" providerId="ADAL" clId="{55F1696D-224E-654D-8EE7-4CBBA757AA04}" dt="2021-03-25T16:51:29.309" v="3471" actId="478"/>
          <ac:spMkLst>
            <pc:docMk/>
            <pc:sldMk cId="1450022582" sldId="574"/>
            <ac:spMk id="4" creationId="{EE7A17E0-4A4E-6244-8011-07A6DBE98D2F}"/>
          </ac:spMkLst>
        </pc:spChg>
        <pc:spChg chg="add mod">
          <ac:chgData name="Daly Donnacha HSLU I" userId="0f22e960-400a-43ff-baeb-4828c8f5cd3a" providerId="ADAL" clId="{55F1696D-224E-654D-8EE7-4CBBA757AA04}" dt="2021-03-26T05:42:15.512" v="5123" actId="114"/>
          <ac:spMkLst>
            <pc:docMk/>
            <pc:sldMk cId="1450022582" sldId="574"/>
            <ac:spMk id="6" creationId="{4D4D3E4E-76C4-634B-9A75-ACB350316C68}"/>
          </ac:spMkLst>
        </pc:spChg>
        <pc:spChg chg="mod">
          <ac:chgData name="Daly Donnacha HSLU I" userId="0f22e960-400a-43ff-baeb-4828c8f5cd3a" providerId="ADAL" clId="{55F1696D-224E-654D-8EE7-4CBBA757AA04}" dt="2021-03-26T04:22:53.176" v="3873" actId="1037"/>
          <ac:spMkLst>
            <pc:docMk/>
            <pc:sldMk cId="1450022582" sldId="574"/>
            <ac:spMk id="8" creationId="{5D82784B-CA31-444D-BA3F-8930086990E0}"/>
          </ac:spMkLst>
        </pc:spChg>
        <pc:spChg chg="mod">
          <ac:chgData name="Daly Donnacha HSLU I" userId="0f22e960-400a-43ff-baeb-4828c8f5cd3a" providerId="ADAL" clId="{55F1696D-224E-654D-8EE7-4CBBA757AA04}" dt="2021-03-26T04:22:53.176" v="3873" actId="1037"/>
          <ac:spMkLst>
            <pc:docMk/>
            <pc:sldMk cId="1450022582" sldId="574"/>
            <ac:spMk id="9" creationId="{AB93A78A-3A1A-B748-B960-63BFF68194AF}"/>
          </ac:spMkLst>
        </pc:spChg>
        <pc:spChg chg="mod">
          <ac:chgData name="Daly Donnacha HSLU I" userId="0f22e960-400a-43ff-baeb-4828c8f5cd3a" providerId="ADAL" clId="{55F1696D-224E-654D-8EE7-4CBBA757AA04}" dt="2021-03-26T04:22:53.176" v="3873" actId="1037"/>
          <ac:spMkLst>
            <pc:docMk/>
            <pc:sldMk cId="1450022582" sldId="574"/>
            <ac:spMk id="10" creationId="{1965EA09-85C2-A749-95B9-8D8140BAF17F}"/>
          </ac:spMkLst>
        </pc:spChg>
        <pc:spChg chg="mod">
          <ac:chgData name="Daly Donnacha HSLU I" userId="0f22e960-400a-43ff-baeb-4828c8f5cd3a" providerId="ADAL" clId="{55F1696D-224E-654D-8EE7-4CBBA757AA04}" dt="2021-03-26T04:22:53.176" v="3873" actId="1037"/>
          <ac:spMkLst>
            <pc:docMk/>
            <pc:sldMk cId="1450022582" sldId="574"/>
            <ac:spMk id="11" creationId="{528CC721-F40C-B747-9BE5-3AB6E319C478}"/>
          </ac:spMkLst>
        </pc:spChg>
        <pc:spChg chg="mod">
          <ac:chgData name="Daly Donnacha HSLU I" userId="0f22e960-400a-43ff-baeb-4828c8f5cd3a" providerId="ADAL" clId="{55F1696D-224E-654D-8EE7-4CBBA757AA04}" dt="2021-03-26T04:22:53.176" v="3873" actId="1037"/>
          <ac:spMkLst>
            <pc:docMk/>
            <pc:sldMk cId="1450022582" sldId="574"/>
            <ac:spMk id="12" creationId="{35FAB62C-34E1-B844-A3AC-67F0D935BFA0}"/>
          </ac:spMkLst>
        </pc:spChg>
        <pc:spChg chg="mod">
          <ac:chgData name="Daly Donnacha HSLU I" userId="0f22e960-400a-43ff-baeb-4828c8f5cd3a" providerId="ADAL" clId="{55F1696D-224E-654D-8EE7-4CBBA757AA04}" dt="2021-03-26T04:22:53.176" v="3873" actId="1037"/>
          <ac:spMkLst>
            <pc:docMk/>
            <pc:sldMk cId="1450022582" sldId="574"/>
            <ac:spMk id="13" creationId="{22DBE9A8-703A-9540-B1DF-E689F4ECEC73}"/>
          </ac:spMkLst>
        </pc:spChg>
        <pc:spChg chg="mod">
          <ac:chgData name="Daly Donnacha HSLU I" userId="0f22e960-400a-43ff-baeb-4828c8f5cd3a" providerId="ADAL" clId="{55F1696D-224E-654D-8EE7-4CBBA757AA04}" dt="2021-03-26T04:22:53.176" v="3873" actId="1037"/>
          <ac:spMkLst>
            <pc:docMk/>
            <pc:sldMk cId="1450022582" sldId="574"/>
            <ac:spMk id="14" creationId="{36F0E20A-AD07-9B46-BC9F-AE6D324FDB7A}"/>
          </ac:spMkLst>
        </pc:spChg>
        <pc:spChg chg="mod">
          <ac:chgData name="Daly Donnacha HSLU I" userId="0f22e960-400a-43ff-baeb-4828c8f5cd3a" providerId="ADAL" clId="{55F1696D-224E-654D-8EE7-4CBBA757AA04}" dt="2021-03-26T04:22:53.176" v="3873" actId="1037"/>
          <ac:spMkLst>
            <pc:docMk/>
            <pc:sldMk cId="1450022582" sldId="574"/>
            <ac:spMk id="15" creationId="{178B78EC-DDC1-C64F-ADC8-01CC6C87CC01}"/>
          </ac:spMkLst>
        </pc:spChg>
        <pc:spChg chg="mod">
          <ac:chgData name="Daly Donnacha HSLU I" userId="0f22e960-400a-43ff-baeb-4828c8f5cd3a" providerId="ADAL" clId="{55F1696D-224E-654D-8EE7-4CBBA757AA04}" dt="2021-03-26T04:22:53.176" v="3873" actId="1037"/>
          <ac:spMkLst>
            <pc:docMk/>
            <pc:sldMk cId="1450022582" sldId="574"/>
            <ac:spMk id="16" creationId="{9C1315FB-047B-1444-8C6D-8A7F29A26BE2}"/>
          </ac:spMkLst>
        </pc:spChg>
        <pc:spChg chg="mod">
          <ac:chgData name="Daly Donnacha HSLU I" userId="0f22e960-400a-43ff-baeb-4828c8f5cd3a" providerId="ADAL" clId="{55F1696D-224E-654D-8EE7-4CBBA757AA04}" dt="2021-03-26T04:22:53.176" v="3873" actId="1037"/>
          <ac:spMkLst>
            <pc:docMk/>
            <pc:sldMk cId="1450022582" sldId="574"/>
            <ac:spMk id="17" creationId="{1C6F9F35-68E8-714F-9A63-A8D792983901}"/>
          </ac:spMkLst>
        </pc:spChg>
        <pc:spChg chg="mod">
          <ac:chgData name="Daly Donnacha HSLU I" userId="0f22e960-400a-43ff-baeb-4828c8f5cd3a" providerId="ADAL" clId="{55F1696D-224E-654D-8EE7-4CBBA757AA04}" dt="2021-03-26T04:22:53.176" v="3873" actId="1037"/>
          <ac:spMkLst>
            <pc:docMk/>
            <pc:sldMk cId="1450022582" sldId="574"/>
            <ac:spMk id="19" creationId="{A4D71E48-FFB7-4A4D-9DB4-1B4AEB8479B7}"/>
          </ac:spMkLst>
        </pc:spChg>
        <pc:spChg chg="mod">
          <ac:chgData name="Daly Donnacha HSLU I" userId="0f22e960-400a-43ff-baeb-4828c8f5cd3a" providerId="ADAL" clId="{55F1696D-224E-654D-8EE7-4CBBA757AA04}" dt="2021-03-26T04:22:53.176" v="3873" actId="1037"/>
          <ac:spMkLst>
            <pc:docMk/>
            <pc:sldMk cId="1450022582" sldId="574"/>
            <ac:spMk id="20" creationId="{5146B512-B25B-6947-8CCC-85F1D6650D86}"/>
          </ac:spMkLst>
        </pc:spChg>
        <pc:spChg chg="mod">
          <ac:chgData name="Daly Donnacha HSLU I" userId="0f22e960-400a-43ff-baeb-4828c8f5cd3a" providerId="ADAL" clId="{55F1696D-224E-654D-8EE7-4CBBA757AA04}" dt="2021-03-26T05:42:03.506" v="5121" actId="114"/>
          <ac:spMkLst>
            <pc:docMk/>
            <pc:sldMk cId="1450022582" sldId="574"/>
            <ac:spMk id="23" creationId="{390EBDEE-CC86-794B-918E-33B46C92CACF}"/>
          </ac:spMkLst>
        </pc:spChg>
        <pc:spChg chg="mod">
          <ac:chgData name="Daly Donnacha HSLU I" userId="0f22e960-400a-43ff-baeb-4828c8f5cd3a" providerId="ADAL" clId="{55F1696D-224E-654D-8EE7-4CBBA757AA04}" dt="2021-03-26T05:41:57.890" v="5119" actId="114"/>
          <ac:spMkLst>
            <pc:docMk/>
            <pc:sldMk cId="1450022582" sldId="574"/>
            <ac:spMk id="24" creationId="{CA872F8A-126C-B84E-B5DE-EDA4A90F50DA}"/>
          </ac:spMkLst>
        </pc:spChg>
        <pc:spChg chg="mod">
          <ac:chgData name="Daly Donnacha HSLU I" userId="0f22e960-400a-43ff-baeb-4828c8f5cd3a" providerId="ADAL" clId="{55F1696D-224E-654D-8EE7-4CBBA757AA04}" dt="2021-03-26T05:42:11.625" v="5122" actId="114"/>
          <ac:spMkLst>
            <pc:docMk/>
            <pc:sldMk cId="1450022582" sldId="574"/>
            <ac:spMk id="25" creationId="{76564FF5-825C-F74D-94FC-AF419095FC55}"/>
          </ac:spMkLst>
        </pc:spChg>
        <pc:spChg chg="mod">
          <ac:chgData name="Daly Donnacha HSLU I" userId="0f22e960-400a-43ff-baeb-4828c8f5cd3a" providerId="ADAL" clId="{55F1696D-224E-654D-8EE7-4CBBA757AA04}" dt="2021-03-26T04:22:53.176" v="3873" actId="1037"/>
          <ac:spMkLst>
            <pc:docMk/>
            <pc:sldMk cId="1450022582" sldId="574"/>
            <ac:spMk id="26" creationId="{B247F679-9FF8-D54D-8097-C64CB1EC7949}"/>
          </ac:spMkLst>
        </pc:spChg>
        <pc:spChg chg="mod">
          <ac:chgData name="Daly Donnacha HSLU I" userId="0f22e960-400a-43ff-baeb-4828c8f5cd3a" providerId="ADAL" clId="{55F1696D-224E-654D-8EE7-4CBBA757AA04}" dt="2021-03-26T04:22:53.176" v="3873" actId="1037"/>
          <ac:spMkLst>
            <pc:docMk/>
            <pc:sldMk cId="1450022582" sldId="574"/>
            <ac:spMk id="27" creationId="{4DC49992-A0B4-CB45-88B4-CD459D923816}"/>
          </ac:spMkLst>
        </pc:spChg>
        <pc:spChg chg="del">
          <ac:chgData name="Daly Donnacha HSLU I" userId="0f22e960-400a-43ff-baeb-4828c8f5cd3a" providerId="ADAL" clId="{55F1696D-224E-654D-8EE7-4CBBA757AA04}" dt="2021-03-25T16:51:29.309" v="3471" actId="478"/>
          <ac:spMkLst>
            <pc:docMk/>
            <pc:sldMk cId="1450022582" sldId="574"/>
            <ac:spMk id="28" creationId="{40EDF921-DE66-FB48-BB25-263D99E95611}"/>
          </ac:spMkLst>
        </pc:spChg>
        <pc:spChg chg="del">
          <ac:chgData name="Daly Donnacha HSLU I" userId="0f22e960-400a-43ff-baeb-4828c8f5cd3a" providerId="ADAL" clId="{55F1696D-224E-654D-8EE7-4CBBA757AA04}" dt="2021-03-25T16:51:29.309" v="3471" actId="478"/>
          <ac:spMkLst>
            <pc:docMk/>
            <pc:sldMk cId="1450022582" sldId="574"/>
            <ac:spMk id="32" creationId="{8E9C34B8-AF83-7447-ABCE-7678D36BE621}"/>
          </ac:spMkLst>
        </pc:spChg>
        <pc:spChg chg="del">
          <ac:chgData name="Daly Donnacha HSLU I" userId="0f22e960-400a-43ff-baeb-4828c8f5cd3a" providerId="ADAL" clId="{55F1696D-224E-654D-8EE7-4CBBA757AA04}" dt="2021-03-25T16:51:29.309" v="3471" actId="478"/>
          <ac:spMkLst>
            <pc:docMk/>
            <pc:sldMk cId="1450022582" sldId="574"/>
            <ac:spMk id="33" creationId="{A46A0194-6521-3144-9FE8-1D2587AEEE6F}"/>
          </ac:spMkLst>
        </pc:spChg>
        <pc:spChg chg="del">
          <ac:chgData name="Daly Donnacha HSLU I" userId="0f22e960-400a-43ff-baeb-4828c8f5cd3a" providerId="ADAL" clId="{55F1696D-224E-654D-8EE7-4CBBA757AA04}" dt="2021-03-25T16:51:29.309" v="3471" actId="478"/>
          <ac:spMkLst>
            <pc:docMk/>
            <pc:sldMk cId="1450022582" sldId="574"/>
            <ac:spMk id="34" creationId="{A5A9E3C9-F6EF-0E4A-82FA-283563E7A1CE}"/>
          </ac:spMkLst>
        </pc:spChg>
        <pc:spChg chg="del">
          <ac:chgData name="Daly Donnacha HSLU I" userId="0f22e960-400a-43ff-baeb-4828c8f5cd3a" providerId="ADAL" clId="{55F1696D-224E-654D-8EE7-4CBBA757AA04}" dt="2021-03-25T16:51:29.309" v="3471" actId="478"/>
          <ac:spMkLst>
            <pc:docMk/>
            <pc:sldMk cId="1450022582" sldId="574"/>
            <ac:spMk id="35" creationId="{4D76ECD4-E38B-FF4B-AF2C-D344EC2BAFDC}"/>
          </ac:spMkLst>
        </pc:spChg>
        <pc:spChg chg="del">
          <ac:chgData name="Daly Donnacha HSLU I" userId="0f22e960-400a-43ff-baeb-4828c8f5cd3a" providerId="ADAL" clId="{55F1696D-224E-654D-8EE7-4CBBA757AA04}" dt="2021-03-25T16:51:29.309" v="3471" actId="478"/>
          <ac:spMkLst>
            <pc:docMk/>
            <pc:sldMk cId="1450022582" sldId="574"/>
            <ac:spMk id="36" creationId="{05D2F795-48B7-8E49-953E-298FEB95B241}"/>
          </ac:spMkLst>
        </pc:spChg>
        <pc:spChg chg="del">
          <ac:chgData name="Daly Donnacha HSLU I" userId="0f22e960-400a-43ff-baeb-4828c8f5cd3a" providerId="ADAL" clId="{55F1696D-224E-654D-8EE7-4CBBA757AA04}" dt="2021-03-25T16:51:29.309" v="3471" actId="478"/>
          <ac:spMkLst>
            <pc:docMk/>
            <pc:sldMk cId="1450022582" sldId="574"/>
            <ac:spMk id="37" creationId="{CD54E199-1726-B345-B9E9-DA513CF69707}"/>
          </ac:spMkLst>
        </pc:spChg>
        <pc:spChg chg="del">
          <ac:chgData name="Daly Donnacha HSLU I" userId="0f22e960-400a-43ff-baeb-4828c8f5cd3a" providerId="ADAL" clId="{55F1696D-224E-654D-8EE7-4CBBA757AA04}" dt="2021-03-25T16:51:29.309" v="3471" actId="478"/>
          <ac:spMkLst>
            <pc:docMk/>
            <pc:sldMk cId="1450022582" sldId="574"/>
            <ac:spMk id="38" creationId="{E6256AE5-ABD8-0845-8216-C2EAD3FB2A5C}"/>
          </ac:spMkLst>
        </pc:spChg>
        <pc:spChg chg="del">
          <ac:chgData name="Daly Donnacha HSLU I" userId="0f22e960-400a-43ff-baeb-4828c8f5cd3a" providerId="ADAL" clId="{55F1696D-224E-654D-8EE7-4CBBA757AA04}" dt="2021-03-25T16:51:29.309" v="3471" actId="478"/>
          <ac:spMkLst>
            <pc:docMk/>
            <pc:sldMk cId="1450022582" sldId="574"/>
            <ac:spMk id="39" creationId="{6E29F93A-4569-4A4B-95B0-2E0473EF45EF}"/>
          </ac:spMkLst>
        </pc:spChg>
        <pc:spChg chg="del">
          <ac:chgData name="Daly Donnacha HSLU I" userId="0f22e960-400a-43ff-baeb-4828c8f5cd3a" providerId="ADAL" clId="{55F1696D-224E-654D-8EE7-4CBBA757AA04}" dt="2021-03-25T16:51:29.309" v="3471" actId="478"/>
          <ac:spMkLst>
            <pc:docMk/>
            <pc:sldMk cId="1450022582" sldId="574"/>
            <ac:spMk id="40" creationId="{15C95612-E5A8-8140-BC2A-99E6C4DED660}"/>
          </ac:spMkLst>
        </pc:spChg>
        <pc:spChg chg="del">
          <ac:chgData name="Daly Donnacha HSLU I" userId="0f22e960-400a-43ff-baeb-4828c8f5cd3a" providerId="ADAL" clId="{55F1696D-224E-654D-8EE7-4CBBA757AA04}" dt="2021-03-25T16:51:29.309" v="3471" actId="478"/>
          <ac:spMkLst>
            <pc:docMk/>
            <pc:sldMk cId="1450022582" sldId="574"/>
            <ac:spMk id="41" creationId="{914A5EED-27E7-4143-9573-97CC0C0BBD48}"/>
          </ac:spMkLst>
        </pc:spChg>
        <pc:spChg chg="del">
          <ac:chgData name="Daly Donnacha HSLU I" userId="0f22e960-400a-43ff-baeb-4828c8f5cd3a" providerId="ADAL" clId="{55F1696D-224E-654D-8EE7-4CBBA757AA04}" dt="2021-03-25T16:51:29.309" v="3471" actId="478"/>
          <ac:spMkLst>
            <pc:docMk/>
            <pc:sldMk cId="1450022582" sldId="574"/>
            <ac:spMk id="42" creationId="{FCEDFB6B-B672-D44C-94E5-6677E16AD353}"/>
          </ac:spMkLst>
        </pc:spChg>
        <pc:spChg chg="del">
          <ac:chgData name="Daly Donnacha HSLU I" userId="0f22e960-400a-43ff-baeb-4828c8f5cd3a" providerId="ADAL" clId="{55F1696D-224E-654D-8EE7-4CBBA757AA04}" dt="2021-03-25T16:51:29.309" v="3471" actId="478"/>
          <ac:spMkLst>
            <pc:docMk/>
            <pc:sldMk cId="1450022582" sldId="574"/>
            <ac:spMk id="43" creationId="{CC87E266-ED28-1E45-AC5F-F4F6197FCA72}"/>
          </ac:spMkLst>
        </pc:spChg>
        <pc:spChg chg="del">
          <ac:chgData name="Daly Donnacha HSLU I" userId="0f22e960-400a-43ff-baeb-4828c8f5cd3a" providerId="ADAL" clId="{55F1696D-224E-654D-8EE7-4CBBA757AA04}" dt="2021-03-25T16:51:29.309" v="3471" actId="478"/>
          <ac:spMkLst>
            <pc:docMk/>
            <pc:sldMk cId="1450022582" sldId="574"/>
            <ac:spMk id="44" creationId="{7E2CA8C1-1110-DE49-9F6A-8544B6708F3C}"/>
          </ac:spMkLst>
        </pc:spChg>
        <pc:spChg chg="del">
          <ac:chgData name="Daly Donnacha HSLU I" userId="0f22e960-400a-43ff-baeb-4828c8f5cd3a" providerId="ADAL" clId="{55F1696D-224E-654D-8EE7-4CBBA757AA04}" dt="2021-03-25T16:51:29.309" v="3471" actId="478"/>
          <ac:spMkLst>
            <pc:docMk/>
            <pc:sldMk cId="1450022582" sldId="574"/>
            <ac:spMk id="45" creationId="{F2375922-23DD-DC49-A41B-CC787622AD5A}"/>
          </ac:spMkLst>
        </pc:spChg>
        <pc:spChg chg="del">
          <ac:chgData name="Daly Donnacha HSLU I" userId="0f22e960-400a-43ff-baeb-4828c8f5cd3a" providerId="ADAL" clId="{55F1696D-224E-654D-8EE7-4CBBA757AA04}" dt="2021-03-25T16:51:29.309" v="3471" actId="478"/>
          <ac:spMkLst>
            <pc:docMk/>
            <pc:sldMk cId="1450022582" sldId="574"/>
            <ac:spMk id="46" creationId="{BC7DB6DF-B3E0-7A4A-AE0E-FAC1ABEE3098}"/>
          </ac:spMkLst>
        </pc:spChg>
        <pc:spChg chg="del">
          <ac:chgData name="Daly Donnacha HSLU I" userId="0f22e960-400a-43ff-baeb-4828c8f5cd3a" providerId="ADAL" clId="{55F1696D-224E-654D-8EE7-4CBBA757AA04}" dt="2021-03-25T16:51:29.309" v="3471" actId="478"/>
          <ac:spMkLst>
            <pc:docMk/>
            <pc:sldMk cId="1450022582" sldId="574"/>
            <ac:spMk id="47" creationId="{563D02E7-60AD-9147-8BD9-BCD02FA88BD3}"/>
          </ac:spMkLst>
        </pc:spChg>
        <pc:spChg chg="del">
          <ac:chgData name="Daly Donnacha HSLU I" userId="0f22e960-400a-43ff-baeb-4828c8f5cd3a" providerId="ADAL" clId="{55F1696D-224E-654D-8EE7-4CBBA757AA04}" dt="2021-03-25T16:51:29.309" v="3471" actId="478"/>
          <ac:spMkLst>
            <pc:docMk/>
            <pc:sldMk cId="1450022582" sldId="574"/>
            <ac:spMk id="48" creationId="{81415A7A-6090-5845-85CF-BC05D50C137D}"/>
          </ac:spMkLst>
        </pc:spChg>
        <pc:spChg chg="del">
          <ac:chgData name="Daly Donnacha HSLU I" userId="0f22e960-400a-43ff-baeb-4828c8f5cd3a" providerId="ADAL" clId="{55F1696D-224E-654D-8EE7-4CBBA757AA04}" dt="2021-03-25T16:51:29.309" v="3471" actId="478"/>
          <ac:spMkLst>
            <pc:docMk/>
            <pc:sldMk cId="1450022582" sldId="574"/>
            <ac:spMk id="49" creationId="{5FC2090F-73CE-5F45-AA73-874F2260A39A}"/>
          </ac:spMkLst>
        </pc:spChg>
        <pc:spChg chg="del">
          <ac:chgData name="Daly Donnacha HSLU I" userId="0f22e960-400a-43ff-baeb-4828c8f5cd3a" providerId="ADAL" clId="{55F1696D-224E-654D-8EE7-4CBBA757AA04}" dt="2021-03-25T16:51:29.309" v="3471" actId="478"/>
          <ac:spMkLst>
            <pc:docMk/>
            <pc:sldMk cId="1450022582" sldId="574"/>
            <ac:spMk id="50" creationId="{87A35D9A-5CA4-DB4F-AFB2-E5F9A3E01620}"/>
          </ac:spMkLst>
        </pc:spChg>
        <pc:spChg chg="del">
          <ac:chgData name="Daly Donnacha HSLU I" userId="0f22e960-400a-43ff-baeb-4828c8f5cd3a" providerId="ADAL" clId="{55F1696D-224E-654D-8EE7-4CBBA757AA04}" dt="2021-03-25T16:51:29.309" v="3471" actId="478"/>
          <ac:spMkLst>
            <pc:docMk/>
            <pc:sldMk cId="1450022582" sldId="574"/>
            <ac:spMk id="51" creationId="{EFE32DC7-25F0-D145-AB34-20347D83EA0D}"/>
          </ac:spMkLst>
        </pc:spChg>
        <pc:spChg chg="del">
          <ac:chgData name="Daly Donnacha HSLU I" userId="0f22e960-400a-43ff-baeb-4828c8f5cd3a" providerId="ADAL" clId="{55F1696D-224E-654D-8EE7-4CBBA757AA04}" dt="2021-03-25T16:51:29.309" v="3471" actId="478"/>
          <ac:spMkLst>
            <pc:docMk/>
            <pc:sldMk cId="1450022582" sldId="574"/>
            <ac:spMk id="52" creationId="{61E3FE48-6BBD-7C4E-B160-984C3298B69A}"/>
          </ac:spMkLst>
        </pc:spChg>
        <pc:spChg chg="del">
          <ac:chgData name="Daly Donnacha HSLU I" userId="0f22e960-400a-43ff-baeb-4828c8f5cd3a" providerId="ADAL" clId="{55F1696D-224E-654D-8EE7-4CBBA757AA04}" dt="2021-03-25T16:51:29.309" v="3471" actId="478"/>
          <ac:spMkLst>
            <pc:docMk/>
            <pc:sldMk cId="1450022582" sldId="574"/>
            <ac:spMk id="53" creationId="{2EA99455-340D-C545-849C-117497B0CDAC}"/>
          </ac:spMkLst>
        </pc:spChg>
        <pc:spChg chg="del">
          <ac:chgData name="Daly Donnacha HSLU I" userId="0f22e960-400a-43ff-baeb-4828c8f5cd3a" providerId="ADAL" clId="{55F1696D-224E-654D-8EE7-4CBBA757AA04}" dt="2021-03-25T16:51:29.309" v="3471" actId="478"/>
          <ac:spMkLst>
            <pc:docMk/>
            <pc:sldMk cId="1450022582" sldId="574"/>
            <ac:spMk id="54" creationId="{9E7F0CFA-DE2E-8647-A3E1-346CC34967E0}"/>
          </ac:spMkLst>
        </pc:spChg>
        <pc:spChg chg="del">
          <ac:chgData name="Daly Donnacha HSLU I" userId="0f22e960-400a-43ff-baeb-4828c8f5cd3a" providerId="ADAL" clId="{55F1696D-224E-654D-8EE7-4CBBA757AA04}" dt="2021-03-25T16:51:29.309" v="3471" actId="478"/>
          <ac:spMkLst>
            <pc:docMk/>
            <pc:sldMk cId="1450022582" sldId="574"/>
            <ac:spMk id="55" creationId="{9784DC6D-B3E2-274C-9F40-549CF9694D8A}"/>
          </ac:spMkLst>
        </pc:spChg>
        <pc:spChg chg="del">
          <ac:chgData name="Daly Donnacha HSLU I" userId="0f22e960-400a-43ff-baeb-4828c8f5cd3a" providerId="ADAL" clId="{55F1696D-224E-654D-8EE7-4CBBA757AA04}" dt="2021-03-25T16:51:29.309" v="3471" actId="478"/>
          <ac:spMkLst>
            <pc:docMk/>
            <pc:sldMk cId="1450022582" sldId="574"/>
            <ac:spMk id="56" creationId="{842F0002-12D7-7947-8C6B-130158AFDADF}"/>
          </ac:spMkLst>
        </pc:spChg>
        <pc:spChg chg="del">
          <ac:chgData name="Daly Donnacha HSLU I" userId="0f22e960-400a-43ff-baeb-4828c8f5cd3a" providerId="ADAL" clId="{55F1696D-224E-654D-8EE7-4CBBA757AA04}" dt="2021-03-25T16:51:29.309" v="3471" actId="478"/>
          <ac:spMkLst>
            <pc:docMk/>
            <pc:sldMk cId="1450022582" sldId="574"/>
            <ac:spMk id="57" creationId="{D1C5E9D3-33AF-D344-983E-B6762F7343F1}"/>
          </ac:spMkLst>
        </pc:spChg>
        <pc:spChg chg="del">
          <ac:chgData name="Daly Donnacha HSLU I" userId="0f22e960-400a-43ff-baeb-4828c8f5cd3a" providerId="ADAL" clId="{55F1696D-224E-654D-8EE7-4CBBA757AA04}" dt="2021-03-25T16:51:29.309" v="3471" actId="478"/>
          <ac:spMkLst>
            <pc:docMk/>
            <pc:sldMk cId="1450022582" sldId="574"/>
            <ac:spMk id="58" creationId="{75656AA5-9C4E-AA4C-BA57-44BF0CC6EBBC}"/>
          </ac:spMkLst>
        </pc:spChg>
        <pc:spChg chg="del">
          <ac:chgData name="Daly Donnacha HSLU I" userId="0f22e960-400a-43ff-baeb-4828c8f5cd3a" providerId="ADAL" clId="{55F1696D-224E-654D-8EE7-4CBBA757AA04}" dt="2021-03-25T16:51:29.309" v="3471" actId="478"/>
          <ac:spMkLst>
            <pc:docMk/>
            <pc:sldMk cId="1450022582" sldId="574"/>
            <ac:spMk id="59" creationId="{64AA0401-17EB-EB4E-90E0-CA557F054AB0}"/>
          </ac:spMkLst>
        </pc:spChg>
        <pc:spChg chg="del">
          <ac:chgData name="Daly Donnacha HSLU I" userId="0f22e960-400a-43ff-baeb-4828c8f5cd3a" providerId="ADAL" clId="{55F1696D-224E-654D-8EE7-4CBBA757AA04}" dt="2021-03-25T16:51:29.309" v="3471" actId="478"/>
          <ac:spMkLst>
            <pc:docMk/>
            <pc:sldMk cId="1450022582" sldId="574"/>
            <ac:spMk id="60" creationId="{A88DC8F6-2086-A84C-A053-ECB345D4F1A3}"/>
          </ac:spMkLst>
        </pc:spChg>
        <pc:spChg chg="del">
          <ac:chgData name="Daly Donnacha HSLU I" userId="0f22e960-400a-43ff-baeb-4828c8f5cd3a" providerId="ADAL" clId="{55F1696D-224E-654D-8EE7-4CBBA757AA04}" dt="2021-03-25T16:51:29.309" v="3471" actId="478"/>
          <ac:spMkLst>
            <pc:docMk/>
            <pc:sldMk cId="1450022582" sldId="574"/>
            <ac:spMk id="61" creationId="{3543F71D-668B-8B44-8C25-8BC747F2E696}"/>
          </ac:spMkLst>
        </pc:spChg>
        <pc:spChg chg="del">
          <ac:chgData name="Daly Donnacha HSLU I" userId="0f22e960-400a-43ff-baeb-4828c8f5cd3a" providerId="ADAL" clId="{55F1696D-224E-654D-8EE7-4CBBA757AA04}" dt="2021-03-25T16:51:29.309" v="3471" actId="478"/>
          <ac:spMkLst>
            <pc:docMk/>
            <pc:sldMk cId="1450022582" sldId="574"/>
            <ac:spMk id="62" creationId="{E39AFA32-E641-C14E-B1AD-AD2D12BBC24D}"/>
          </ac:spMkLst>
        </pc:spChg>
        <pc:spChg chg="del">
          <ac:chgData name="Daly Donnacha HSLU I" userId="0f22e960-400a-43ff-baeb-4828c8f5cd3a" providerId="ADAL" clId="{55F1696D-224E-654D-8EE7-4CBBA757AA04}" dt="2021-03-25T16:51:29.309" v="3471" actId="478"/>
          <ac:spMkLst>
            <pc:docMk/>
            <pc:sldMk cId="1450022582" sldId="574"/>
            <ac:spMk id="63" creationId="{86772EE3-3ECB-824A-9FE1-22A704E27FA2}"/>
          </ac:spMkLst>
        </pc:spChg>
        <pc:spChg chg="del">
          <ac:chgData name="Daly Donnacha HSLU I" userId="0f22e960-400a-43ff-baeb-4828c8f5cd3a" providerId="ADAL" clId="{55F1696D-224E-654D-8EE7-4CBBA757AA04}" dt="2021-03-25T16:51:29.309" v="3471" actId="478"/>
          <ac:spMkLst>
            <pc:docMk/>
            <pc:sldMk cId="1450022582" sldId="574"/>
            <ac:spMk id="64" creationId="{05917738-2A38-7749-89CD-10F33021F5FD}"/>
          </ac:spMkLst>
        </pc:spChg>
        <pc:spChg chg="del">
          <ac:chgData name="Daly Donnacha HSLU I" userId="0f22e960-400a-43ff-baeb-4828c8f5cd3a" providerId="ADAL" clId="{55F1696D-224E-654D-8EE7-4CBBA757AA04}" dt="2021-03-25T16:51:29.309" v="3471" actId="478"/>
          <ac:spMkLst>
            <pc:docMk/>
            <pc:sldMk cId="1450022582" sldId="574"/>
            <ac:spMk id="65" creationId="{A79FEB59-631A-B74B-A107-2C5FECC79EA1}"/>
          </ac:spMkLst>
        </pc:spChg>
        <pc:spChg chg="del">
          <ac:chgData name="Daly Donnacha HSLU I" userId="0f22e960-400a-43ff-baeb-4828c8f5cd3a" providerId="ADAL" clId="{55F1696D-224E-654D-8EE7-4CBBA757AA04}" dt="2021-03-25T16:51:29.309" v="3471" actId="478"/>
          <ac:spMkLst>
            <pc:docMk/>
            <pc:sldMk cId="1450022582" sldId="574"/>
            <ac:spMk id="88" creationId="{02D06EAF-9F00-3A42-98AC-7AF5702C82B3}"/>
          </ac:spMkLst>
        </pc:spChg>
        <pc:spChg chg="del">
          <ac:chgData name="Daly Donnacha HSLU I" userId="0f22e960-400a-43ff-baeb-4828c8f5cd3a" providerId="ADAL" clId="{55F1696D-224E-654D-8EE7-4CBBA757AA04}" dt="2021-03-25T16:51:29.309" v="3471" actId="478"/>
          <ac:spMkLst>
            <pc:docMk/>
            <pc:sldMk cId="1450022582" sldId="574"/>
            <ac:spMk id="89" creationId="{23070664-BA9A-534D-8470-109F023E6FE5}"/>
          </ac:spMkLst>
        </pc:spChg>
        <pc:spChg chg="del">
          <ac:chgData name="Daly Donnacha HSLU I" userId="0f22e960-400a-43ff-baeb-4828c8f5cd3a" providerId="ADAL" clId="{55F1696D-224E-654D-8EE7-4CBBA757AA04}" dt="2021-03-25T16:51:29.309" v="3471" actId="478"/>
          <ac:spMkLst>
            <pc:docMk/>
            <pc:sldMk cId="1450022582" sldId="574"/>
            <ac:spMk id="90" creationId="{3C2AA1C0-F1DC-9649-A303-9C5D5577D9D5}"/>
          </ac:spMkLst>
        </pc:spChg>
        <pc:spChg chg="add del mod">
          <ac:chgData name="Daly Donnacha HSLU I" userId="0f22e960-400a-43ff-baeb-4828c8f5cd3a" providerId="ADAL" clId="{55F1696D-224E-654D-8EE7-4CBBA757AA04}" dt="2021-03-26T04:24:29.366" v="3899" actId="478"/>
          <ac:spMkLst>
            <pc:docMk/>
            <pc:sldMk cId="1450022582" sldId="574"/>
            <ac:spMk id="91" creationId="{1AFC32BA-4CC5-8542-96B6-89041CEBF012}"/>
          </ac:spMkLst>
        </pc:spChg>
        <pc:spChg chg="del">
          <ac:chgData name="Daly Donnacha HSLU I" userId="0f22e960-400a-43ff-baeb-4828c8f5cd3a" providerId="ADAL" clId="{55F1696D-224E-654D-8EE7-4CBBA757AA04}" dt="2021-03-25T16:51:29.309" v="3471" actId="478"/>
          <ac:spMkLst>
            <pc:docMk/>
            <pc:sldMk cId="1450022582" sldId="574"/>
            <ac:spMk id="92" creationId="{83A7DB07-5514-CE4F-9ECA-1AB2C2C9288D}"/>
          </ac:spMkLst>
        </pc:spChg>
        <pc:spChg chg="del">
          <ac:chgData name="Daly Donnacha HSLU I" userId="0f22e960-400a-43ff-baeb-4828c8f5cd3a" providerId="ADAL" clId="{55F1696D-224E-654D-8EE7-4CBBA757AA04}" dt="2021-03-25T16:51:29.309" v="3471" actId="478"/>
          <ac:spMkLst>
            <pc:docMk/>
            <pc:sldMk cId="1450022582" sldId="574"/>
            <ac:spMk id="93" creationId="{C11FF1A2-EBBF-824F-AE5B-7B318F495D28}"/>
          </ac:spMkLst>
        </pc:spChg>
        <pc:spChg chg="del">
          <ac:chgData name="Daly Donnacha HSLU I" userId="0f22e960-400a-43ff-baeb-4828c8f5cd3a" providerId="ADAL" clId="{55F1696D-224E-654D-8EE7-4CBBA757AA04}" dt="2021-03-25T16:51:29.309" v="3471" actId="478"/>
          <ac:spMkLst>
            <pc:docMk/>
            <pc:sldMk cId="1450022582" sldId="574"/>
            <ac:spMk id="94" creationId="{3525DBDD-9911-B146-8C8B-EC11D5DE8114}"/>
          </ac:spMkLst>
        </pc:spChg>
        <pc:spChg chg="del">
          <ac:chgData name="Daly Donnacha HSLU I" userId="0f22e960-400a-43ff-baeb-4828c8f5cd3a" providerId="ADAL" clId="{55F1696D-224E-654D-8EE7-4CBBA757AA04}" dt="2021-03-25T16:51:29.309" v="3471" actId="478"/>
          <ac:spMkLst>
            <pc:docMk/>
            <pc:sldMk cId="1450022582" sldId="574"/>
            <ac:spMk id="95" creationId="{18FC9D86-2466-0D42-92EF-530C4C958E7A}"/>
          </ac:spMkLst>
        </pc:spChg>
        <pc:spChg chg="del">
          <ac:chgData name="Daly Donnacha HSLU I" userId="0f22e960-400a-43ff-baeb-4828c8f5cd3a" providerId="ADAL" clId="{55F1696D-224E-654D-8EE7-4CBBA757AA04}" dt="2021-03-25T16:51:29.309" v="3471" actId="478"/>
          <ac:spMkLst>
            <pc:docMk/>
            <pc:sldMk cId="1450022582" sldId="574"/>
            <ac:spMk id="96" creationId="{B633E1C6-779C-9B41-A811-46519FD4959F}"/>
          </ac:spMkLst>
        </pc:spChg>
        <pc:spChg chg="del">
          <ac:chgData name="Daly Donnacha HSLU I" userId="0f22e960-400a-43ff-baeb-4828c8f5cd3a" providerId="ADAL" clId="{55F1696D-224E-654D-8EE7-4CBBA757AA04}" dt="2021-03-25T16:51:29.309" v="3471" actId="478"/>
          <ac:spMkLst>
            <pc:docMk/>
            <pc:sldMk cId="1450022582" sldId="574"/>
            <ac:spMk id="97" creationId="{431DA4C4-87B5-7540-B3B8-53006E133F22}"/>
          </ac:spMkLst>
        </pc:spChg>
        <pc:spChg chg="add mod">
          <ac:chgData name="Daly Donnacha HSLU I" userId="0f22e960-400a-43ff-baeb-4828c8f5cd3a" providerId="ADAL" clId="{55F1696D-224E-654D-8EE7-4CBBA757AA04}" dt="2021-03-26T04:24:29.704" v="3900"/>
          <ac:spMkLst>
            <pc:docMk/>
            <pc:sldMk cId="1450022582" sldId="574"/>
            <ac:spMk id="98" creationId="{CA2B8341-D700-3141-8DAC-63E193214E4C}"/>
          </ac:spMkLst>
        </pc:spChg>
        <pc:spChg chg="del">
          <ac:chgData name="Daly Donnacha HSLU I" userId="0f22e960-400a-43ff-baeb-4828c8f5cd3a" providerId="ADAL" clId="{55F1696D-224E-654D-8EE7-4CBBA757AA04}" dt="2021-03-25T16:51:29.309" v="3471" actId="478"/>
          <ac:spMkLst>
            <pc:docMk/>
            <pc:sldMk cId="1450022582" sldId="574"/>
            <ac:spMk id="99" creationId="{9F87077E-4642-2743-8906-C6F437B3FECF}"/>
          </ac:spMkLst>
        </pc:spChg>
        <pc:spChg chg="del">
          <ac:chgData name="Daly Donnacha HSLU I" userId="0f22e960-400a-43ff-baeb-4828c8f5cd3a" providerId="ADAL" clId="{55F1696D-224E-654D-8EE7-4CBBA757AA04}" dt="2021-03-25T16:51:29.309" v="3471" actId="478"/>
          <ac:spMkLst>
            <pc:docMk/>
            <pc:sldMk cId="1450022582" sldId="574"/>
            <ac:spMk id="100" creationId="{02B9883D-FC31-FC4D-BF16-282038146823}"/>
          </ac:spMkLst>
        </pc:spChg>
        <pc:spChg chg="del">
          <ac:chgData name="Daly Donnacha HSLU I" userId="0f22e960-400a-43ff-baeb-4828c8f5cd3a" providerId="ADAL" clId="{55F1696D-224E-654D-8EE7-4CBBA757AA04}" dt="2021-03-25T16:51:29.309" v="3471" actId="478"/>
          <ac:spMkLst>
            <pc:docMk/>
            <pc:sldMk cId="1450022582" sldId="574"/>
            <ac:spMk id="101" creationId="{6A7BB99E-5064-1146-A693-3732BDD0C91E}"/>
          </ac:spMkLst>
        </pc:spChg>
        <pc:spChg chg="del">
          <ac:chgData name="Daly Donnacha HSLU I" userId="0f22e960-400a-43ff-baeb-4828c8f5cd3a" providerId="ADAL" clId="{55F1696D-224E-654D-8EE7-4CBBA757AA04}" dt="2021-03-25T16:51:29.309" v="3471" actId="478"/>
          <ac:spMkLst>
            <pc:docMk/>
            <pc:sldMk cId="1450022582" sldId="574"/>
            <ac:spMk id="102" creationId="{C340543E-E116-8A46-8212-D916FDAE4A24}"/>
          </ac:spMkLst>
        </pc:spChg>
        <pc:spChg chg="del">
          <ac:chgData name="Daly Donnacha HSLU I" userId="0f22e960-400a-43ff-baeb-4828c8f5cd3a" providerId="ADAL" clId="{55F1696D-224E-654D-8EE7-4CBBA757AA04}" dt="2021-03-25T16:51:29.309" v="3471" actId="478"/>
          <ac:spMkLst>
            <pc:docMk/>
            <pc:sldMk cId="1450022582" sldId="574"/>
            <ac:spMk id="103" creationId="{1BFED3E5-A62E-9641-94BE-07576204D4D8}"/>
          </ac:spMkLst>
        </pc:spChg>
        <pc:spChg chg="del">
          <ac:chgData name="Daly Donnacha HSLU I" userId="0f22e960-400a-43ff-baeb-4828c8f5cd3a" providerId="ADAL" clId="{55F1696D-224E-654D-8EE7-4CBBA757AA04}" dt="2021-03-25T16:51:29.309" v="3471" actId="478"/>
          <ac:spMkLst>
            <pc:docMk/>
            <pc:sldMk cId="1450022582" sldId="574"/>
            <ac:spMk id="104" creationId="{46089DCB-78E0-0B49-97E6-E3ADE122B572}"/>
          </ac:spMkLst>
        </pc:spChg>
        <pc:cxnChg chg="mod">
          <ac:chgData name="Daly Donnacha HSLU I" userId="0f22e960-400a-43ff-baeb-4828c8f5cd3a" providerId="ADAL" clId="{55F1696D-224E-654D-8EE7-4CBBA757AA04}" dt="2021-03-26T04:22:53.176" v="3873" actId="1037"/>
          <ac:cxnSpMkLst>
            <pc:docMk/>
            <pc:sldMk cId="1450022582" sldId="574"/>
            <ac:cxnSpMk id="5" creationId="{BD29DACB-C505-E84C-A8CC-FE6375B1A982}"/>
          </ac:cxnSpMkLst>
        </pc:cxnChg>
        <pc:cxnChg chg="mod">
          <ac:chgData name="Daly Donnacha HSLU I" userId="0f22e960-400a-43ff-baeb-4828c8f5cd3a" providerId="ADAL" clId="{55F1696D-224E-654D-8EE7-4CBBA757AA04}" dt="2021-03-26T04:22:53.176" v="3873" actId="1037"/>
          <ac:cxnSpMkLst>
            <pc:docMk/>
            <pc:sldMk cId="1450022582" sldId="574"/>
            <ac:cxnSpMk id="7" creationId="{1C61ED15-8DCD-3B49-B3A8-19C9E67F26A4}"/>
          </ac:cxnSpMkLst>
        </pc:cxnChg>
        <pc:cxnChg chg="mod">
          <ac:chgData name="Daly Donnacha HSLU I" userId="0f22e960-400a-43ff-baeb-4828c8f5cd3a" providerId="ADAL" clId="{55F1696D-224E-654D-8EE7-4CBBA757AA04}" dt="2021-03-26T04:22:53.176" v="3873" actId="1037"/>
          <ac:cxnSpMkLst>
            <pc:docMk/>
            <pc:sldMk cId="1450022582" sldId="574"/>
            <ac:cxnSpMk id="18" creationId="{48F164EF-DEA2-1E45-B362-D202A5831074}"/>
          </ac:cxnSpMkLst>
        </pc:cxnChg>
        <pc:cxnChg chg="mod">
          <ac:chgData name="Daly Donnacha HSLU I" userId="0f22e960-400a-43ff-baeb-4828c8f5cd3a" providerId="ADAL" clId="{55F1696D-224E-654D-8EE7-4CBBA757AA04}" dt="2021-03-26T04:22:53.176" v="3873" actId="1037"/>
          <ac:cxnSpMkLst>
            <pc:docMk/>
            <pc:sldMk cId="1450022582" sldId="574"/>
            <ac:cxnSpMk id="22" creationId="{FC13286F-6A66-2B48-A459-0FE4F87B05CA}"/>
          </ac:cxnSpMkLst>
        </pc:cxnChg>
        <pc:cxnChg chg="del">
          <ac:chgData name="Daly Donnacha HSLU I" userId="0f22e960-400a-43ff-baeb-4828c8f5cd3a" providerId="ADAL" clId="{55F1696D-224E-654D-8EE7-4CBBA757AA04}" dt="2021-03-25T16:51:29.309" v="3471" actId="478"/>
          <ac:cxnSpMkLst>
            <pc:docMk/>
            <pc:sldMk cId="1450022582" sldId="574"/>
            <ac:cxnSpMk id="29" creationId="{E716A0DA-1FB4-2E48-AE7B-A7620F071110}"/>
          </ac:cxnSpMkLst>
        </pc:cxnChg>
        <pc:cxnChg chg="del">
          <ac:chgData name="Daly Donnacha HSLU I" userId="0f22e960-400a-43ff-baeb-4828c8f5cd3a" providerId="ADAL" clId="{55F1696D-224E-654D-8EE7-4CBBA757AA04}" dt="2021-03-25T16:51:29.309" v="3471" actId="478"/>
          <ac:cxnSpMkLst>
            <pc:docMk/>
            <pc:sldMk cId="1450022582" sldId="574"/>
            <ac:cxnSpMk id="30" creationId="{76D2B3BD-ADCB-2845-A55E-BD80229EC41B}"/>
          </ac:cxnSpMkLst>
        </pc:cxnChg>
        <pc:cxnChg chg="del">
          <ac:chgData name="Daly Donnacha HSLU I" userId="0f22e960-400a-43ff-baeb-4828c8f5cd3a" providerId="ADAL" clId="{55F1696D-224E-654D-8EE7-4CBBA757AA04}" dt="2021-03-25T16:51:29.309" v="3471" actId="478"/>
          <ac:cxnSpMkLst>
            <pc:docMk/>
            <pc:sldMk cId="1450022582" sldId="574"/>
            <ac:cxnSpMk id="68" creationId="{2CA80E03-AFF0-1B45-AE12-A2922ECA70EB}"/>
          </ac:cxnSpMkLst>
        </pc:cxnChg>
        <pc:cxnChg chg="del">
          <ac:chgData name="Daly Donnacha HSLU I" userId="0f22e960-400a-43ff-baeb-4828c8f5cd3a" providerId="ADAL" clId="{55F1696D-224E-654D-8EE7-4CBBA757AA04}" dt="2021-03-25T16:51:29.309" v="3471" actId="478"/>
          <ac:cxnSpMkLst>
            <pc:docMk/>
            <pc:sldMk cId="1450022582" sldId="574"/>
            <ac:cxnSpMk id="73" creationId="{7CEA0262-D365-D242-AFB6-9E66CE1C9233}"/>
          </ac:cxnSpMkLst>
        </pc:cxnChg>
        <pc:cxnChg chg="del">
          <ac:chgData name="Daly Donnacha HSLU I" userId="0f22e960-400a-43ff-baeb-4828c8f5cd3a" providerId="ADAL" clId="{55F1696D-224E-654D-8EE7-4CBBA757AA04}" dt="2021-03-25T16:51:29.309" v="3471" actId="478"/>
          <ac:cxnSpMkLst>
            <pc:docMk/>
            <pc:sldMk cId="1450022582" sldId="574"/>
            <ac:cxnSpMk id="76" creationId="{10B7A4BD-620A-6A42-B099-7ADBFA969A6A}"/>
          </ac:cxnSpMkLst>
        </pc:cxnChg>
        <pc:cxnChg chg="del">
          <ac:chgData name="Daly Donnacha HSLU I" userId="0f22e960-400a-43ff-baeb-4828c8f5cd3a" providerId="ADAL" clId="{55F1696D-224E-654D-8EE7-4CBBA757AA04}" dt="2021-03-25T16:51:29.309" v="3471" actId="478"/>
          <ac:cxnSpMkLst>
            <pc:docMk/>
            <pc:sldMk cId="1450022582" sldId="574"/>
            <ac:cxnSpMk id="77" creationId="{970746BE-73AE-284C-BDA4-B6C8F94666A7}"/>
          </ac:cxnSpMkLst>
        </pc:cxnChg>
        <pc:cxnChg chg="del">
          <ac:chgData name="Daly Donnacha HSLU I" userId="0f22e960-400a-43ff-baeb-4828c8f5cd3a" providerId="ADAL" clId="{55F1696D-224E-654D-8EE7-4CBBA757AA04}" dt="2021-03-25T16:51:29.309" v="3471" actId="478"/>
          <ac:cxnSpMkLst>
            <pc:docMk/>
            <pc:sldMk cId="1450022582" sldId="574"/>
            <ac:cxnSpMk id="78" creationId="{A6054888-5997-5347-8862-A11D559BF256}"/>
          </ac:cxnSpMkLst>
        </pc:cxnChg>
        <pc:cxnChg chg="del">
          <ac:chgData name="Daly Donnacha HSLU I" userId="0f22e960-400a-43ff-baeb-4828c8f5cd3a" providerId="ADAL" clId="{55F1696D-224E-654D-8EE7-4CBBA757AA04}" dt="2021-03-25T16:51:29.309" v="3471" actId="478"/>
          <ac:cxnSpMkLst>
            <pc:docMk/>
            <pc:sldMk cId="1450022582" sldId="574"/>
            <ac:cxnSpMk id="81" creationId="{A3A6B277-BC61-2744-A7FB-DAFBA6081720}"/>
          </ac:cxnSpMkLst>
        </pc:cxnChg>
        <pc:cxnChg chg="del">
          <ac:chgData name="Daly Donnacha HSLU I" userId="0f22e960-400a-43ff-baeb-4828c8f5cd3a" providerId="ADAL" clId="{55F1696D-224E-654D-8EE7-4CBBA757AA04}" dt="2021-03-25T16:51:29.309" v="3471" actId="478"/>
          <ac:cxnSpMkLst>
            <pc:docMk/>
            <pc:sldMk cId="1450022582" sldId="574"/>
            <ac:cxnSpMk id="82" creationId="{BFA4CC0A-6F0D-9A4B-834D-B6FD18D35BAA}"/>
          </ac:cxnSpMkLst>
        </pc:cxnChg>
        <pc:cxnChg chg="del">
          <ac:chgData name="Daly Donnacha HSLU I" userId="0f22e960-400a-43ff-baeb-4828c8f5cd3a" providerId="ADAL" clId="{55F1696D-224E-654D-8EE7-4CBBA757AA04}" dt="2021-03-25T16:51:29.309" v="3471" actId="478"/>
          <ac:cxnSpMkLst>
            <pc:docMk/>
            <pc:sldMk cId="1450022582" sldId="574"/>
            <ac:cxnSpMk id="83" creationId="{5A74D9FF-176E-0447-B5C1-23B6058B6E20}"/>
          </ac:cxnSpMkLst>
        </pc:cxnChg>
        <pc:cxnChg chg="del">
          <ac:chgData name="Daly Donnacha HSLU I" userId="0f22e960-400a-43ff-baeb-4828c8f5cd3a" providerId="ADAL" clId="{55F1696D-224E-654D-8EE7-4CBBA757AA04}" dt="2021-03-25T16:51:29.309" v="3471" actId="478"/>
          <ac:cxnSpMkLst>
            <pc:docMk/>
            <pc:sldMk cId="1450022582" sldId="574"/>
            <ac:cxnSpMk id="84" creationId="{D9427179-D15E-9F4C-955E-B4A690493D82}"/>
          </ac:cxnSpMkLst>
        </pc:cxnChg>
        <pc:cxnChg chg="del">
          <ac:chgData name="Daly Donnacha HSLU I" userId="0f22e960-400a-43ff-baeb-4828c8f5cd3a" providerId="ADAL" clId="{55F1696D-224E-654D-8EE7-4CBBA757AA04}" dt="2021-03-25T16:51:29.309" v="3471" actId="478"/>
          <ac:cxnSpMkLst>
            <pc:docMk/>
            <pc:sldMk cId="1450022582" sldId="574"/>
            <ac:cxnSpMk id="86" creationId="{4A1C8E3F-F1DA-5F41-861F-D013E88A7AB4}"/>
          </ac:cxnSpMkLst>
        </pc:cxnChg>
      </pc:sldChg>
      <pc:sldChg chg="addSp delSp modSp add mod">
        <pc:chgData name="Daly Donnacha HSLU I" userId="0f22e960-400a-43ff-baeb-4828c8f5cd3a" providerId="ADAL" clId="{55F1696D-224E-654D-8EE7-4CBBA757AA04}" dt="2021-03-26T10:12:34.492" v="10365" actId="20577"/>
        <pc:sldMkLst>
          <pc:docMk/>
          <pc:sldMk cId="974968566" sldId="575"/>
        </pc:sldMkLst>
        <pc:spChg chg="mod">
          <ac:chgData name="Daly Donnacha HSLU I" userId="0f22e960-400a-43ff-baeb-4828c8f5cd3a" providerId="ADAL" clId="{55F1696D-224E-654D-8EE7-4CBBA757AA04}" dt="2021-03-26T10:12:34.492" v="10365" actId="20577"/>
          <ac:spMkLst>
            <pc:docMk/>
            <pc:sldMk cId="974968566" sldId="575"/>
            <ac:spMk id="2" creationId="{73E1470E-D17E-1047-8916-D4F1C8A807E4}"/>
          </ac:spMkLst>
        </pc:spChg>
        <pc:spChg chg="del">
          <ac:chgData name="Daly Donnacha HSLU I" userId="0f22e960-400a-43ff-baeb-4828c8f5cd3a" providerId="ADAL" clId="{55F1696D-224E-654D-8EE7-4CBBA757AA04}" dt="2021-03-26T04:59:31.529" v="4731" actId="478"/>
          <ac:spMkLst>
            <pc:docMk/>
            <pc:sldMk cId="974968566" sldId="575"/>
            <ac:spMk id="3" creationId="{31D7E11C-0718-4F41-A8AB-B03E639CD5BF}"/>
          </ac:spMkLst>
        </pc:spChg>
        <pc:spChg chg="del">
          <ac:chgData name="Daly Donnacha HSLU I" userId="0f22e960-400a-43ff-baeb-4828c8f5cd3a" providerId="ADAL" clId="{55F1696D-224E-654D-8EE7-4CBBA757AA04}" dt="2021-03-26T04:59:31.529" v="4731" actId="478"/>
          <ac:spMkLst>
            <pc:docMk/>
            <pc:sldMk cId="974968566" sldId="575"/>
            <ac:spMk id="4" creationId="{A6A4A506-7359-964D-A711-0AA47E575873}"/>
          </ac:spMkLst>
        </pc:spChg>
        <pc:spChg chg="add mod">
          <ac:chgData name="Daly Donnacha HSLU I" userId="0f22e960-400a-43ff-baeb-4828c8f5cd3a" providerId="ADAL" clId="{55F1696D-224E-654D-8EE7-4CBBA757AA04}" dt="2021-03-26T06:07:27.589" v="5616" actId="1036"/>
          <ac:spMkLst>
            <pc:docMk/>
            <pc:sldMk cId="974968566" sldId="575"/>
            <ac:spMk id="5" creationId="{9804A067-09FC-CC47-8090-0426C122D8CD}"/>
          </ac:spMkLst>
        </pc:spChg>
        <pc:spChg chg="del">
          <ac:chgData name="Daly Donnacha HSLU I" userId="0f22e960-400a-43ff-baeb-4828c8f5cd3a" providerId="ADAL" clId="{55F1696D-224E-654D-8EE7-4CBBA757AA04}" dt="2021-03-26T05:02:21.328" v="4745" actId="478"/>
          <ac:spMkLst>
            <pc:docMk/>
            <pc:sldMk cId="974968566" sldId="575"/>
            <ac:spMk id="16" creationId="{4133A9C5-D03D-F644-B57A-7FCE9FBB1718}"/>
          </ac:spMkLst>
        </pc:spChg>
        <pc:spChg chg="add del mod">
          <ac:chgData name="Daly Donnacha HSLU I" userId="0f22e960-400a-43ff-baeb-4828c8f5cd3a" providerId="ADAL" clId="{55F1696D-224E-654D-8EE7-4CBBA757AA04}" dt="2021-03-26T05:00:19.980" v="4737" actId="478"/>
          <ac:spMkLst>
            <pc:docMk/>
            <pc:sldMk cId="974968566" sldId="575"/>
            <ac:spMk id="50" creationId="{E7C4B2B0-3520-7144-B9E8-0B6A9A0D8EAB}"/>
          </ac:spMkLst>
        </pc:spChg>
        <pc:spChg chg="add del mod">
          <ac:chgData name="Daly Donnacha HSLU I" userId="0f22e960-400a-43ff-baeb-4828c8f5cd3a" providerId="ADAL" clId="{55F1696D-224E-654D-8EE7-4CBBA757AA04}" dt="2021-03-26T05:00:04.965" v="4735" actId="478"/>
          <ac:spMkLst>
            <pc:docMk/>
            <pc:sldMk cId="974968566" sldId="575"/>
            <ac:spMk id="51" creationId="{2E6D3C0C-54E6-4E49-9B93-826A3E2FFDCC}"/>
          </ac:spMkLst>
        </pc:spChg>
        <pc:spChg chg="add del mod">
          <ac:chgData name="Daly Donnacha HSLU I" userId="0f22e960-400a-43ff-baeb-4828c8f5cd3a" providerId="ADAL" clId="{55F1696D-224E-654D-8EE7-4CBBA757AA04}" dt="2021-03-26T05:00:00.199" v="4734" actId="478"/>
          <ac:spMkLst>
            <pc:docMk/>
            <pc:sldMk cId="974968566" sldId="575"/>
            <ac:spMk id="52" creationId="{82B54551-34DA-B046-B486-DF3DB2F4520B}"/>
          </ac:spMkLst>
        </pc:spChg>
        <pc:spChg chg="mod">
          <ac:chgData name="Daly Donnacha HSLU I" userId="0f22e960-400a-43ff-baeb-4828c8f5cd3a" providerId="ADAL" clId="{55F1696D-224E-654D-8EE7-4CBBA757AA04}" dt="2021-03-26T04:59:45.816" v="4733"/>
          <ac:spMkLst>
            <pc:docMk/>
            <pc:sldMk cId="974968566" sldId="575"/>
            <ac:spMk id="54" creationId="{2237DCBF-C219-5248-BBAC-57A6720ED2C3}"/>
          </ac:spMkLst>
        </pc:spChg>
        <pc:spChg chg="mod">
          <ac:chgData name="Daly Donnacha HSLU I" userId="0f22e960-400a-43ff-baeb-4828c8f5cd3a" providerId="ADAL" clId="{55F1696D-224E-654D-8EE7-4CBBA757AA04}" dt="2021-03-26T04:59:45.816" v="4733"/>
          <ac:spMkLst>
            <pc:docMk/>
            <pc:sldMk cId="974968566" sldId="575"/>
            <ac:spMk id="55" creationId="{BB747428-D47D-0A44-A0E7-FF50DAC6FF11}"/>
          </ac:spMkLst>
        </pc:spChg>
        <pc:spChg chg="add del mod">
          <ac:chgData name="Daly Donnacha HSLU I" userId="0f22e960-400a-43ff-baeb-4828c8f5cd3a" providerId="ADAL" clId="{55F1696D-224E-654D-8EE7-4CBBA757AA04}" dt="2021-03-26T05:00:16.808" v="4736" actId="478"/>
          <ac:spMkLst>
            <pc:docMk/>
            <pc:sldMk cId="974968566" sldId="575"/>
            <ac:spMk id="56" creationId="{3AE29428-CFE8-0740-B9E5-492AFA6C5FAC}"/>
          </ac:spMkLst>
        </pc:spChg>
        <pc:spChg chg="add mod">
          <ac:chgData name="Daly Donnacha HSLU I" userId="0f22e960-400a-43ff-baeb-4828c8f5cd3a" providerId="ADAL" clId="{55F1696D-224E-654D-8EE7-4CBBA757AA04}" dt="2021-03-26T05:00:35.601" v="4739" actId="571"/>
          <ac:spMkLst>
            <pc:docMk/>
            <pc:sldMk cId="974968566" sldId="575"/>
            <ac:spMk id="57" creationId="{E04FDAAC-99F8-F949-990E-288BE18049C6}"/>
          </ac:spMkLst>
        </pc:spChg>
        <pc:spChg chg="add mod">
          <ac:chgData name="Daly Donnacha HSLU I" userId="0f22e960-400a-43ff-baeb-4828c8f5cd3a" providerId="ADAL" clId="{55F1696D-224E-654D-8EE7-4CBBA757AA04}" dt="2021-03-26T05:00:35.601" v="4739" actId="571"/>
          <ac:spMkLst>
            <pc:docMk/>
            <pc:sldMk cId="974968566" sldId="575"/>
            <ac:spMk id="58" creationId="{9B7CBA8A-0D08-E441-83BF-960A499070F1}"/>
          </ac:spMkLst>
        </pc:spChg>
        <pc:spChg chg="add mod">
          <ac:chgData name="Daly Donnacha HSLU I" userId="0f22e960-400a-43ff-baeb-4828c8f5cd3a" providerId="ADAL" clId="{55F1696D-224E-654D-8EE7-4CBBA757AA04}" dt="2021-03-26T05:00:35.601" v="4739" actId="571"/>
          <ac:spMkLst>
            <pc:docMk/>
            <pc:sldMk cId="974968566" sldId="575"/>
            <ac:spMk id="60" creationId="{C6844FA3-8CF5-4548-ACB5-774E8131F85F}"/>
          </ac:spMkLst>
        </pc:spChg>
        <pc:spChg chg="add mod">
          <ac:chgData name="Daly Donnacha HSLU I" userId="0f22e960-400a-43ff-baeb-4828c8f5cd3a" providerId="ADAL" clId="{55F1696D-224E-654D-8EE7-4CBBA757AA04}" dt="2021-03-26T05:00:35.601" v="4739" actId="571"/>
          <ac:spMkLst>
            <pc:docMk/>
            <pc:sldMk cId="974968566" sldId="575"/>
            <ac:spMk id="61" creationId="{C80DDA62-3825-A640-A074-EF4F62D35E57}"/>
          </ac:spMkLst>
        </pc:spChg>
        <pc:spChg chg="add mod">
          <ac:chgData name="Daly Donnacha HSLU I" userId="0f22e960-400a-43ff-baeb-4828c8f5cd3a" providerId="ADAL" clId="{55F1696D-224E-654D-8EE7-4CBBA757AA04}" dt="2021-03-26T05:00:35.601" v="4739" actId="571"/>
          <ac:spMkLst>
            <pc:docMk/>
            <pc:sldMk cId="974968566" sldId="575"/>
            <ac:spMk id="62" creationId="{FE62A211-5E03-8542-B819-AEBD256CED45}"/>
          </ac:spMkLst>
        </pc:spChg>
        <pc:spChg chg="add mod">
          <ac:chgData name="Daly Donnacha HSLU I" userId="0f22e960-400a-43ff-baeb-4828c8f5cd3a" providerId="ADAL" clId="{55F1696D-224E-654D-8EE7-4CBBA757AA04}" dt="2021-03-26T05:00:35.601" v="4739" actId="571"/>
          <ac:spMkLst>
            <pc:docMk/>
            <pc:sldMk cId="974968566" sldId="575"/>
            <ac:spMk id="63" creationId="{7EEE9158-B681-E247-9434-E3F4ECB97D22}"/>
          </ac:spMkLst>
        </pc:spChg>
        <pc:spChg chg="add mod">
          <ac:chgData name="Daly Donnacha HSLU I" userId="0f22e960-400a-43ff-baeb-4828c8f5cd3a" providerId="ADAL" clId="{55F1696D-224E-654D-8EE7-4CBBA757AA04}" dt="2021-03-26T05:00:35.601" v="4739" actId="571"/>
          <ac:spMkLst>
            <pc:docMk/>
            <pc:sldMk cId="974968566" sldId="575"/>
            <ac:spMk id="64" creationId="{5D5BAB78-622A-9546-96FE-4EF494E777E1}"/>
          </ac:spMkLst>
        </pc:spChg>
        <pc:spChg chg="add mod">
          <ac:chgData name="Daly Donnacha HSLU I" userId="0f22e960-400a-43ff-baeb-4828c8f5cd3a" providerId="ADAL" clId="{55F1696D-224E-654D-8EE7-4CBBA757AA04}" dt="2021-03-26T05:00:35.601" v="4739" actId="571"/>
          <ac:spMkLst>
            <pc:docMk/>
            <pc:sldMk cId="974968566" sldId="575"/>
            <ac:spMk id="65" creationId="{E9167DCD-CA60-1143-B044-716C195CCC32}"/>
          </ac:spMkLst>
        </pc:spChg>
        <pc:spChg chg="add mod">
          <ac:chgData name="Daly Donnacha HSLU I" userId="0f22e960-400a-43ff-baeb-4828c8f5cd3a" providerId="ADAL" clId="{55F1696D-224E-654D-8EE7-4CBBA757AA04}" dt="2021-03-26T05:00:35.601" v="4739" actId="571"/>
          <ac:spMkLst>
            <pc:docMk/>
            <pc:sldMk cId="974968566" sldId="575"/>
            <ac:spMk id="66" creationId="{761CE406-6561-E74F-9F2A-C7CBB166B145}"/>
          </ac:spMkLst>
        </pc:spChg>
        <pc:spChg chg="add mod">
          <ac:chgData name="Daly Donnacha HSLU I" userId="0f22e960-400a-43ff-baeb-4828c8f5cd3a" providerId="ADAL" clId="{55F1696D-224E-654D-8EE7-4CBBA757AA04}" dt="2021-03-26T05:00:35.601" v="4739" actId="571"/>
          <ac:spMkLst>
            <pc:docMk/>
            <pc:sldMk cId="974968566" sldId="575"/>
            <ac:spMk id="67" creationId="{3298152C-383A-1B44-92E9-ED4F2A2E56FA}"/>
          </ac:spMkLst>
        </pc:spChg>
        <pc:spChg chg="add mod">
          <ac:chgData name="Daly Donnacha HSLU I" userId="0f22e960-400a-43ff-baeb-4828c8f5cd3a" providerId="ADAL" clId="{55F1696D-224E-654D-8EE7-4CBBA757AA04}" dt="2021-03-26T05:00:35.601" v="4739" actId="571"/>
          <ac:spMkLst>
            <pc:docMk/>
            <pc:sldMk cId="974968566" sldId="575"/>
            <ac:spMk id="68" creationId="{2A90EF9B-8F5B-F447-B35F-60DA48005507}"/>
          </ac:spMkLst>
        </pc:spChg>
        <pc:spChg chg="add mod">
          <ac:chgData name="Daly Donnacha HSLU I" userId="0f22e960-400a-43ff-baeb-4828c8f5cd3a" providerId="ADAL" clId="{55F1696D-224E-654D-8EE7-4CBBA757AA04}" dt="2021-03-26T05:00:35.601" v="4739" actId="571"/>
          <ac:spMkLst>
            <pc:docMk/>
            <pc:sldMk cId="974968566" sldId="575"/>
            <ac:spMk id="69" creationId="{DDC17205-4EB2-A741-A4F7-6F21D8E3430E}"/>
          </ac:spMkLst>
        </pc:spChg>
        <pc:spChg chg="add mod">
          <ac:chgData name="Daly Donnacha HSLU I" userId="0f22e960-400a-43ff-baeb-4828c8f5cd3a" providerId="ADAL" clId="{55F1696D-224E-654D-8EE7-4CBBA757AA04}" dt="2021-03-26T05:00:35.601" v="4739" actId="571"/>
          <ac:spMkLst>
            <pc:docMk/>
            <pc:sldMk cId="974968566" sldId="575"/>
            <ac:spMk id="70" creationId="{3424CE6D-CD9E-924B-B64F-C548A2600064}"/>
          </ac:spMkLst>
        </pc:spChg>
        <pc:spChg chg="add mod">
          <ac:chgData name="Daly Donnacha HSLU I" userId="0f22e960-400a-43ff-baeb-4828c8f5cd3a" providerId="ADAL" clId="{55F1696D-224E-654D-8EE7-4CBBA757AA04}" dt="2021-03-26T05:00:35.601" v="4739" actId="571"/>
          <ac:spMkLst>
            <pc:docMk/>
            <pc:sldMk cId="974968566" sldId="575"/>
            <ac:spMk id="71" creationId="{4679219A-8F81-B846-98EA-8906A97945F4}"/>
          </ac:spMkLst>
        </pc:spChg>
        <pc:spChg chg="add mod">
          <ac:chgData name="Daly Donnacha HSLU I" userId="0f22e960-400a-43ff-baeb-4828c8f5cd3a" providerId="ADAL" clId="{55F1696D-224E-654D-8EE7-4CBBA757AA04}" dt="2021-03-26T05:00:35.601" v="4739" actId="571"/>
          <ac:spMkLst>
            <pc:docMk/>
            <pc:sldMk cId="974968566" sldId="575"/>
            <ac:spMk id="72" creationId="{75C616D5-12B1-F84A-8FAA-7A73EF01795B}"/>
          </ac:spMkLst>
        </pc:spChg>
        <pc:spChg chg="add mod">
          <ac:chgData name="Daly Donnacha HSLU I" userId="0f22e960-400a-43ff-baeb-4828c8f5cd3a" providerId="ADAL" clId="{55F1696D-224E-654D-8EE7-4CBBA757AA04}" dt="2021-03-26T05:00:35.601" v="4739" actId="571"/>
          <ac:spMkLst>
            <pc:docMk/>
            <pc:sldMk cId="974968566" sldId="575"/>
            <ac:spMk id="74" creationId="{5C17B955-DD22-1C4F-AA80-A02734234D7C}"/>
          </ac:spMkLst>
        </pc:spChg>
        <pc:spChg chg="add mod">
          <ac:chgData name="Daly Donnacha HSLU I" userId="0f22e960-400a-43ff-baeb-4828c8f5cd3a" providerId="ADAL" clId="{55F1696D-224E-654D-8EE7-4CBBA757AA04}" dt="2021-03-26T05:00:35.601" v="4739" actId="571"/>
          <ac:spMkLst>
            <pc:docMk/>
            <pc:sldMk cId="974968566" sldId="575"/>
            <ac:spMk id="75" creationId="{C898FDBA-3DEA-3148-8CFF-DA31515D24B1}"/>
          </ac:spMkLst>
        </pc:spChg>
        <pc:spChg chg="add mod">
          <ac:chgData name="Daly Donnacha HSLU I" userId="0f22e960-400a-43ff-baeb-4828c8f5cd3a" providerId="ADAL" clId="{55F1696D-224E-654D-8EE7-4CBBA757AA04}" dt="2021-03-26T05:24:35.871" v="4976" actId="16959"/>
          <ac:spMkLst>
            <pc:docMk/>
            <pc:sldMk cId="974968566" sldId="575"/>
            <ac:spMk id="76" creationId="{6BA5DEF2-5582-0744-843E-53360F1B23E2}"/>
          </ac:spMkLst>
        </pc:spChg>
        <pc:spChg chg="add mod">
          <ac:chgData name="Daly Donnacha HSLU I" userId="0f22e960-400a-43ff-baeb-4828c8f5cd3a" providerId="ADAL" clId="{55F1696D-224E-654D-8EE7-4CBBA757AA04}" dt="2021-03-26T05:24:39.990" v="4977" actId="16959"/>
          <ac:spMkLst>
            <pc:docMk/>
            <pc:sldMk cId="974968566" sldId="575"/>
            <ac:spMk id="77" creationId="{501798DC-D033-D849-8BAB-3A57B75351EE}"/>
          </ac:spMkLst>
        </pc:spChg>
        <pc:spChg chg="add mod">
          <ac:chgData name="Daly Donnacha HSLU I" userId="0f22e960-400a-43ff-baeb-4828c8f5cd3a" providerId="ADAL" clId="{55F1696D-224E-654D-8EE7-4CBBA757AA04}" dt="2021-03-26T05:01:41.968" v="4741" actId="571"/>
          <ac:spMkLst>
            <pc:docMk/>
            <pc:sldMk cId="974968566" sldId="575"/>
            <ac:spMk id="78" creationId="{6D1599E1-89E4-A746-B381-DDFAC2138B34}"/>
          </ac:spMkLst>
        </pc:spChg>
        <pc:spChg chg="add mod">
          <ac:chgData name="Daly Donnacha HSLU I" userId="0f22e960-400a-43ff-baeb-4828c8f5cd3a" providerId="ADAL" clId="{55F1696D-224E-654D-8EE7-4CBBA757AA04}" dt="2021-03-26T05:01:41.968" v="4741" actId="571"/>
          <ac:spMkLst>
            <pc:docMk/>
            <pc:sldMk cId="974968566" sldId="575"/>
            <ac:spMk id="79" creationId="{A66E961B-A20D-EF47-B15F-8CAC3AB204CC}"/>
          </ac:spMkLst>
        </pc:spChg>
        <pc:spChg chg="add mod">
          <ac:chgData name="Daly Donnacha HSLU I" userId="0f22e960-400a-43ff-baeb-4828c8f5cd3a" providerId="ADAL" clId="{55F1696D-224E-654D-8EE7-4CBBA757AA04}" dt="2021-03-26T05:01:41.968" v="4741" actId="571"/>
          <ac:spMkLst>
            <pc:docMk/>
            <pc:sldMk cId="974968566" sldId="575"/>
            <ac:spMk id="80" creationId="{A8484A3C-9395-B445-BF60-D397CE0F8FB5}"/>
          </ac:spMkLst>
        </pc:spChg>
        <pc:spChg chg="add mod">
          <ac:chgData name="Daly Donnacha HSLU I" userId="0f22e960-400a-43ff-baeb-4828c8f5cd3a" providerId="ADAL" clId="{55F1696D-224E-654D-8EE7-4CBBA757AA04}" dt="2021-03-26T05:01:41.968" v="4741" actId="571"/>
          <ac:spMkLst>
            <pc:docMk/>
            <pc:sldMk cId="974968566" sldId="575"/>
            <ac:spMk id="81" creationId="{B816246B-FEEC-8B46-BC17-9D444940EACC}"/>
          </ac:spMkLst>
        </pc:spChg>
        <pc:spChg chg="add mod">
          <ac:chgData name="Daly Donnacha HSLU I" userId="0f22e960-400a-43ff-baeb-4828c8f5cd3a" providerId="ADAL" clId="{55F1696D-224E-654D-8EE7-4CBBA757AA04}" dt="2021-03-26T05:01:41.968" v="4741" actId="571"/>
          <ac:spMkLst>
            <pc:docMk/>
            <pc:sldMk cId="974968566" sldId="575"/>
            <ac:spMk id="82" creationId="{F20B68BD-A2DA-AF4F-826B-73B951D5D4B6}"/>
          </ac:spMkLst>
        </pc:spChg>
        <pc:spChg chg="add mod">
          <ac:chgData name="Daly Donnacha HSLU I" userId="0f22e960-400a-43ff-baeb-4828c8f5cd3a" providerId="ADAL" clId="{55F1696D-224E-654D-8EE7-4CBBA757AA04}" dt="2021-03-26T05:01:41.968" v="4741" actId="571"/>
          <ac:spMkLst>
            <pc:docMk/>
            <pc:sldMk cId="974968566" sldId="575"/>
            <ac:spMk id="83" creationId="{BEB9E925-27E0-1442-A600-043A6C770715}"/>
          </ac:spMkLst>
        </pc:spChg>
        <pc:spChg chg="add mod">
          <ac:chgData name="Daly Donnacha HSLU I" userId="0f22e960-400a-43ff-baeb-4828c8f5cd3a" providerId="ADAL" clId="{55F1696D-224E-654D-8EE7-4CBBA757AA04}" dt="2021-03-26T05:01:41.968" v="4741" actId="571"/>
          <ac:spMkLst>
            <pc:docMk/>
            <pc:sldMk cId="974968566" sldId="575"/>
            <ac:spMk id="84" creationId="{EA4BDADF-430A-8B44-A5EE-2AA0462B9AEE}"/>
          </ac:spMkLst>
        </pc:spChg>
        <pc:spChg chg="add mod">
          <ac:chgData name="Daly Donnacha HSLU I" userId="0f22e960-400a-43ff-baeb-4828c8f5cd3a" providerId="ADAL" clId="{55F1696D-224E-654D-8EE7-4CBBA757AA04}" dt="2021-03-26T05:01:41.968" v="4741" actId="571"/>
          <ac:spMkLst>
            <pc:docMk/>
            <pc:sldMk cId="974968566" sldId="575"/>
            <ac:spMk id="85" creationId="{DCBD976B-4193-E446-A03F-D0B79ADB3DC7}"/>
          </ac:spMkLst>
        </pc:spChg>
        <pc:spChg chg="add mod">
          <ac:chgData name="Daly Donnacha HSLU I" userId="0f22e960-400a-43ff-baeb-4828c8f5cd3a" providerId="ADAL" clId="{55F1696D-224E-654D-8EE7-4CBBA757AA04}" dt="2021-03-26T05:01:41.968" v="4741" actId="571"/>
          <ac:spMkLst>
            <pc:docMk/>
            <pc:sldMk cId="974968566" sldId="575"/>
            <ac:spMk id="86" creationId="{BEE85249-706E-1649-BD7C-9B2EED8FED6E}"/>
          </ac:spMkLst>
        </pc:spChg>
        <pc:spChg chg="add mod">
          <ac:chgData name="Daly Donnacha HSLU I" userId="0f22e960-400a-43ff-baeb-4828c8f5cd3a" providerId="ADAL" clId="{55F1696D-224E-654D-8EE7-4CBBA757AA04}" dt="2021-03-26T05:01:41.968" v="4741" actId="571"/>
          <ac:spMkLst>
            <pc:docMk/>
            <pc:sldMk cId="974968566" sldId="575"/>
            <ac:spMk id="87" creationId="{D805DCD1-088E-3341-81F8-FA7622AA6EF1}"/>
          </ac:spMkLst>
        </pc:spChg>
        <pc:spChg chg="add del mod">
          <ac:chgData name="Daly Donnacha HSLU I" userId="0f22e960-400a-43ff-baeb-4828c8f5cd3a" providerId="ADAL" clId="{55F1696D-224E-654D-8EE7-4CBBA757AA04}" dt="2021-03-26T05:01:59.704" v="4742" actId="478"/>
          <ac:spMkLst>
            <pc:docMk/>
            <pc:sldMk cId="974968566" sldId="575"/>
            <ac:spMk id="88" creationId="{A995AE27-74B0-E242-ADD6-A4A84A9D5964}"/>
          </ac:spMkLst>
        </pc:spChg>
        <pc:spChg chg="add del mod">
          <ac:chgData name="Daly Donnacha HSLU I" userId="0f22e960-400a-43ff-baeb-4828c8f5cd3a" providerId="ADAL" clId="{55F1696D-224E-654D-8EE7-4CBBA757AA04}" dt="2021-03-26T05:01:59.704" v="4742" actId="478"/>
          <ac:spMkLst>
            <pc:docMk/>
            <pc:sldMk cId="974968566" sldId="575"/>
            <ac:spMk id="89" creationId="{2FBC851E-AEB7-5443-8C61-DE128656BC36}"/>
          </ac:spMkLst>
        </pc:spChg>
        <pc:spChg chg="add mod">
          <ac:chgData name="Daly Donnacha HSLU I" userId="0f22e960-400a-43ff-baeb-4828c8f5cd3a" providerId="ADAL" clId="{55F1696D-224E-654D-8EE7-4CBBA757AA04}" dt="2021-03-26T05:01:41.968" v="4741" actId="571"/>
          <ac:spMkLst>
            <pc:docMk/>
            <pc:sldMk cId="974968566" sldId="575"/>
            <ac:spMk id="90" creationId="{40825C41-DC90-7041-B803-42BFB4A6991B}"/>
          </ac:spMkLst>
        </pc:spChg>
        <pc:spChg chg="add del">
          <ac:chgData name="Daly Donnacha HSLU I" userId="0f22e960-400a-43ff-baeb-4828c8f5cd3a" providerId="ADAL" clId="{55F1696D-224E-654D-8EE7-4CBBA757AA04}" dt="2021-03-26T04:59:31.529" v="4731" actId="478"/>
          <ac:spMkLst>
            <pc:docMk/>
            <pc:sldMk cId="974968566" sldId="575"/>
            <ac:spMk id="95" creationId="{B8C81631-EAB2-A14B-A82C-C2B24335771C}"/>
          </ac:spMkLst>
        </pc:spChg>
        <pc:spChg chg="add mod">
          <ac:chgData name="Daly Donnacha HSLU I" userId="0f22e960-400a-43ff-baeb-4828c8f5cd3a" providerId="ADAL" clId="{55F1696D-224E-654D-8EE7-4CBBA757AA04}" dt="2021-03-26T05:01:41.968" v="4741" actId="571"/>
          <ac:spMkLst>
            <pc:docMk/>
            <pc:sldMk cId="974968566" sldId="575"/>
            <ac:spMk id="96" creationId="{DD2F3AAC-A06F-4741-8A17-ABF64DA911E0}"/>
          </ac:spMkLst>
        </pc:spChg>
        <pc:spChg chg="add del">
          <ac:chgData name="Daly Donnacha HSLU I" userId="0f22e960-400a-43ff-baeb-4828c8f5cd3a" providerId="ADAL" clId="{55F1696D-224E-654D-8EE7-4CBBA757AA04}" dt="2021-03-26T04:59:31.529" v="4731" actId="478"/>
          <ac:spMkLst>
            <pc:docMk/>
            <pc:sldMk cId="974968566" sldId="575"/>
            <ac:spMk id="97" creationId="{537F0D89-9CA4-B842-BF8A-2464E19CDB6E}"/>
          </ac:spMkLst>
        </pc:spChg>
        <pc:spChg chg="add mod">
          <ac:chgData name="Daly Donnacha HSLU I" userId="0f22e960-400a-43ff-baeb-4828c8f5cd3a" providerId="ADAL" clId="{55F1696D-224E-654D-8EE7-4CBBA757AA04}" dt="2021-03-26T05:01:41.968" v="4741" actId="571"/>
          <ac:spMkLst>
            <pc:docMk/>
            <pc:sldMk cId="974968566" sldId="575"/>
            <ac:spMk id="98" creationId="{AEFF07A6-724F-6347-9BF6-8FDD98909BAB}"/>
          </ac:spMkLst>
        </pc:spChg>
        <pc:spChg chg="add mod">
          <ac:chgData name="Daly Donnacha HSLU I" userId="0f22e960-400a-43ff-baeb-4828c8f5cd3a" providerId="ADAL" clId="{55F1696D-224E-654D-8EE7-4CBBA757AA04}" dt="2021-03-26T05:02:11.325" v="4744"/>
          <ac:spMkLst>
            <pc:docMk/>
            <pc:sldMk cId="974968566" sldId="575"/>
            <ac:spMk id="99" creationId="{BCDFB227-D0ED-4742-BA42-1DD9FD72E701}"/>
          </ac:spMkLst>
        </pc:spChg>
        <pc:spChg chg="add mod">
          <ac:chgData name="Daly Donnacha HSLU I" userId="0f22e960-400a-43ff-baeb-4828c8f5cd3a" providerId="ADAL" clId="{55F1696D-224E-654D-8EE7-4CBBA757AA04}" dt="2021-03-26T05:02:11.325" v="4744"/>
          <ac:spMkLst>
            <pc:docMk/>
            <pc:sldMk cId="974968566" sldId="575"/>
            <ac:spMk id="100" creationId="{EA138A50-EB2A-BB4A-A532-5159B0BA45A0}"/>
          </ac:spMkLst>
        </pc:spChg>
        <pc:spChg chg="add mod">
          <ac:chgData name="Daly Donnacha HSLU I" userId="0f22e960-400a-43ff-baeb-4828c8f5cd3a" providerId="ADAL" clId="{55F1696D-224E-654D-8EE7-4CBBA757AA04}" dt="2021-03-26T06:25:02.050" v="5779" actId="14100"/>
          <ac:spMkLst>
            <pc:docMk/>
            <pc:sldMk cId="974968566" sldId="575"/>
            <ac:spMk id="101" creationId="{F6BE6E05-8C53-824F-97DA-F8F8F9AF2033}"/>
          </ac:spMkLst>
        </pc:spChg>
        <pc:spChg chg="add mod">
          <ac:chgData name="Daly Donnacha HSLU I" userId="0f22e960-400a-43ff-baeb-4828c8f5cd3a" providerId="ADAL" clId="{55F1696D-224E-654D-8EE7-4CBBA757AA04}" dt="2021-03-26T06:24:55.627" v="5777" actId="1035"/>
          <ac:spMkLst>
            <pc:docMk/>
            <pc:sldMk cId="974968566" sldId="575"/>
            <ac:spMk id="102" creationId="{25183E93-2215-2C42-AC3F-2C22B8AAF0A6}"/>
          </ac:spMkLst>
        </pc:spChg>
        <pc:spChg chg="add mod">
          <ac:chgData name="Daly Donnacha HSLU I" userId="0f22e960-400a-43ff-baeb-4828c8f5cd3a" providerId="ADAL" clId="{55F1696D-224E-654D-8EE7-4CBBA757AA04}" dt="2021-03-26T06:07:40.492" v="5624" actId="1035"/>
          <ac:spMkLst>
            <pc:docMk/>
            <pc:sldMk cId="974968566" sldId="575"/>
            <ac:spMk id="103" creationId="{33D76D87-C290-CD4D-8DF5-23D452D1B68E}"/>
          </ac:spMkLst>
        </pc:spChg>
        <pc:spChg chg="add mod">
          <ac:chgData name="Daly Donnacha HSLU I" userId="0f22e960-400a-43ff-baeb-4828c8f5cd3a" providerId="ADAL" clId="{55F1696D-224E-654D-8EE7-4CBBA757AA04}" dt="2021-03-26T05:25:26.848" v="4980" actId="1076"/>
          <ac:spMkLst>
            <pc:docMk/>
            <pc:sldMk cId="974968566" sldId="575"/>
            <ac:spMk id="104" creationId="{C7DC127C-4FC5-324B-AAC5-82FD152D8C8A}"/>
          </ac:spMkLst>
        </pc:spChg>
        <pc:spChg chg="add del">
          <ac:chgData name="Daly Donnacha HSLU I" userId="0f22e960-400a-43ff-baeb-4828c8f5cd3a" providerId="ADAL" clId="{55F1696D-224E-654D-8EE7-4CBBA757AA04}" dt="2021-03-26T04:59:31.529" v="4731" actId="478"/>
          <ac:spMkLst>
            <pc:docMk/>
            <pc:sldMk cId="974968566" sldId="575"/>
            <ac:spMk id="110" creationId="{564158FA-1D2F-0540-A5F6-B03C9C6A7BC2}"/>
          </ac:spMkLst>
        </pc:spChg>
        <pc:spChg chg="add del">
          <ac:chgData name="Daly Donnacha HSLU I" userId="0f22e960-400a-43ff-baeb-4828c8f5cd3a" providerId="ADAL" clId="{55F1696D-224E-654D-8EE7-4CBBA757AA04}" dt="2021-03-26T04:59:31.529" v="4731" actId="478"/>
          <ac:spMkLst>
            <pc:docMk/>
            <pc:sldMk cId="974968566" sldId="575"/>
            <ac:spMk id="130" creationId="{A9B1D0C4-695F-6747-9E19-778456B12C97}"/>
          </ac:spMkLst>
        </pc:spChg>
        <pc:spChg chg="del">
          <ac:chgData name="Daly Donnacha HSLU I" userId="0f22e960-400a-43ff-baeb-4828c8f5cd3a" providerId="ADAL" clId="{55F1696D-224E-654D-8EE7-4CBBA757AA04}" dt="2021-03-26T05:02:25.982" v="4746" actId="478"/>
          <ac:spMkLst>
            <pc:docMk/>
            <pc:sldMk cId="974968566" sldId="575"/>
            <ac:spMk id="142" creationId="{68E4E043-41AF-8E43-ACFF-966406BC0606}"/>
          </ac:spMkLst>
        </pc:spChg>
        <pc:spChg chg="del">
          <ac:chgData name="Daly Donnacha HSLU I" userId="0f22e960-400a-43ff-baeb-4828c8f5cd3a" providerId="ADAL" clId="{55F1696D-224E-654D-8EE7-4CBBA757AA04}" dt="2021-03-26T05:02:25.982" v="4746" actId="478"/>
          <ac:spMkLst>
            <pc:docMk/>
            <pc:sldMk cId="974968566" sldId="575"/>
            <ac:spMk id="143" creationId="{2DE63213-01C1-4843-AD3F-A31F9625505C}"/>
          </ac:spMkLst>
        </pc:spChg>
        <pc:spChg chg="del">
          <ac:chgData name="Daly Donnacha HSLU I" userId="0f22e960-400a-43ff-baeb-4828c8f5cd3a" providerId="ADAL" clId="{55F1696D-224E-654D-8EE7-4CBBA757AA04}" dt="2021-03-26T05:02:25.982" v="4746" actId="478"/>
          <ac:spMkLst>
            <pc:docMk/>
            <pc:sldMk cId="974968566" sldId="575"/>
            <ac:spMk id="147" creationId="{71233ABF-A1BB-2E42-9603-F7FF8DA03687}"/>
          </ac:spMkLst>
        </pc:spChg>
        <pc:spChg chg="del">
          <ac:chgData name="Daly Donnacha HSLU I" userId="0f22e960-400a-43ff-baeb-4828c8f5cd3a" providerId="ADAL" clId="{55F1696D-224E-654D-8EE7-4CBBA757AA04}" dt="2021-03-26T05:02:25.982" v="4746" actId="478"/>
          <ac:spMkLst>
            <pc:docMk/>
            <pc:sldMk cId="974968566" sldId="575"/>
            <ac:spMk id="148" creationId="{B9E502C9-FEF1-274A-9904-343655E237DD}"/>
          </ac:spMkLst>
        </pc:spChg>
        <pc:spChg chg="del">
          <ac:chgData name="Daly Donnacha HSLU I" userId="0f22e960-400a-43ff-baeb-4828c8f5cd3a" providerId="ADAL" clId="{55F1696D-224E-654D-8EE7-4CBBA757AA04}" dt="2021-03-26T05:02:25.982" v="4746" actId="478"/>
          <ac:spMkLst>
            <pc:docMk/>
            <pc:sldMk cId="974968566" sldId="575"/>
            <ac:spMk id="149" creationId="{8F4505D6-0309-CD41-9CFF-408E1232B3A8}"/>
          </ac:spMkLst>
        </pc:spChg>
        <pc:spChg chg="del">
          <ac:chgData name="Daly Donnacha HSLU I" userId="0f22e960-400a-43ff-baeb-4828c8f5cd3a" providerId="ADAL" clId="{55F1696D-224E-654D-8EE7-4CBBA757AA04}" dt="2021-03-26T05:02:25.982" v="4746" actId="478"/>
          <ac:spMkLst>
            <pc:docMk/>
            <pc:sldMk cId="974968566" sldId="575"/>
            <ac:spMk id="150" creationId="{54979DE1-C6D9-014D-9050-88CFB921B28E}"/>
          </ac:spMkLst>
        </pc:spChg>
        <pc:spChg chg="del">
          <ac:chgData name="Daly Donnacha HSLU I" userId="0f22e960-400a-43ff-baeb-4828c8f5cd3a" providerId="ADAL" clId="{55F1696D-224E-654D-8EE7-4CBBA757AA04}" dt="2021-03-26T05:02:25.982" v="4746" actId="478"/>
          <ac:spMkLst>
            <pc:docMk/>
            <pc:sldMk cId="974968566" sldId="575"/>
            <ac:spMk id="151" creationId="{71425BFE-00E1-5348-88C9-B4A6A65B2880}"/>
          </ac:spMkLst>
        </pc:spChg>
        <pc:spChg chg="del">
          <ac:chgData name="Daly Donnacha HSLU I" userId="0f22e960-400a-43ff-baeb-4828c8f5cd3a" providerId="ADAL" clId="{55F1696D-224E-654D-8EE7-4CBBA757AA04}" dt="2021-03-26T05:02:25.982" v="4746" actId="478"/>
          <ac:spMkLst>
            <pc:docMk/>
            <pc:sldMk cId="974968566" sldId="575"/>
            <ac:spMk id="152" creationId="{0DACB17F-4320-304B-8BDA-CF8C5087DB4F}"/>
          </ac:spMkLst>
        </pc:spChg>
        <pc:spChg chg="del">
          <ac:chgData name="Daly Donnacha HSLU I" userId="0f22e960-400a-43ff-baeb-4828c8f5cd3a" providerId="ADAL" clId="{55F1696D-224E-654D-8EE7-4CBBA757AA04}" dt="2021-03-26T05:02:25.982" v="4746" actId="478"/>
          <ac:spMkLst>
            <pc:docMk/>
            <pc:sldMk cId="974968566" sldId="575"/>
            <ac:spMk id="153" creationId="{C08C33C3-396B-2D43-8E9E-AF483ADD3994}"/>
          </ac:spMkLst>
        </pc:spChg>
        <pc:spChg chg="del">
          <ac:chgData name="Daly Donnacha HSLU I" userId="0f22e960-400a-43ff-baeb-4828c8f5cd3a" providerId="ADAL" clId="{55F1696D-224E-654D-8EE7-4CBBA757AA04}" dt="2021-03-26T05:02:25.982" v="4746" actId="478"/>
          <ac:spMkLst>
            <pc:docMk/>
            <pc:sldMk cId="974968566" sldId="575"/>
            <ac:spMk id="154" creationId="{D6F7F060-2E92-CB41-9699-4F8EE7B8BAED}"/>
          </ac:spMkLst>
        </pc:spChg>
        <pc:spChg chg="add del">
          <ac:chgData name="Daly Donnacha HSLU I" userId="0f22e960-400a-43ff-baeb-4828c8f5cd3a" providerId="ADAL" clId="{55F1696D-224E-654D-8EE7-4CBBA757AA04}" dt="2021-03-26T04:59:31.529" v="4731" actId="478"/>
          <ac:spMkLst>
            <pc:docMk/>
            <pc:sldMk cId="974968566" sldId="575"/>
            <ac:spMk id="155" creationId="{576DC600-FEB7-F648-BB7C-AEB2EF2EB567}"/>
          </ac:spMkLst>
        </pc:spChg>
        <pc:spChg chg="del">
          <ac:chgData name="Daly Donnacha HSLU I" userId="0f22e960-400a-43ff-baeb-4828c8f5cd3a" providerId="ADAL" clId="{55F1696D-224E-654D-8EE7-4CBBA757AA04}" dt="2021-03-26T05:02:25.982" v="4746" actId="478"/>
          <ac:spMkLst>
            <pc:docMk/>
            <pc:sldMk cId="974968566" sldId="575"/>
            <ac:spMk id="157" creationId="{E8F85F12-AB86-B644-979B-8BF348B4B009}"/>
          </ac:spMkLst>
        </pc:spChg>
        <pc:spChg chg="del">
          <ac:chgData name="Daly Donnacha HSLU I" userId="0f22e960-400a-43ff-baeb-4828c8f5cd3a" providerId="ADAL" clId="{55F1696D-224E-654D-8EE7-4CBBA757AA04}" dt="2021-03-26T05:02:25.982" v="4746" actId="478"/>
          <ac:spMkLst>
            <pc:docMk/>
            <pc:sldMk cId="974968566" sldId="575"/>
            <ac:spMk id="158" creationId="{8B514917-B00B-F64F-BC3F-86EF95CCE228}"/>
          </ac:spMkLst>
        </pc:spChg>
        <pc:spChg chg="del">
          <ac:chgData name="Daly Donnacha HSLU I" userId="0f22e960-400a-43ff-baeb-4828c8f5cd3a" providerId="ADAL" clId="{55F1696D-224E-654D-8EE7-4CBBA757AA04}" dt="2021-03-26T04:59:31.529" v="4731" actId="478"/>
          <ac:spMkLst>
            <pc:docMk/>
            <pc:sldMk cId="974968566" sldId="575"/>
            <ac:spMk id="166" creationId="{0EB0E31F-5468-FD47-B3F7-7FF4FBE44381}"/>
          </ac:spMkLst>
        </pc:spChg>
        <pc:spChg chg="mod">
          <ac:chgData name="Daly Donnacha HSLU I" userId="0f22e960-400a-43ff-baeb-4828c8f5cd3a" providerId="ADAL" clId="{55F1696D-224E-654D-8EE7-4CBBA757AA04}" dt="2021-03-26T05:00:46.754" v="4740" actId="167"/>
          <ac:spMkLst>
            <pc:docMk/>
            <pc:sldMk cId="974968566" sldId="575"/>
            <ac:spMk id="182" creationId="{97E99E91-119C-7442-82A3-48D470956536}"/>
          </ac:spMkLst>
        </pc:spChg>
        <pc:spChg chg="del">
          <ac:chgData name="Daly Donnacha HSLU I" userId="0f22e960-400a-43ff-baeb-4828c8f5cd3a" providerId="ADAL" clId="{55F1696D-224E-654D-8EE7-4CBBA757AA04}" dt="2021-03-26T05:02:25.982" v="4746" actId="478"/>
          <ac:spMkLst>
            <pc:docMk/>
            <pc:sldMk cId="974968566" sldId="575"/>
            <ac:spMk id="183" creationId="{32F48578-7BA9-B64E-A8DF-3ECA9E95BC08}"/>
          </ac:spMkLst>
        </pc:spChg>
        <pc:spChg chg="del">
          <ac:chgData name="Daly Donnacha HSLU I" userId="0f22e960-400a-43ff-baeb-4828c8f5cd3a" providerId="ADAL" clId="{55F1696D-224E-654D-8EE7-4CBBA757AA04}" dt="2021-03-26T05:02:25.982" v="4746" actId="478"/>
          <ac:spMkLst>
            <pc:docMk/>
            <pc:sldMk cId="974968566" sldId="575"/>
            <ac:spMk id="184" creationId="{D6567CE9-1BD2-8048-BEA6-6CE88997A5BB}"/>
          </ac:spMkLst>
        </pc:spChg>
        <pc:spChg chg="mod">
          <ac:chgData name="Daly Donnacha HSLU I" userId="0f22e960-400a-43ff-baeb-4828c8f5cd3a" providerId="ADAL" clId="{55F1696D-224E-654D-8EE7-4CBBA757AA04}" dt="2021-03-26T07:05:23.936" v="6962" actId="113"/>
          <ac:spMkLst>
            <pc:docMk/>
            <pc:sldMk cId="974968566" sldId="575"/>
            <ac:spMk id="185" creationId="{8C795D26-DB8F-6144-A454-7FA7B2617CAC}"/>
          </ac:spMkLst>
        </pc:spChg>
        <pc:spChg chg="del">
          <ac:chgData name="Daly Donnacha HSLU I" userId="0f22e960-400a-43ff-baeb-4828c8f5cd3a" providerId="ADAL" clId="{55F1696D-224E-654D-8EE7-4CBBA757AA04}" dt="2021-03-26T05:02:25.982" v="4746" actId="478"/>
          <ac:spMkLst>
            <pc:docMk/>
            <pc:sldMk cId="974968566" sldId="575"/>
            <ac:spMk id="186" creationId="{F86D51DE-03C1-1247-9A44-F88DD295894B}"/>
          </ac:spMkLst>
        </pc:spChg>
        <pc:spChg chg="del">
          <ac:chgData name="Daly Donnacha HSLU I" userId="0f22e960-400a-43ff-baeb-4828c8f5cd3a" providerId="ADAL" clId="{55F1696D-224E-654D-8EE7-4CBBA757AA04}" dt="2021-03-26T05:02:25.982" v="4746" actId="478"/>
          <ac:spMkLst>
            <pc:docMk/>
            <pc:sldMk cId="974968566" sldId="575"/>
            <ac:spMk id="188" creationId="{1DD5DD54-AFA9-FB41-BD98-7C6F3A2A0F1B}"/>
          </ac:spMkLst>
        </pc:spChg>
        <pc:spChg chg="del">
          <ac:chgData name="Daly Donnacha HSLU I" userId="0f22e960-400a-43ff-baeb-4828c8f5cd3a" providerId="ADAL" clId="{55F1696D-224E-654D-8EE7-4CBBA757AA04}" dt="2021-03-26T05:02:25.982" v="4746" actId="478"/>
          <ac:spMkLst>
            <pc:docMk/>
            <pc:sldMk cId="974968566" sldId="575"/>
            <ac:spMk id="189" creationId="{4ED767E9-C8FA-8747-92DD-880B07612080}"/>
          </ac:spMkLst>
        </pc:spChg>
        <pc:grpChg chg="add mod">
          <ac:chgData name="Daly Donnacha HSLU I" userId="0f22e960-400a-43ff-baeb-4828c8f5cd3a" providerId="ADAL" clId="{55F1696D-224E-654D-8EE7-4CBBA757AA04}" dt="2021-03-26T04:59:45.816" v="4733"/>
          <ac:grpSpMkLst>
            <pc:docMk/>
            <pc:sldMk cId="974968566" sldId="575"/>
            <ac:grpSpMk id="53" creationId="{37483B15-F54F-1842-AD3C-3E683592721C}"/>
          </ac:grpSpMkLst>
        </pc:grpChg>
        <pc:grpChg chg="del">
          <ac:chgData name="Daly Donnacha HSLU I" userId="0f22e960-400a-43ff-baeb-4828c8f5cd3a" providerId="ADAL" clId="{55F1696D-224E-654D-8EE7-4CBBA757AA04}" dt="2021-03-26T04:59:34.550" v="4732" actId="478"/>
          <ac:grpSpMkLst>
            <pc:docMk/>
            <pc:sldMk cId="974968566" sldId="575"/>
            <ac:grpSpMk id="112" creationId="{7BE88393-8F60-7F49-A2CC-208442371DB1}"/>
          </ac:grpSpMkLst>
        </pc:grpChg>
        <pc:grpChg chg="del">
          <ac:chgData name="Daly Donnacha HSLU I" userId="0f22e960-400a-43ff-baeb-4828c8f5cd3a" providerId="ADAL" clId="{55F1696D-224E-654D-8EE7-4CBBA757AA04}" dt="2021-03-26T05:02:27.879" v="4747" actId="478"/>
          <ac:grpSpMkLst>
            <pc:docMk/>
            <pc:sldMk cId="974968566" sldId="575"/>
            <ac:grpSpMk id="180" creationId="{49E8F2AB-40E3-C146-974E-F57CD06D24DF}"/>
          </ac:grpSpMkLst>
        </pc:grpChg>
        <pc:cxnChg chg="del">
          <ac:chgData name="Daly Donnacha HSLU I" userId="0f22e960-400a-43ff-baeb-4828c8f5cd3a" providerId="ADAL" clId="{55F1696D-224E-654D-8EE7-4CBBA757AA04}" dt="2021-03-26T04:59:31.529" v="4731" actId="478"/>
          <ac:cxnSpMkLst>
            <pc:docMk/>
            <pc:sldMk cId="974968566" sldId="575"/>
            <ac:cxnSpMk id="6" creationId="{9C02DF7E-3771-3A4B-AD39-AE29026C84D1}"/>
          </ac:cxnSpMkLst>
        </pc:cxnChg>
        <pc:cxnChg chg="add mod">
          <ac:chgData name="Daly Donnacha HSLU I" userId="0f22e960-400a-43ff-baeb-4828c8f5cd3a" providerId="ADAL" clId="{55F1696D-224E-654D-8EE7-4CBBA757AA04}" dt="2021-03-26T04:59:45.816" v="4733"/>
          <ac:cxnSpMkLst>
            <pc:docMk/>
            <pc:sldMk cId="974968566" sldId="575"/>
            <ac:cxnSpMk id="47" creationId="{4B79DD07-B473-ED4F-A2F2-5CD3DF9EDC3B}"/>
          </ac:cxnSpMkLst>
        </pc:cxnChg>
        <pc:cxnChg chg="add mod">
          <ac:chgData name="Daly Donnacha HSLU I" userId="0f22e960-400a-43ff-baeb-4828c8f5cd3a" providerId="ADAL" clId="{55F1696D-224E-654D-8EE7-4CBBA757AA04}" dt="2021-03-26T04:59:45.816" v="4733"/>
          <ac:cxnSpMkLst>
            <pc:docMk/>
            <pc:sldMk cId="974968566" sldId="575"/>
            <ac:cxnSpMk id="48" creationId="{70384595-D7B4-B24A-8EFF-A92B8F9C62E7}"/>
          </ac:cxnSpMkLst>
        </pc:cxnChg>
        <pc:cxnChg chg="add mod">
          <ac:chgData name="Daly Donnacha HSLU I" userId="0f22e960-400a-43ff-baeb-4828c8f5cd3a" providerId="ADAL" clId="{55F1696D-224E-654D-8EE7-4CBBA757AA04}" dt="2021-03-26T04:59:45.816" v="4733"/>
          <ac:cxnSpMkLst>
            <pc:docMk/>
            <pc:sldMk cId="974968566" sldId="575"/>
            <ac:cxnSpMk id="49" creationId="{51C33B59-12B4-8940-B93B-5571A1FC3BCC}"/>
          </ac:cxnSpMkLst>
        </pc:cxnChg>
        <pc:cxnChg chg="add mod">
          <ac:chgData name="Daly Donnacha HSLU I" userId="0f22e960-400a-43ff-baeb-4828c8f5cd3a" providerId="ADAL" clId="{55F1696D-224E-654D-8EE7-4CBBA757AA04}" dt="2021-03-26T05:00:35.601" v="4739" actId="571"/>
          <ac:cxnSpMkLst>
            <pc:docMk/>
            <pc:sldMk cId="974968566" sldId="575"/>
            <ac:cxnSpMk id="59" creationId="{A346BAF2-2764-E34F-8C7D-8FD8355D429A}"/>
          </ac:cxnSpMkLst>
        </pc:cxnChg>
        <pc:cxnChg chg="add mod">
          <ac:chgData name="Daly Donnacha HSLU I" userId="0f22e960-400a-43ff-baeb-4828c8f5cd3a" providerId="ADAL" clId="{55F1696D-224E-654D-8EE7-4CBBA757AA04}" dt="2021-03-26T05:00:35.601" v="4739" actId="571"/>
          <ac:cxnSpMkLst>
            <pc:docMk/>
            <pc:sldMk cId="974968566" sldId="575"/>
            <ac:cxnSpMk id="73" creationId="{944AA736-8205-D249-A528-8EAD66611062}"/>
          </ac:cxnSpMkLst>
        </pc:cxnChg>
        <pc:cxnChg chg="add mod">
          <ac:chgData name="Daly Donnacha HSLU I" userId="0f22e960-400a-43ff-baeb-4828c8f5cd3a" providerId="ADAL" clId="{55F1696D-224E-654D-8EE7-4CBBA757AA04}" dt="2021-03-26T05:01:41.968" v="4741" actId="571"/>
          <ac:cxnSpMkLst>
            <pc:docMk/>
            <pc:sldMk cId="974968566" sldId="575"/>
            <ac:cxnSpMk id="91" creationId="{61C970E6-DC8A-ED48-8199-1BD2D5124FED}"/>
          </ac:cxnSpMkLst>
        </pc:cxnChg>
        <pc:cxnChg chg="add del">
          <ac:chgData name="Daly Donnacha HSLU I" userId="0f22e960-400a-43ff-baeb-4828c8f5cd3a" providerId="ADAL" clId="{55F1696D-224E-654D-8EE7-4CBBA757AA04}" dt="2021-03-26T04:59:31.529" v="4731" actId="478"/>
          <ac:cxnSpMkLst>
            <pc:docMk/>
            <pc:sldMk cId="974968566" sldId="575"/>
            <ac:cxnSpMk id="92" creationId="{184FB984-E4B0-C344-AF35-C97ED03B2511}"/>
          </ac:cxnSpMkLst>
        </pc:cxnChg>
        <pc:cxnChg chg="add del">
          <ac:chgData name="Daly Donnacha HSLU I" userId="0f22e960-400a-43ff-baeb-4828c8f5cd3a" providerId="ADAL" clId="{55F1696D-224E-654D-8EE7-4CBBA757AA04}" dt="2021-03-26T04:59:31.529" v="4731" actId="478"/>
          <ac:cxnSpMkLst>
            <pc:docMk/>
            <pc:sldMk cId="974968566" sldId="575"/>
            <ac:cxnSpMk id="93" creationId="{7EA13E61-7EEC-1647-9A3C-ABC27ACF7B92}"/>
          </ac:cxnSpMkLst>
        </pc:cxnChg>
        <pc:cxnChg chg="add del">
          <ac:chgData name="Daly Donnacha HSLU I" userId="0f22e960-400a-43ff-baeb-4828c8f5cd3a" providerId="ADAL" clId="{55F1696D-224E-654D-8EE7-4CBBA757AA04}" dt="2021-03-26T04:59:31.529" v="4731" actId="478"/>
          <ac:cxnSpMkLst>
            <pc:docMk/>
            <pc:sldMk cId="974968566" sldId="575"/>
            <ac:cxnSpMk id="94" creationId="{615CBFE1-A27E-B74B-BFEB-34BABEDBE986}"/>
          </ac:cxnSpMkLst>
        </pc:cxnChg>
        <pc:cxnChg chg="add del">
          <ac:chgData name="Daly Donnacha HSLU I" userId="0f22e960-400a-43ff-baeb-4828c8f5cd3a" providerId="ADAL" clId="{55F1696D-224E-654D-8EE7-4CBBA757AA04}" dt="2021-03-26T04:59:31.529" v="4731" actId="478"/>
          <ac:cxnSpMkLst>
            <pc:docMk/>
            <pc:sldMk cId="974968566" sldId="575"/>
            <ac:cxnSpMk id="129" creationId="{CA6CDE3E-3CED-FC49-B8D4-3E8DCD08BCB2}"/>
          </ac:cxnSpMkLst>
        </pc:cxnChg>
        <pc:cxnChg chg="del">
          <ac:chgData name="Daly Donnacha HSLU I" userId="0f22e960-400a-43ff-baeb-4828c8f5cd3a" providerId="ADAL" clId="{55F1696D-224E-654D-8EE7-4CBBA757AA04}" dt="2021-03-26T04:59:31.529" v="4731" actId="478"/>
          <ac:cxnSpMkLst>
            <pc:docMk/>
            <pc:sldMk cId="974968566" sldId="575"/>
            <ac:cxnSpMk id="136" creationId="{8D110261-8A44-434C-B64D-B74217B8C9B9}"/>
          </ac:cxnSpMkLst>
        </pc:cxnChg>
        <pc:cxnChg chg="del">
          <ac:chgData name="Daly Donnacha HSLU I" userId="0f22e960-400a-43ff-baeb-4828c8f5cd3a" providerId="ADAL" clId="{55F1696D-224E-654D-8EE7-4CBBA757AA04}" dt="2021-03-26T04:59:31.529" v="4731" actId="478"/>
          <ac:cxnSpMkLst>
            <pc:docMk/>
            <pc:sldMk cId="974968566" sldId="575"/>
            <ac:cxnSpMk id="137" creationId="{CF47C14C-3CD7-0B49-A4BC-F4602E42E50D}"/>
          </ac:cxnSpMkLst>
        </pc:cxnChg>
        <pc:cxnChg chg="del">
          <ac:chgData name="Daly Donnacha HSLU I" userId="0f22e960-400a-43ff-baeb-4828c8f5cd3a" providerId="ADAL" clId="{55F1696D-224E-654D-8EE7-4CBBA757AA04}" dt="2021-03-26T05:02:25.982" v="4746" actId="478"/>
          <ac:cxnSpMkLst>
            <pc:docMk/>
            <pc:sldMk cId="974968566" sldId="575"/>
            <ac:cxnSpMk id="138" creationId="{66A1E946-66F6-444C-9CBA-00B8CDBE24D7}"/>
          </ac:cxnSpMkLst>
        </pc:cxnChg>
        <pc:cxnChg chg="del">
          <ac:chgData name="Daly Donnacha HSLU I" userId="0f22e960-400a-43ff-baeb-4828c8f5cd3a" providerId="ADAL" clId="{55F1696D-224E-654D-8EE7-4CBBA757AA04}" dt="2021-03-26T05:02:25.982" v="4746" actId="478"/>
          <ac:cxnSpMkLst>
            <pc:docMk/>
            <pc:sldMk cId="974968566" sldId="575"/>
            <ac:cxnSpMk id="141" creationId="{D4E8F212-3FCE-174B-980B-8FA4CE1A8AF1}"/>
          </ac:cxnSpMkLst>
        </pc:cxnChg>
        <pc:cxnChg chg="del">
          <ac:chgData name="Daly Donnacha HSLU I" userId="0f22e960-400a-43ff-baeb-4828c8f5cd3a" providerId="ADAL" clId="{55F1696D-224E-654D-8EE7-4CBBA757AA04}" dt="2021-03-26T05:02:25.982" v="4746" actId="478"/>
          <ac:cxnSpMkLst>
            <pc:docMk/>
            <pc:sldMk cId="974968566" sldId="575"/>
            <ac:cxnSpMk id="156" creationId="{8ABBC9D3-DE66-5442-BFDB-FC074DAE8AB6}"/>
          </ac:cxnSpMkLst>
        </pc:cxnChg>
        <pc:cxnChg chg="del">
          <ac:chgData name="Daly Donnacha HSLU I" userId="0f22e960-400a-43ff-baeb-4828c8f5cd3a" providerId="ADAL" clId="{55F1696D-224E-654D-8EE7-4CBBA757AA04}" dt="2021-03-26T05:02:25.982" v="4746" actId="478"/>
          <ac:cxnSpMkLst>
            <pc:docMk/>
            <pc:sldMk cId="974968566" sldId="575"/>
            <ac:cxnSpMk id="187" creationId="{8FAEEE63-BF57-A446-9219-86FB291938E6}"/>
          </ac:cxnSpMkLst>
        </pc:cxnChg>
      </pc:sldChg>
      <pc:sldChg chg="new del">
        <pc:chgData name="Daly Donnacha HSLU I" userId="0f22e960-400a-43ff-baeb-4828c8f5cd3a" providerId="ADAL" clId="{55F1696D-224E-654D-8EE7-4CBBA757AA04}" dt="2021-03-26T04:32:29.679" v="4352" actId="680"/>
        <pc:sldMkLst>
          <pc:docMk/>
          <pc:sldMk cId="4036089987" sldId="575"/>
        </pc:sldMkLst>
      </pc:sldChg>
      <pc:sldChg chg="addSp modSp new mod">
        <pc:chgData name="Daly Donnacha HSLU I" userId="0f22e960-400a-43ff-baeb-4828c8f5cd3a" providerId="ADAL" clId="{55F1696D-224E-654D-8EE7-4CBBA757AA04}" dt="2021-03-26T06:02:22.935" v="5470" actId="20577"/>
        <pc:sldMkLst>
          <pc:docMk/>
          <pc:sldMk cId="1586369870" sldId="576"/>
        </pc:sldMkLst>
        <pc:spChg chg="mod">
          <ac:chgData name="Daly Donnacha HSLU I" userId="0f22e960-400a-43ff-baeb-4828c8f5cd3a" providerId="ADAL" clId="{55F1696D-224E-654D-8EE7-4CBBA757AA04}" dt="2021-03-26T06:02:22.935" v="5470" actId="20577"/>
          <ac:spMkLst>
            <pc:docMk/>
            <pc:sldMk cId="1586369870" sldId="576"/>
            <ac:spMk id="2" creationId="{2B0AE3AB-44B3-9F49-9EE8-10EB12F58EC2}"/>
          </ac:spMkLst>
        </pc:spChg>
        <pc:spChg chg="add mod">
          <ac:chgData name="Daly Donnacha HSLU I" userId="0f22e960-400a-43ff-baeb-4828c8f5cd3a" providerId="ADAL" clId="{55F1696D-224E-654D-8EE7-4CBBA757AA04}" dt="2021-03-26T06:01:01.795" v="5441"/>
          <ac:spMkLst>
            <pc:docMk/>
            <pc:sldMk cId="1586369870" sldId="576"/>
            <ac:spMk id="4" creationId="{5A4A93C7-ACF1-7C43-8633-071D41BE24B1}"/>
          </ac:spMkLst>
        </pc:spChg>
        <pc:spChg chg="add mod">
          <ac:chgData name="Daly Donnacha HSLU I" userId="0f22e960-400a-43ff-baeb-4828c8f5cd3a" providerId="ADAL" clId="{55F1696D-224E-654D-8EE7-4CBBA757AA04}" dt="2021-03-26T06:01:46.945" v="5462" actId="1076"/>
          <ac:spMkLst>
            <pc:docMk/>
            <pc:sldMk cId="1586369870" sldId="576"/>
            <ac:spMk id="5" creationId="{FBD7B703-56A8-A844-8638-94715C63E92C}"/>
          </ac:spMkLst>
        </pc:spChg>
        <pc:picChg chg="add mod modCrop">
          <ac:chgData name="Daly Donnacha HSLU I" userId="0f22e960-400a-43ff-baeb-4828c8f5cd3a" providerId="ADAL" clId="{55F1696D-224E-654D-8EE7-4CBBA757AA04}" dt="2021-03-26T06:01:40.329" v="5461" actId="1076"/>
          <ac:picMkLst>
            <pc:docMk/>
            <pc:sldMk cId="1586369870" sldId="576"/>
            <ac:picMk id="3" creationId="{97A4AB91-17DD-0941-B1B8-5A3A113731AE}"/>
          </ac:picMkLst>
        </pc:picChg>
      </pc:sldChg>
      <pc:sldChg chg="addSp delSp modSp add mod">
        <pc:chgData name="Daly Donnacha HSLU I" userId="0f22e960-400a-43ff-baeb-4828c8f5cd3a" providerId="ADAL" clId="{55F1696D-224E-654D-8EE7-4CBBA757AA04}" dt="2021-03-26T08:50:49.382" v="9091" actId="208"/>
        <pc:sldMkLst>
          <pc:docMk/>
          <pc:sldMk cId="856741741" sldId="577"/>
        </pc:sldMkLst>
        <pc:spChg chg="mod">
          <ac:chgData name="Daly Donnacha HSLU I" userId="0f22e960-400a-43ff-baeb-4828c8f5cd3a" providerId="ADAL" clId="{55F1696D-224E-654D-8EE7-4CBBA757AA04}" dt="2021-03-26T08:16:57.821" v="8068" actId="20577"/>
          <ac:spMkLst>
            <pc:docMk/>
            <pc:sldMk cId="856741741" sldId="577"/>
            <ac:spMk id="2" creationId="{4563E598-7568-384F-8352-40E17381E391}"/>
          </ac:spMkLst>
        </pc:spChg>
        <pc:spChg chg="del">
          <ac:chgData name="Daly Donnacha HSLU I" userId="0f22e960-400a-43ff-baeb-4828c8f5cd3a" providerId="ADAL" clId="{55F1696D-224E-654D-8EE7-4CBBA757AA04}" dt="2021-03-26T06:45:40.540" v="6308" actId="478"/>
          <ac:spMkLst>
            <pc:docMk/>
            <pc:sldMk cId="856741741" sldId="577"/>
            <ac:spMk id="3" creationId="{CA8F9E51-79EF-BF4A-A935-4D7A9DB07DA3}"/>
          </ac:spMkLst>
        </pc:spChg>
        <pc:spChg chg="del mod">
          <ac:chgData name="Daly Donnacha HSLU I" userId="0f22e960-400a-43ff-baeb-4828c8f5cd3a" providerId="ADAL" clId="{55F1696D-224E-654D-8EE7-4CBBA757AA04}" dt="2021-03-26T07:02:27.126" v="6952" actId="478"/>
          <ac:spMkLst>
            <pc:docMk/>
            <pc:sldMk cId="856741741" sldId="577"/>
            <ac:spMk id="4" creationId="{F7E3FF2E-ADE0-D848-8F9E-B1A7B36A7372}"/>
          </ac:spMkLst>
        </pc:spChg>
        <pc:spChg chg="del mod">
          <ac:chgData name="Daly Donnacha HSLU I" userId="0f22e960-400a-43ff-baeb-4828c8f5cd3a" providerId="ADAL" clId="{55F1696D-224E-654D-8EE7-4CBBA757AA04}" dt="2021-03-26T06:45:40.540" v="6308" actId="478"/>
          <ac:spMkLst>
            <pc:docMk/>
            <pc:sldMk cId="856741741" sldId="577"/>
            <ac:spMk id="5" creationId="{909BE46E-46A8-0740-8FFF-D8C3008E71FC}"/>
          </ac:spMkLst>
        </pc:spChg>
        <pc:spChg chg="add mod">
          <ac:chgData name="Daly Donnacha HSLU I" userId="0f22e960-400a-43ff-baeb-4828c8f5cd3a" providerId="ADAL" clId="{55F1696D-224E-654D-8EE7-4CBBA757AA04}" dt="2021-03-26T07:57:30.391" v="7882" actId="1076"/>
          <ac:spMkLst>
            <pc:docMk/>
            <pc:sldMk cId="856741741" sldId="577"/>
            <ac:spMk id="8" creationId="{019526F5-01D7-D042-AD3E-C872BCEE6DF1}"/>
          </ac:spMkLst>
        </pc:spChg>
        <pc:spChg chg="del">
          <ac:chgData name="Daly Donnacha HSLU I" userId="0f22e960-400a-43ff-baeb-4828c8f5cd3a" providerId="ADAL" clId="{55F1696D-224E-654D-8EE7-4CBBA757AA04}" dt="2021-03-26T06:45:40.540" v="6308" actId="478"/>
          <ac:spMkLst>
            <pc:docMk/>
            <pc:sldMk cId="856741741" sldId="577"/>
            <ac:spMk id="10" creationId="{C36EC9E9-E7C5-0640-A729-8B8CFE76942E}"/>
          </ac:spMkLst>
        </pc:spChg>
        <pc:spChg chg="del mod">
          <ac:chgData name="Daly Donnacha HSLU I" userId="0f22e960-400a-43ff-baeb-4828c8f5cd3a" providerId="ADAL" clId="{55F1696D-224E-654D-8EE7-4CBBA757AA04}" dt="2021-03-26T06:45:40.540" v="6308" actId="478"/>
          <ac:spMkLst>
            <pc:docMk/>
            <pc:sldMk cId="856741741" sldId="577"/>
            <ac:spMk id="13" creationId="{6F6A6F74-AF3A-3F4F-9E2B-E05C42604152}"/>
          </ac:spMkLst>
        </pc:spChg>
        <pc:spChg chg="del mod">
          <ac:chgData name="Daly Donnacha HSLU I" userId="0f22e960-400a-43ff-baeb-4828c8f5cd3a" providerId="ADAL" clId="{55F1696D-224E-654D-8EE7-4CBBA757AA04}" dt="2021-03-26T06:45:40.540" v="6308" actId="478"/>
          <ac:spMkLst>
            <pc:docMk/>
            <pc:sldMk cId="856741741" sldId="577"/>
            <ac:spMk id="14" creationId="{1EAFE90B-5D2F-6F45-AF5B-7F21F7F2C538}"/>
          </ac:spMkLst>
        </pc:spChg>
        <pc:spChg chg="del">
          <ac:chgData name="Daly Donnacha HSLU I" userId="0f22e960-400a-43ff-baeb-4828c8f5cd3a" providerId="ADAL" clId="{55F1696D-224E-654D-8EE7-4CBBA757AA04}" dt="2021-03-26T06:45:40.540" v="6308" actId="478"/>
          <ac:spMkLst>
            <pc:docMk/>
            <pc:sldMk cId="856741741" sldId="577"/>
            <ac:spMk id="15" creationId="{A6DA2B75-8F75-484D-9996-307C8CF0A9DB}"/>
          </ac:spMkLst>
        </pc:spChg>
        <pc:spChg chg="del mod">
          <ac:chgData name="Daly Donnacha HSLU I" userId="0f22e960-400a-43ff-baeb-4828c8f5cd3a" providerId="ADAL" clId="{55F1696D-224E-654D-8EE7-4CBBA757AA04}" dt="2021-03-26T06:45:40.540" v="6308" actId="478"/>
          <ac:spMkLst>
            <pc:docMk/>
            <pc:sldMk cId="856741741" sldId="577"/>
            <ac:spMk id="30" creationId="{AF5388A0-72FB-924D-A9DE-78C9F55ECF3F}"/>
          </ac:spMkLst>
        </pc:spChg>
        <pc:spChg chg="del mod">
          <ac:chgData name="Daly Donnacha HSLU I" userId="0f22e960-400a-43ff-baeb-4828c8f5cd3a" providerId="ADAL" clId="{55F1696D-224E-654D-8EE7-4CBBA757AA04}" dt="2021-03-26T06:45:40.540" v="6308" actId="478"/>
          <ac:spMkLst>
            <pc:docMk/>
            <pc:sldMk cId="856741741" sldId="577"/>
            <ac:spMk id="31" creationId="{F8D695FF-E08B-0546-AAF4-D2D5926B7F60}"/>
          </ac:spMkLst>
        </pc:spChg>
        <pc:spChg chg="add mod">
          <ac:chgData name="Daly Donnacha HSLU I" userId="0f22e960-400a-43ff-baeb-4828c8f5cd3a" providerId="ADAL" clId="{55F1696D-224E-654D-8EE7-4CBBA757AA04}" dt="2021-03-26T07:17:37.306" v="7714" actId="113"/>
          <ac:spMkLst>
            <pc:docMk/>
            <pc:sldMk cId="856741741" sldId="577"/>
            <ac:spMk id="44" creationId="{43ED6242-35A4-4B4F-8038-9A1A5B2BEBB4}"/>
          </ac:spMkLst>
        </pc:spChg>
        <pc:spChg chg="del">
          <ac:chgData name="Daly Donnacha HSLU I" userId="0f22e960-400a-43ff-baeb-4828c8f5cd3a" providerId="ADAL" clId="{55F1696D-224E-654D-8EE7-4CBBA757AA04}" dt="2021-03-26T07:02:41.694" v="6953" actId="478"/>
          <ac:spMkLst>
            <pc:docMk/>
            <pc:sldMk cId="856741741" sldId="577"/>
            <ac:spMk id="45" creationId="{FF7ABA0D-699D-1E4A-8FCF-73D564B14592}"/>
          </ac:spMkLst>
        </pc:spChg>
        <pc:spChg chg="mod">
          <ac:chgData name="Daly Donnacha HSLU I" userId="0f22e960-400a-43ff-baeb-4828c8f5cd3a" providerId="ADAL" clId="{55F1696D-224E-654D-8EE7-4CBBA757AA04}" dt="2021-03-26T07:16:54.874" v="7704" actId="1035"/>
          <ac:spMkLst>
            <pc:docMk/>
            <pc:sldMk cId="856741741" sldId="577"/>
            <ac:spMk id="46" creationId="{0747DD6D-7E31-D546-9E4E-F85167000841}"/>
          </ac:spMkLst>
        </pc:spChg>
        <pc:spChg chg="add del mod">
          <ac:chgData name="Daly Donnacha HSLU I" userId="0f22e960-400a-43ff-baeb-4828c8f5cd3a" providerId="ADAL" clId="{55F1696D-224E-654D-8EE7-4CBBA757AA04}" dt="2021-03-26T07:14:40.593" v="7600" actId="478"/>
          <ac:spMkLst>
            <pc:docMk/>
            <pc:sldMk cId="856741741" sldId="577"/>
            <ac:spMk id="47" creationId="{EBB56322-0AE4-4643-8FBA-0C6E7A65C0B9}"/>
          </ac:spMkLst>
        </pc:spChg>
        <pc:spChg chg="add mod">
          <ac:chgData name="Daly Donnacha HSLU I" userId="0f22e960-400a-43ff-baeb-4828c8f5cd3a" providerId="ADAL" clId="{55F1696D-224E-654D-8EE7-4CBBA757AA04}" dt="2021-03-26T07:17:19.647" v="7707" actId="207"/>
          <ac:spMkLst>
            <pc:docMk/>
            <pc:sldMk cId="856741741" sldId="577"/>
            <ac:spMk id="50" creationId="{B57E0908-4CDC-BC44-B3F0-A376BD37AF4F}"/>
          </ac:spMkLst>
        </pc:spChg>
        <pc:spChg chg="del">
          <ac:chgData name="Daly Donnacha HSLU I" userId="0f22e960-400a-43ff-baeb-4828c8f5cd3a" providerId="ADAL" clId="{55F1696D-224E-654D-8EE7-4CBBA757AA04}" dt="2021-03-26T07:02:41.694" v="6953" actId="478"/>
          <ac:spMkLst>
            <pc:docMk/>
            <pc:sldMk cId="856741741" sldId="577"/>
            <ac:spMk id="51" creationId="{DA87F86C-2FCD-DB49-B486-6B1DE07D190C}"/>
          </ac:spMkLst>
        </pc:spChg>
        <pc:spChg chg="add del mod">
          <ac:chgData name="Daly Donnacha HSLU I" userId="0f22e960-400a-43ff-baeb-4828c8f5cd3a" providerId="ADAL" clId="{55F1696D-224E-654D-8EE7-4CBBA757AA04}" dt="2021-03-26T07:18:23.371" v="7716" actId="478"/>
          <ac:spMkLst>
            <pc:docMk/>
            <pc:sldMk cId="856741741" sldId="577"/>
            <ac:spMk id="55" creationId="{42C00A42-BBB8-F04B-8E0F-C7AB0BEA8997}"/>
          </ac:spMkLst>
        </pc:spChg>
        <pc:spChg chg="add del mod">
          <ac:chgData name="Daly Donnacha HSLU I" userId="0f22e960-400a-43ff-baeb-4828c8f5cd3a" providerId="ADAL" clId="{55F1696D-224E-654D-8EE7-4CBBA757AA04}" dt="2021-03-26T07:15:26.548" v="7632" actId="478"/>
          <ac:spMkLst>
            <pc:docMk/>
            <pc:sldMk cId="856741741" sldId="577"/>
            <ac:spMk id="56" creationId="{19B05071-DC5C-EC4F-AEA6-DC63EC976677}"/>
          </ac:spMkLst>
        </pc:spChg>
        <pc:spChg chg="add del mod">
          <ac:chgData name="Daly Donnacha HSLU I" userId="0f22e960-400a-43ff-baeb-4828c8f5cd3a" providerId="ADAL" clId="{55F1696D-224E-654D-8EE7-4CBBA757AA04}" dt="2021-03-26T07:18:23.371" v="7716" actId="478"/>
          <ac:spMkLst>
            <pc:docMk/>
            <pc:sldMk cId="856741741" sldId="577"/>
            <ac:spMk id="57" creationId="{F50ADB90-D39C-7840-9969-5A766BEC42EC}"/>
          </ac:spMkLst>
        </pc:spChg>
        <pc:spChg chg="add del mod">
          <ac:chgData name="Daly Donnacha HSLU I" userId="0f22e960-400a-43ff-baeb-4828c8f5cd3a" providerId="ADAL" clId="{55F1696D-224E-654D-8EE7-4CBBA757AA04}" dt="2021-03-26T07:18:23.371" v="7716" actId="478"/>
          <ac:spMkLst>
            <pc:docMk/>
            <pc:sldMk cId="856741741" sldId="577"/>
            <ac:spMk id="58" creationId="{02D50E2E-7B33-3A48-9A3D-91C3EDC22325}"/>
          </ac:spMkLst>
        </pc:spChg>
        <pc:spChg chg="add del mod">
          <ac:chgData name="Daly Donnacha HSLU I" userId="0f22e960-400a-43ff-baeb-4828c8f5cd3a" providerId="ADAL" clId="{55F1696D-224E-654D-8EE7-4CBBA757AA04}" dt="2021-03-26T07:15:24.255" v="7631" actId="478"/>
          <ac:spMkLst>
            <pc:docMk/>
            <pc:sldMk cId="856741741" sldId="577"/>
            <ac:spMk id="59" creationId="{9AEC4A4B-6DBF-B543-B1B8-CC1273D3DDD9}"/>
          </ac:spMkLst>
        </pc:spChg>
        <pc:spChg chg="add del mod">
          <ac:chgData name="Daly Donnacha HSLU I" userId="0f22e960-400a-43ff-baeb-4828c8f5cd3a" providerId="ADAL" clId="{55F1696D-224E-654D-8EE7-4CBBA757AA04}" dt="2021-03-26T07:18:23.371" v="7716" actId="478"/>
          <ac:spMkLst>
            <pc:docMk/>
            <pc:sldMk cId="856741741" sldId="577"/>
            <ac:spMk id="61" creationId="{92926651-34B8-5F44-8219-4743E9F73200}"/>
          </ac:spMkLst>
        </pc:spChg>
        <pc:spChg chg="add del mod">
          <ac:chgData name="Daly Donnacha HSLU I" userId="0f22e960-400a-43ff-baeb-4828c8f5cd3a" providerId="ADAL" clId="{55F1696D-224E-654D-8EE7-4CBBA757AA04}" dt="2021-03-26T07:14:57.889" v="7621" actId="478"/>
          <ac:spMkLst>
            <pc:docMk/>
            <pc:sldMk cId="856741741" sldId="577"/>
            <ac:spMk id="63" creationId="{11040CC2-C2D0-A540-851D-DA18A525C1EF}"/>
          </ac:spMkLst>
        </pc:spChg>
        <pc:spChg chg="add del mod">
          <ac:chgData name="Daly Donnacha HSLU I" userId="0f22e960-400a-43ff-baeb-4828c8f5cd3a" providerId="ADAL" clId="{55F1696D-224E-654D-8EE7-4CBBA757AA04}" dt="2021-03-26T07:14:59.459" v="7622" actId="478"/>
          <ac:spMkLst>
            <pc:docMk/>
            <pc:sldMk cId="856741741" sldId="577"/>
            <ac:spMk id="64" creationId="{0AE7138C-7C61-C645-A8D9-74312D36B08E}"/>
          </ac:spMkLst>
        </pc:spChg>
        <pc:spChg chg="add del mod">
          <ac:chgData name="Daly Donnacha HSLU I" userId="0f22e960-400a-43ff-baeb-4828c8f5cd3a" providerId="ADAL" clId="{55F1696D-224E-654D-8EE7-4CBBA757AA04}" dt="2021-03-26T07:18:23.371" v="7716" actId="478"/>
          <ac:spMkLst>
            <pc:docMk/>
            <pc:sldMk cId="856741741" sldId="577"/>
            <ac:spMk id="67" creationId="{6538CCFF-D9EB-BD4B-801E-18CEBEFC0F70}"/>
          </ac:spMkLst>
        </pc:spChg>
        <pc:spChg chg="del">
          <ac:chgData name="Daly Donnacha HSLU I" userId="0f22e960-400a-43ff-baeb-4828c8f5cd3a" providerId="ADAL" clId="{55F1696D-224E-654D-8EE7-4CBBA757AA04}" dt="2021-03-26T07:02:41.694" v="6953" actId="478"/>
          <ac:spMkLst>
            <pc:docMk/>
            <pc:sldMk cId="856741741" sldId="577"/>
            <ac:spMk id="68" creationId="{A4005551-1F59-FF41-97C6-CFBE4D86B070}"/>
          </ac:spMkLst>
        </pc:spChg>
        <pc:spChg chg="del">
          <ac:chgData name="Daly Donnacha HSLU I" userId="0f22e960-400a-43ff-baeb-4828c8f5cd3a" providerId="ADAL" clId="{55F1696D-224E-654D-8EE7-4CBBA757AA04}" dt="2021-03-26T07:02:41.694" v="6953" actId="478"/>
          <ac:spMkLst>
            <pc:docMk/>
            <pc:sldMk cId="856741741" sldId="577"/>
            <ac:spMk id="69" creationId="{5249A176-2F52-B145-927B-0BB053A36B5F}"/>
          </ac:spMkLst>
        </pc:spChg>
        <pc:spChg chg="del">
          <ac:chgData name="Daly Donnacha HSLU I" userId="0f22e960-400a-43ff-baeb-4828c8f5cd3a" providerId="ADAL" clId="{55F1696D-224E-654D-8EE7-4CBBA757AA04}" dt="2021-03-26T07:02:41.694" v="6953" actId="478"/>
          <ac:spMkLst>
            <pc:docMk/>
            <pc:sldMk cId="856741741" sldId="577"/>
            <ac:spMk id="70" creationId="{DD77A7AC-664B-8F45-8DF4-1E4D54FA948E}"/>
          </ac:spMkLst>
        </pc:spChg>
        <pc:spChg chg="del">
          <ac:chgData name="Daly Donnacha HSLU I" userId="0f22e960-400a-43ff-baeb-4828c8f5cd3a" providerId="ADAL" clId="{55F1696D-224E-654D-8EE7-4CBBA757AA04}" dt="2021-03-26T07:02:41.694" v="6953" actId="478"/>
          <ac:spMkLst>
            <pc:docMk/>
            <pc:sldMk cId="856741741" sldId="577"/>
            <ac:spMk id="71" creationId="{D3EE4CD1-BFD6-3D42-B585-6EDD71053283}"/>
          </ac:spMkLst>
        </pc:spChg>
        <pc:spChg chg="del">
          <ac:chgData name="Daly Donnacha HSLU I" userId="0f22e960-400a-43ff-baeb-4828c8f5cd3a" providerId="ADAL" clId="{55F1696D-224E-654D-8EE7-4CBBA757AA04}" dt="2021-03-26T07:02:41.694" v="6953" actId="478"/>
          <ac:spMkLst>
            <pc:docMk/>
            <pc:sldMk cId="856741741" sldId="577"/>
            <ac:spMk id="72" creationId="{D15AB2EA-B3C9-A145-9EB3-B3E40420E75A}"/>
          </ac:spMkLst>
        </pc:spChg>
        <pc:spChg chg="del">
          <ac:chgData name="Daly Donnacha HSLU I" userId="0f22e960-400a-43ff-baeb-4828c8f5cd3a" providerId="ADAL" clId="{55F1696D-224E-654D-8EE7-4CBBA757AA04}" dt="2021-03-26T07:02:41.694" v="6953" actId="478"/>
          <ac:spMkLst>
            <pc:docMk/>
            <pc:sldMk cId="856741741" sldId="577"/>
            <ac:spMk id="73" creationId="{9A0D076C-8803-6242-8BFB-EE247BD2AEE4}"/>
          </ac:spMkLst>
        </pc:spChg>
        <pc:spChg chg="add del mod">
          <ac:chgData name="Daly Donnacha HSLU I" userId="0f22e960-400a-43ff-baeb-4828c8f5cd3a" providerId="ADAL" clId="{55F1696D-224E-654D-8EE7-4CBBA757AA04}" dt="2021-03-26T07:18:23.371" v="7716" actId="478"/>
          <ac:spMkLst>
            <pc:docMk/>
            <pc:sldMk cId="856741741" sldId="577"/>
            <ac:spMk id="75" creationId="{E2B437B5-ECF8-7349-9AA6-48330362A25E}"/>
          </ac:spMkLst>
        </pc:spChg>
        <pc:spChg chg="del">
          <ac:chgData name="Daly Donnacha HSLU I" userId="0f22e960-400a-43ff-baeb-4828c8f5cd3a" providerId="ADAL" clId="{55F1696D-224E-654D-8EE7-4CBBA757AA04}" dt="2021-03-26T07:02:41.694" v="6953" actId="478"/>
          <ac:spMkLst>
            <pc:docMk/>
            <pc:sldMk cId="856741741" sldId="577"/>
            <ac:spMk id="79" creationId="{C44864B2-041B-8F4E-905C-94B8E3966C42}"/>
          </ac:spMkLst>
        </pc:spChg>
        <pc:spChg chg="add mod">
          <ac:chgData name="Daly Donnacha HSLU I" userId="0f22e960-400a-43ff-baeb-4828c8f5cd3a" providerId="ADAL" clId="{55F1696D-224E-654D-8EE7-4CBBA757AA04}" dt="2021-03-26T07:16:07.347" v="7695" actId="1037"/>
          <ac:spMkLst>
            <pc:docMk/>
            <pc:sldMk cId="856741741" sldId="577"/>
            <ac:spMk id="81" creationId="{A8A4E7E6-3A8C-5A47-97D2-41D5D5E9BC26}"/>
          </ac:spMkLst>
        </pc:spChg>
        <pc:spChg chg="add mod">
          <ac:chgData name="Daly Donnacha HSLU I" userId="0f22e960-400a-43ff-baeb-4828c8f5cd3a" providerId="ADAL" clId="{55F1696D-224E-654D-8EE7-4CBBA757AA04}" dt="2021-03-26T07:16:07.347" v="7695" actId="1037"/>
          <ac:spMkLst>
            <pc:docMk/>
            <pc:sldMk cId="856741741" sldId="577"/>
            <ac:spMk id="82" creationId="{DB63D138-90E5-EA42-BE18-1E9186E4B330}"/>
          </ac:spMkLst>
        </pc:spChg>
        <pc:spChg chg="del">
          <ac:chgData name="Daly Donnacha HSLU I" userId="0f22e960-400a-43ff-baeb-4828c8f5cd3a" providerId="ADAL" clId="{55F1696D-224E-654D-8EE7-4CBBA757AA04}" dt="2021-03-26T07:02:41.694" v="6953" actId="478"/>
          <ac:spMkLst>
            <pc:docMk/>
            <pc:sldMk cId="856741741" sldId="577"/>
            <ac:spMk id="83" creationId="{07E65A8D-0A1D-3946-BEAB-2CE3BD00C1CA}"/>
          </ac:spMkLst>
        </pc:spChg>
        <pc:spChg chg="add del mod">
          <ac:chgData name="Daly Donnacha HSLU I" userId="0f22e960-400a-43ff-baeb-4828c8f5cd3a" providerId="ADAL" clId="{55F1696D-224E-654D-8EE7-4CBBA757AA04}" dt="2021-03-26T07:15:43.200" v="7657" actId="478"/>
          <ac:spMkLst>
            <pc:docMk/>
            <pc:sldMk cId="856741741" sldId="577"/>
            <ac:spMk id="84" creationId="{0C43F810-9E12-494D-B644-81293DC65605}"/>
          </ac:spMkLst>
        </pc:spChg>
        <pc:spChg chg="add del mod">
          <ac:chgData name="Daly Donnacha HSLU I" userId="0f22e960-400a-43ff-baeb-4828c8f5cd3a" providerId="ADAL" clId="{55F1696D-224E-654D-8EE7-4CBBA757AA04}" dt="2021-03-26T08:00:21.216" v="7902" actId="478"/>
          <ac:spMkLst>
            <pc:docMk/>
            <pc:sldMk cId="856741741" sldId="577"/>
            <ac:spMk id="85" creationId="{45B35738-DEF2-934B-A485-43831B2CD45D}"/>
          </ac:spMkLst>
        </pc:spChg>
        <pc:spChg chg="add del mod">
          <ac:chgData name="Daly Donnacha HSLU I" userId="0f22e960-400a-43ff-baeb-4828c8f5cd3a" providerId="ADAL" clId="{55F1696D-224E-654D-8EE7-4CBBA757AA04}" dt="2021-03-26T08:00:09.143" v="7900" actId="478"/>
          <ac:spMkLst>
            <pc:docMk/>
            <pc:sldMk cId="856741741" sldId="577"/>
            <ac:spMk id="86" creationId="{2FC9B9E8-2D52-7B4A-A8EC-6C786385F4D1}"/>
          </ac:spMkLst>
        </pc:spChg>
        <pc:spChg chg="del">
          <ac:chgData name="Daly Donnacha HSLU I" userId="0f22e960-400a-43ff-baeb-4828c8f5cd3a" providerId="ADAL" clId="{55F1696D-224E-654D-8EE7-4CBBA757AA04}" dt="2021-03-26T07:02:41.694" v="6953" actId="478"/>
          <ac:spMkLst>
            <pc:docMk/>
            <pc:sldMk cId="856741741" sldId="577"/>
            <ac:spMk id="87" creationId="{459271BA-2A31-A441-B2AF-A6E96C0EDC00}"/>
          </ac:spMkLst>
        </pc:spChg>
        <pc:spChg chg="add del mod">
          <ac:chgData name="Daly Donnacha HSLU I" userId="0f22e960-400a-43ff-baeb-4828c8f5cd3a" providerId="ADAL" clId="{55F1696D-224E-654D-8EE7-4CBBA757AA04}" dt="2021-03-26T07:15:40.713" v="7655" actId="478"/>
          <ac:spMkLst>
            <pc:docMk/>
            <pc:sldMk cId="856741741" sldId="577"/>
            <ac:spMk id="90" creationId="{E46CE7EA-16C4-DB43-8AA6-C2ABE899B0ED}"/>
          </ac:spMkLst>
        </pc:spChg>
        <pc:spChg chg="add mod">
          <ac:chgData name="Daly Donnacha HSLU I" userId="0f22e960-400a-43ff-baeb-4828c8f5cd3a" providerId="ADAL" clId="{55F1696D-224E-654D-8EE7-4CBBA757AA04}" dt="2021-03-26T07:16:07.347" v="7695" actId="1037"/>
          <ac:spMkLst>
            <pc:docMk/>
            <pc:sldMk cId="856741741" sldId="577"/>
            <ac:spMk id="92" creationId="{12A0C381-042C-604C-A59B-BAFAD87535F2}"/>
          </ac:spMkLst>
        </pc:spChg>
        <pc:spChg chg="add mod">
          <ac:chgData name="Daly Donnacha HSLU I" userId="0f22e960-400a-43ff-baeb-4828c8f5cd3a" providerId="ADAL" clId="{55F1696D-224E-654D-8EE7-4CBBA757AA04}" dt="2021-03-26T07:16:07.347" v="7695" actId="1037"/>
          <ac:spMkLst>
            <pc:docMk/>
            <pc:sldMk cId="856741741" sldId="577"/>
            <ac:spMk id="93" creationId="{3A6C7721-5472-3347-90BE-87C156D6683B}"/>
          </ac:spMkLst>
        </pc:spChg>
        <pc:spChg chg="add mod">
          <ac:chgData name="Daly Donnacha HSLU I" userId="0f22e960-400a-43ff-baeb-4828c8f5cd3a" providerId="ADAL" clId="{55F1696D-224E-654D-8EE7-4CBBA757AA04}" dt="2021-03-26T07:57:39.315" v="7886" actId="20577"/>
          <ac:spMkLst>
            <pc:docMk/>
            <pc:sldMk cId="856741741" sldId="577"/>
            <ac:spMk id="94" creationId="{86E42169-8935-6547-8CD0-0377FF863DAD}"/>
          </ac:spMkLst>
        </pc:spChg>
        <pc:spChg chg="add mod">
          <ac:chgData name="Daly Donnacha HSLU I" userId="0f22e960-400a-43ff-baeb-4828c8f5cd3a" providerId="ADAL" clId="{55F1696D-224E-654D-8EE7-4CBBA757AA04}" dt="2021-03-26T08:50:49.382" v="9091" actId="208"/>
          <ac:spMkLst>
            <pc:docMk/>
            <pc:sldMk cId="856741741" sldId="577"/>
            <ac:spMk id="95" creationId="{B2AE645B-0AD9-CD48-863F-D4E8D40ABC58}"/>
          </ac:spMkLst>
        </pc:spChg>
        <pc:spChg chg="add mod">
          <ac:chgData name="Daly Donnacha HSLU I" userId="0f22e960-400a-43ff-baeb-4828c8f5cd3a" providerId="ADAL" clId="{55F1696D-224E-654D-8EE7-4CBBA757AA04}" dt="2021-03-26T08:00:33.638" v="7904" actId="16959"/>
          <ac:spMkLst>
            <pc:docMk/>
            <pc:sldMk cId="856741741" sldId="577"/>
            <ac:spMk id="97" creationId="{2207AC0B-4B68-554D-8573-5A8C05096443}"/>
          </ac:spMkLst>
        </pc:spChg>
        <pc:spChg chg="del">
          <ac:chgData name="Daly Donnacha HSLU I" userId="0f22e960-400a-43ff-baeb-4828c8f5cd3a" providerId="ADAL" clId="{55F1696D-224E-654D-8EE7-4CBBA757AA04}" dt="2021-03-26T07:02:41.694" v="6953" actId="478"/>
          <ac:spMkLst>
            <pc:docMk/>
            <pc:sldMk cId="856741741" sldId="577"/>
            <ac:spMk id="98" creationId="{84B36DC6-4497-8548-8099-9E87D6229265}"/>
          </ac:spMkLst>
        </pc:spChg>
        <pc:spChg chg="add mod">
          <ac:chgData name="Daly Donnacha HSLU I" userId="0f22e960-400a-43ff-baeb-4828c8f5cd3a" providerId="ADAL" clId="{55F1696D-224E-654D-8EE7-4CBBA757AA04}" dt="2021-03-26T08:00:13.006" v="7901" actId="1076"/>
          <ac:spMkLst>
            <pc:docMk/>
            <pc:sldMk cId="856741741" sldId="577"/>
            <ac:spMk id="100" creationId="{E02AA382-9F67-A94B-91BA-929341EA88F3}"/>
          </ac:spMkLst>
        </pc:spChg>
        <pc:spChg chg="add mod">
          <ac:chgData name="Daly Donnacha HSLU I" userId="0f22e960-400a-43ff-baeb-4828c8f5cd3a" providerId="ADAL" clId="{55F1696D-224E-654D-8EE7-4CBBA757AA04}" dt="2021-03-26T08:49:37.093" v="9084" actId="208"/>
          <ac:spMkLst>
            <pc:docMk/>
            <pc:sldMk cId="856741741" sldId="577"/>
            <ac:spMk id="103" creationId="{6DD6105E-B640-BB43-B8C3-7FB745AD61B6}"/>
          </ac:spMkLst>
        </pc:spChg>
        <pc:grpChg chg="del">
          <ac:chgData name="Daly Donnacha HSLU I" userId="0f22e960-400a-43ff-baeb-4828c8f5cd3a" providerId="ADAL" clId="{55F1696D-224E-654D-8EE7-4CBBA757AA04}" dt="2021-03-26T06:45:40.540" v="6308" actId="478"/>
          <ac:grpSpMkLst>
            <pc:docMk/>
            <pc:sldMk cId="856741741" sldId="577"/>
            <ac:grpSpMk id="39" creationId="{FA3C900E-C739-4E40-B9B8-7360C7B7FF1D}"/>
          </ac:grpSpMkLst>
        </pc:grpChg>
        <pc:cxnChg chg="del">
          <ac:chgData name="Daly Donnacha HSLU I" userId="0f22e960-400a-43ff-baeb-4828c8f5cd3a" providerId="ADAL" clId="{55F1696D-224E-654D-8EE7-4CBBA757AA04}" dt="2021-03-26T06:45:40.540" v="6308" actId="478"/>
          <ac:cxnSpMkLst>
            <pc:docMk/>
            <pc:sldMk cId="856741741" sldId="577"/>
            <ac:cxnSpMk id="6" creationId="{2FF25A46-045E-BF4A-A17F-E1D3097BB292}"/>
          </ac:cxnSpMkLst>
        </pc:cxnChg>
        <pc:cxnChg chg="del">
          <ac:chgData name="Daly Donnacha HSLU I" userId="0f22e960-400a-43ff-baeb-4828c8f5cd3a" providerId="ADAL" clId="{55F1696D-224E-654D-8EE7-4CBBA757AA04}" dt="2021-03-26T06:45:40.540" v="6308" actId="478"/>
          <ac:cxnSpMkLst>
            <pc:docMk/>
            <pc:sldMk cId="856741741" sldId="577"/>
            <ac:cxnSpMk id="7" creationId="{5EB81779-2732-A645-8040-714731415348}"/>
          </ac:cxnSpMkLst>
        </pc:cxnChg>
        <pc:cxnChg chg="add mod">
          <ac:chgData name="Daly Donnacha HSLU I" userId="0f22e960-400a-43ff-baeb-4828c8f5cd3a" providerId="ADAL" clId="{55F1696D-224E-654D-8EE7-4CBBA757AA04}" dt="2021-03-26T07:58:25.841" v="7893" actId="14100"/>
          <ac:cxnSpMkLst>
            <pc:docMk/>
            <pc:sldMk cId="856741741" sldId="577"/>
            <ac:cxnSpMk id="11" creationId="{698284BD-6553-4442-B143-CF1A2E4AD9BF}"/>
          </ac:cxnSpMkLst>
        </pc:cxnChg>
        <pc:cxnChg chg="add mod">
          <ac:chgData name="Daly Donnacha HSLU I" userId="0f22e960-400a-43ff-baeb-4828c8f5cd3a" providerId="ADAL" clId="{55F1696D-224E-654D-8EE7-4CBBA757AA04}" dt="2021-03-26T08:50:41.870" v="9090" actId="208"/>
          <ac:cxnSpMkLst>
            <pc:docMk/>
            <pc:sldMk cId="856741741" sldId="577"/>
            <ac:cxnSpMk id="18" creationId="{CCE2A910-01B9-3340-9003-D53E001D98A0}"/>
          </ac:cxnSpMkLst>
        </pc:cxnChg>
        <pc:cxnChg chg="del">
          <ac:chgData name="Daly Donnacha HSLU I" userId="0f22e960-400a-43ff-baeb-4828c8f5cd3a" providerId="ADAL" clId="{55F1696D-224E-654D-8EE7-4CBBA757AA04}" dt="2021-03-26T07:02:41.694" v="6953" actId="478"/>
          <ac:cxnSpMkLst>
            <pc:docMk/>
            <pc:sldMk cId="856741741" sldId="577"/>
            <ac:cxnSpMk id="29" creationId="{00539252-BC20-1A4A-A91C-9C10FA70718F}"/>
          </ac:cxnSpMkLst>
        </pc:cxnChg>
        <pc:cxnChg chg="del">
          <ac:chgData name="Daly Donnacha HSLU I" userId="0f22e960-400a-43ff-baeb-4828c8f5cd3a" providerId="ADAL" clId="{55F1696D-224E-654D-8EE7-4CBBA757AA04}" dt="2021-03-26T06:45:40.540" v="6308" actId="478"/>
          <ac:cxnSpMkLst>
            <pc:docMk/>
            <pc:sldMk cId="856741741" sldId="577"/>
            <ac:cxnSpMk id="33" creationId="{8AE140D0-7482-5640-AE96-217A11D812A9}"/>
          </ac:cxnSpMkLst>
        </pc:cxnChg>
        <pc:cxnChg chg="del">
          <ac:chgData name="Daly Donnacha HSLU I" userId="0f22e960-400a-43ff-baeb-4828c8f5cd3a" providerId="ADAL" clId="{55F1696D-224E-654D-8EE7-4CBBA757AA04}" dt="2021-03-26T06:45:40.540" v="6308" actId="478"/>
          <ac:cxnSpMkLst>
            <pc:docMk/>
            <pc:sldMk cId="856741741" sldId="577"/>
            <ac:cxnSpMk id="41" creationId="{F9D6C53D-023D-6E44-A616-6D87A475CC0C}"/>
          </ac:cxnSpMkLst>
        </pc:cxnChg>
        <pc:cxnChg chg="del">
          <ac:chgData name="Daly Donnacha HSLU I" userId="0f22e960-400a-43ff-baeb-4828c8f5cd3a" providerId="ADAL" clId="{55F1696D-224E-654D-8EE7-4CBBA757AA04}" dt="2021-03-26T06:45:40.540" v="6308" actId="478"/>
          <ac:cxnSpMkLst>
            <pc:docMk/>
            <pc:sldMk cId="856741741" sldId="577"/>
            <ac:cxnSpMk id="42" creationId="{A396E93D-1281-7B46-895A-94565B27C5CF}"/>
          </ac:cxnSpMkLst>
        </pc:cxnChg>
        <pc:cxnChg chg="del">
          <ac:chgData name="Daly Donnacha HSLU I" userId="0f22e960-400a-43ff-baeb-4828c8f5cd3a" providerId="ADAL" clId="{55F1696D-224E-654D-8EE7-4CBBA757AA04}" dt="2021-03-26T07:02:41.694" v="6953" actId="478"/>
          <ac:cxnSpMkLst>
            <pc:docMk/>
            <pc:sldMk cId="856741741" sldId="577"/>
            <ac:cxnSpMk id="48" creationId="{31CA26D6-2818-6C45-A3BD-4AEFAEC6F766}"/>
          </ac:cxnSpMkLst>
        </pc:cxnChg>
        <pc:cxnChg chg="del">
          <ac:chgData name="Daly Donnacha HSLU I" userId="0f22e960-400a-43ff-baeb-4828c8f5cd3a" providerId="ADAL" clId="{55F1696D-224E-654D-8EE7-4CBBA757AA04}" dt="2021-03-26T07:02:41.694" v="6953" actId="478"/>
          <ac:cxnSpMkLst>
            <pc:docMk/>
            <pc:sldMk cId="856741741" sldId="577"/>
            <ac:cxnSpMk id="49" creationId="{422EA7BB-2413-0A40-9C31-1B9EF4A0B01F}"/>
          </ac:cxnSpMkLst>
        </pc:cxnChg>
        <pc:cxnChg chg="add del mod">
          <ac:chgData name="Daly Donnacha HSLU I" userId="0f22e960-400a-43ff-baeb-4828c8f5cd3a" providerId="ADAL" clId="{55F1696D-224E-654D-8EE7-4CBBA757AA04}" dt="2021-03-26T07:18:23.371" v="7716" actId="478"/>
          <ac:cxnSpMkLst>
            <pc:docMk/>
            <pc:sldMk cId="856741741" sldId="577"/>
            <ac:cxnSpMk id="52" creationId="{F4E81472-962C-FB44-A35C-EAA409F80CE9}"/>
          </ac:cxnSpMkLst>
        </pc:cxnChg>
        <pc:cxnChg chg="add del mod">
          <ac:chgData name="Daly Donnacha HSLU I" userId="0f22e960-400a-43ff-baeb-4828c8f5cd3a" providerId="ADAL" clId="{55F1696D-224E-654D-8EE7-4CBBA757AA04}" dt="2021-03-26T07:18:23.371" v="7716" actId="478"/>
          <ac:cxnSpMkLst>
            <pc:docMk/>
            <pc:sldMk cId="856741741" sldId="577"/>
            <ac:cxnSpMk id="53" creationId="{E517B74C-37A1-7346-B198-4E7FE7A6D9BC}"/>
          </ac:cxnSpMkLst>
        </pc:cxnChg>
        <pc:cxnChg chg="add del mod">
          <ac:chgData name="Daly Donnacha HSLU I" userId="0f22e960-400a-43ff-baeb-4828c8f5cd3a" providerId="ADAL" clId="{55F1696D-224E-654D-8EE7-4CBBA757AA04}" dt="2021-03-26T07:18:23.371" v="7716" actId="478"/>
          <ac:cxnSpMkLst>
            <pc:docMk/>
            <pc:sldMk cId="856741741" sldId="577"/>
            <ac:cxnSpMk id="54" creationId="{9DD79D0F-77B5-CC41-AF56-628FDE73C275}"/>
          </ac:cxnSpMkLst>
        </pc:cxnChg>
        <pc:cxnChg chg="add del mod">
          <ac:chgData name="Daly Donnacha HSLU I" userId="0f22e960-400a-43ff-baeb-4828c8f5cd3a" providerId="ADAL" clId="{55F1696D-224E-654D-8EE7-4CBBA757AA04}" dt="2021-03-26T07:15:22.193" v="7630" actId="478"/>
          <ac:cxnSpMkLst>
            <pc:docMk/>
            <pc:sldMk cId="856741741" sldId="577"/>
            <ac:cxnSpMk id="60" creationId="{5CA0606A-630D-EA4B-A626-A0E8E2B73A94}"/>
          </ac:cxnSpMkLst>
        </pc:cxnChg>
        <pc:cxnChg chg="add del mod">
          <ac:chgData name="Daly Donnacha HSLU I" userId="0f22e960-400a-43ff-baeb-4828c8f5cd3a" providerId="ADAL" clId="{55F1696D-224E-654D-8EE7-4CBBA757AA04}" dt="2021-03-26T07:18:23.371" v="7716" actId="478"/>
          <ac:cxnSpMkLst>
            <pc:docMk/>
            <pc:sldMk cId="856741741" sldId="577"/>
            <ac:cxnSpMk id="62" creationId="{DE76DA5A-75E3-9E47-BC87-5D65694E916A}"/>
          </ac:cxnSpMkLst>
        </pc:cxnChg>
        <pc:cxnChg chg="del">
          <ac:chgData name="Daly Donnacha HSLU I" userId="0f22e960-400a-43ff-baeb-4828c8f5cd3a" providerId="ADAL" clId="{55F1696D-224E-654D-8EE7-4CBBA757AA04}" dt="2021-03-26T06:45:40.540" v="6308" actId="478"/>
          <ac:cxnSpMkLst>
            <pc:docMk/>
            <pc:sldMk cId="856741741" sldId="577"/>
            <ac:cxnSpMk id="65" creationId="{E53ED350-B879-8649-B396-70E94A00F368}"/>
          </ac:cxnSpMkLst>
        </pc:cxnChg>
        <pc:cxnChg chg="add del mod">
          <ac:chgData name="Daly Donnacha HSLU I" userId="0f22e960-400a-43ff-baeb-4828c8f5cd3a" providerId="ADAL" clId="{55F1696D-224E-654D-8EE7-4CBBA757AA04}" dt="2021-03-26T07:15:00.154" v="7623" actId="478"/>
          <ac:cxnSpMkLst>
            <pc:docMk/>
            <pc:sldMk cId="856741741" sldId="577"/>
            <ac:cxnSpMk id="66" creationId="{A56D049A-5AE5-7449-84EC-F7DEA61A0825}"/>
          </ac:cxnSpMkLst>
        </pc:cxnChg>
        <pc:cxnChg chg="del">
          <ac:chgData name="Daly Donnacha HSLU I" userId="0f22e960-400a-43ff-baeb-4828c8f5cd3a" providerId="ADAL" clId="{55F1696D-224E-654D-8EE7-4CBBA757AA04}" dt="2021-03-26T07:02:41.694" v="6953" actId="478"/>
          <ac:cxnSpMkLst>
            <pc:docMk/>
            <pc:sldMk cId="856741741" sldId="577"/>
            <ac:cxnSpMk id="74" creationId="{45C18F4C-BC1C-D44E-82BE-999D7D36F0EE}"/>
          </ac:cxnSpMkLst>
        </pc:cxnChg>
        <pc:cxnChg chg="add mod">
          <ac:chgData name="Daly Donnacha HSLU I" userId="0f22e960-400a-43ff-baeb-4828c8f5cd3a" providerId="ADAL" clId="{55F1696D-224E-654D-8EE7-4CBBA757AA04}" dt="2021-03-26T07:16:07.347" v="7695" actId="1037"/>
          <ac:cxnSpMkLst>
            <pc:docMk/>
            <pc:sldMk cId="856741741" sldId="577"/>
            <ac:cxnSpMk id="76" creationId="{1B996726-ECE5-DD40-AFE9-EC79A3250936}"/>
          </ac:cxnSpMkLst>
        </pc:cxnChg>
        <pc:cxnChg chg="add mod">
          <ac:chgData name="Daly Donnacha HSLU I" userId="0f22e960-400a-43ff-baeb-4828c8f5cd3a" providerId="ADAL" clId="{55F1696D-224E-654D-8EE7-4CBBA757AA04}" dt="2021-03-26T07:16:07.347" v="7695" actId="1037"/>
          <ac:cxnSpMkLst>
            <pc:docMk/>
            <pc:sldMk cId="856741741" sldId="577"/>
            <ac:cxnSpMk id="77" creationId="{8A7E2F88-F6E9-D049-AF38-E5537EF283F0}"/>
          </ac:cxnSpMkLst>
        </pc:cxnChg>
        <pc:cxnChg chg="add mod">
          <ac:chgData name="Daly Donnacha HSLU I" userId="0f22e960-400a-43ff-baeb-4828c8f5cd3a" providerId="ADAL" clId="{55F1696D-224E-654D-8EE7-4CBBA757AA04}" dt="2021-03-26T07:16:07.347" v="7695" actId="1037"/>
          <ac:cxnSpMkLst>
            <pc:docMk/>
            <pc:sldMk cId="856741741" sldId="577"/>
            <ac:cxnSpMk id="78" creationId="{4CAD226E-1859-BE44-A83A-1EF9DCBE2870}"/>
          </ac:cxnSpMkLst>
        </pc:cxnChg>
        <pc:cxnChg chg="del mod">
          <ac:chgData name="Daly Donnacha HSLU I" userId="0f22e960-400a-43ff-baeb-4828c8f5cd3a" providerId="ADAL" clId="{55F1696D-224E-654D-8EE7-4CBBA757AA04}" dt="2021-03-26T07:02:41.694" v="6953" actId="478"/>
          <ac:cxnSpMkLst>
            <pc:docMk/>
            <pc:sldMk cId="856741741" sldId="577"/>
            <ac:cxnSpMk id="80" creationId="{F6ECD72B-C946-4643-A23F-79B7FBF2E31E}"/>
          </ac:cxnSpMkLst>
        </pc:cxnChg>
        <pc:cxnChg chg="del mod">
          <ac:chgData name="Daly Donnacha HSLU I" userId="0f22e960-400a-43ff-baeb-4828c8f5cd3a" providerId="ADAL" clId="{55F1696D-224E-654D-8EE7-4CBBA757AA04}" dt="2021-03-26T07:02:41.694" v="6953" actId="478"/>
          <ac:cxnSpMkLst>
            <pc:docMk/>
            <pc:sldMk cId="856741741" sldId="577"/>
            <ac:cxnSpMk id="88" creationId="{7633853E-C3DE-2D49-BF27-9AD2A2734A6D}"/>
          </ac:cxnSpMkLst>
        </pc:cxnChg>
        <pc:cxnChg chg="add mod">
          <ac:chgData name="Daly Donnacha HSLU I" userId="0f22e960-400a-43ff-baeb-4828c8f5cd3a" providerId="ADAL" clId="{55F1696D-224E-654D-8EE7-4CBBA757AA04}" dt="2021-03-26T07:16:07.347" v="7695" actId="1037"/>
          <ac:cxnSpMkLst>
            <pc:docMk/>
            <pc:sldMk cId="856741741" sldId="577"/>
            <ac:cxnSpMk id="89" creationId="{BBD577D6-B831-0F4A-9F3D-8B5AAD35F685}"/>
          </ac:cxnSpMkLst>
        </pc:cxnChg>
        <pc:cxnChg chg="add del mod">
          <ac:chgData name="Daly Donnacha HSLU I" userId="0f22e960-400a-43ff-baeb-4828c8f5cd3a" providerId="ADAL" clId="{55F1696D-224E-654D-8EE7-4CBBA757AA04}" dt="2021-03-26T07:15:42.190" v="7656" actId="478"/>
          <ac:cxnSpMkLst>
            <pc:docMk/>
            <pc:sldMk cId="856741741" sldId="577"/>
            <ac:cxnSpMk id="91" creationId="{F9838442-754C-3949-BF05-4EF5515F59EE}"/>
          </ac:cxnSpMkLst>
        </pc:cxnChg>
        <pc:cxnChg chg="add del mod">
          <ac:chgData name="Daly Donnacha HSLU I" userId="0f22e960-400a-43ff-baeb-4828c8f5cd3a" providerId="ADAL" clId="{55F1696D-224E-654D-8EE7-4CBBA757AA04}" dt="2021-03-26T07:58:21.150" v="7892" actId="478"/>
          <ac:cxnSpMkLst>
            <pc:docMk/>
            <pc:sldMk cId="856741741" sldId="577"/>
            <ac:cxnSpMk id="96" creationId="{69F9AA1E-C126-284D-87F0-54CF5F58D8BC}"/>
          </ac:cxnSpMkLst>
        </pc:cxnChg>
        <pc:cxnChg chg="del mod">
          <ac:chgData name="Daly Donnacha HSLU I" userId="0f22e960-400a-43ff-baeb-4828c8f5cd3a" providerId="ADAL" clId="{55F1696D-224E-654D-8EE7-4CBBA757AA04}" dt="2021-03-26T07:02:41.694" v="6953" actId="478"/>
          <ac:cxnSpMkLst>
            <pc:docMk/>
            <pc:sldMk cId="856741741" sldId="577"/>
            <ac:cxnSpMk id="99" creationId="{2C37296B-3B2C-204D-AFD9-ED19A79E4689}"/>
          </ac:cxnSpMkLst>
        </pc:cxnChg>
        <pc:cxnChg chg="add mod">
          <ac:chgData name="Daly Donnacha HSLU I" userId="0f22e960-400a-43ff-baeb-4828c8f5cd3a" providerId="ADAL" clId="{55F1696D-224E-654D-8EE7-4CBBA757AA04}" dt="2021-03-26T08:50:41.870" v="9090" actId="208"/>
          <ac:cxnSpMkLst>
            <pc:docMk/>
            <pc:sldMk cId="856741741" sldId="577"/>
            <ac:cxnSpMk id="101" creationId="{4EAAA8FC-3187-5B4D-AA3F-7DCE7359B8EB}"/>
          </ac:cxnSpMkLst>
        </pc:cxnChg>
        <pc:cxnChg chg="add del mod">
          <ac:chgData name="Daly Donnacha HSLU I" userId="0f22e960-400a-43ff-baeb-4828c8f5cd3a" providerId="ADAL" clId="{55F1696D-224E-654D-8EE7-4CBBA757AA04}" dt="2021-03-26T08:02:17.936" v="7920" actId="478"/>
          <ac:cxnSpMkLst>
            <pc:docMk/>
            <pc:sldMk cId="856741741" sldId="577"/>
            <ac:cxnSpMk id="102" creationId="{109393F3-C2E2-5641-B7C8-A272D7ED347F}"/>
          </ac:cxnSpMkLst>
        </pc:cxnChg>
      </pc:sldChg>
      <pc:sldChg chg="addSp modSp new mod">
        <pc:chgData name="Daly Donnacha HSLU I" userId="0f22e960-400a-43ff-baeb-4828c8f5cd3a" providerId="ADAL" clId="{55F1696D-224E-654D-8EE7-4CBBA757AA04}" dt="2021-03-26T07:01:30.235" v="6925" actId="207"/>
        <pc:sldMkLst>
          <pc:docMk/>
          <pc:sldMk cId="1760059636" sldId="578"/>
        </pc:sldMkLst>
        <pc:spChg chg="mod">
          <ac:chgData name="Daly Donnacha HSLU I" userId="0f22e960-400a-43ff-baeb-4828c8f5cd3a" providerId="ADAL" clId="{55F1696D-224E-654D-8EE7-4CBBA757AA04}" dt="2021-03-26T06:46:06.530" v="6348" actId="20577"/>
          <ac:spMkLst>
            <pc:docMk/>
            <pc:sldMk cId="1760059636" sldId="578"/>
            <ac:spMk id="2" creationId="{4C09D939-4F9F-AA4E-A91D-7F4956F3F169}"/>
          </ac:spMkLst>
        </pc:spChg>
        <pc:spChg chg="add mod">
          <ac:chgData name="Daly Donnacha HSLU I" userId="0f22e960-400a-43ff-baeb-4828c8f5cd3a" providerId="ADAL" clId="{55F1696D-224E-654D-8EE7-4CBBA757AA04}" dt="2021-03-26T06:53:02.653" v="6398" actId="1038"/>
          <ac:spMkLst>
            <pc:docMk/>
            <pc:sldMk cId="1760059636" sldId="578"/>
            <ac:spMk id="6" creationId="{CA639C7F-23F8-5948-96A7-CF2A3FB2DEDA}"/>
          </ac:spMkLst>
        </pc:spChg>
        <pc:spChg chg="add mod">
          <ac:chgData name="Daly Donnacha HSLU I" userId="0f22e960-400a-43ff-baeb-4828c8f5cd3a" providerId="ADAL" clId="{55F1696D-224E-654D-8EE7-4CBBA757AA04}" dt="2021-03-26T06:53:02.653" v="6398" actId="1038"/>
          <ac:spMkLst>
            <pc:docMk/>
            <pc:sldMk cId="1760059636" sldId="578"/>
            <ac:spMk id="7" creationId="{24F81F66-8717-414B-9E07-C1502878C075}"/>
          </ac:spMkLst>
        </pc:spChg>
        <pc:spChg chg="add mod">
          <ac:chgData name="Daly Donnacha HSLU I" userId="0f22e960-400a-43ff-baeb-4828c8f5cd3a" providerId="ADAL" clId="{55F1696D-224E-654D-8EE7-4CBBA757AA04}" dt="2021-03-26T06:53:02.653" v="6398" actId="1038"/>
          <ac:spMkLst>
            <pc:docMk/>
            <pc:sldMk cId="1760059636" sldId="578"/>
            <ac:spMk id="8" creationId="{11D40427-87CD-914E-836D-2E76D2966219}"/>
          </ac:spMkLst>
        </pc:spChg>
        <pc:spChg chg="add mod">
          <ac:chgData name="Daly Donnacha HSLU I" userId="0f22e960-400a-43ff-baeb-4828c8f5cd3a" providerId="ADAL" clId="{55F1696D-224E-654D-8EE7-4CBBA757AA04}" dt="2021-03-26T06:53:02.653" v="6398" actId="1038"/>
          <ac:spMkLst>
            <pc:docMk/>
            <pc:sldMk cId="1760059636" sldId="578"/>
            <ac:spMk id="9" creationId="{9AACC5C3-7A9E-104D-8C99-3B142F6491BA}"/>
          </ac:spMkLst>
        </pc:spChg>
        <pc:spChg chg="add mod">
          <ac:chgData name="Daly Donnacha HSLU I" userId="0f22e960-400a-43ff-baeb-4828c8f5cd3a" providerId="ADAL" clId="{55F1696D-224E-654D-8EE7-4CBBA757AA04}" dt="2021-03-26T06:53:02.653" v="6398" actId="1038"/>
          <ac:spMkLst>
            <pc:docMk/>
            <pc:sldMk cId="1760059636" sldId="578"/>
            <ac:spMk id="10" creationId="{D7F2F423-CF82-004F-B3C2-80B7C08867A5}"/>
          </ac:spMkLst>
        </pc:spChg>
        <pc:spChg chg="add mod">
          <ac:chgData name="Daly Donnacha HSLU I" userId="0f22e960-400a-43ff-baeb-4828c8f5cd3a" providerId="ADAL" clId="{55F1696D-224E-654D-8EE7-4CBBA757AA04}" dt="2021-03-26T06:53:02.653" v="6398" actId="1038"/>
          <ac:spMkLst>
            <pc:docMk/>
            <pc:sldMk cId="1760059636" sldId="578"/>
            <ac:spMk id="12" creationId="{603AD2A2-E1FD-0A4C-9315-73FC9A4E15BE}"/>
          </ac:spMkLst>
        </pc:spChg>
        <pc:spChg chg="add mod">
          <ac:chgData name="Daly Donnacha HSLU I" userId="0f22e960-400a-43ff-baeb-4828c8f5cd3a" providerId="ADAL" clId="{55F1696D-224E-654D-8EE7-4CBBA757AA04}" dt="2021-03-26T06:58:41.244" v="6759" actId="20577"/>
          <ac:spMkLst>
            <pc:docMk/>
            <pc:sldMk cId="1760059636" sldId="578"/>
            <ac:spMk id="14" creationId="{737B38DC-5ECB-C748-BD95-7C58F568F546}"/>
          </ac:spMkLst>
        </pc:spChg>
        <pc:spChg chg="add mod">
          <ac:chgData name="Daly Donnacha HSLU I" userId="0f22e960-400a-43ff-baeb-4828c8f5cd3a" providerId="ADAL" clId="{55F1696D-224E-654D-8EE7-4CBBA757AA04}" dt="2021-03-26T06:53:02.653" v="6398" actId="1038"/>
          <ac:spMkLst>
            <pc:docMk/>
            <pc:sldMk cId="1760059636" sldId="578"/>
            <ac:spMk id="15" creationId="{9456260D-197E-8440-BD1A-849DBE8620D3}"/>
          </ac:spMkLst>
        </pc:spChg>
        <pc:spChg chg="add mod">
          <ac:chgData name="Daly Donnacha HSLU I" userId="0f22e960-400a-43ff-baeb-4828c8f5cd3a" providerId="ADAL" clId="{55F1696D-224E-654D-8EE7-4CBBA757AA04}" dt="2021-03-26T06:53:02.653" v="6398" actId="1038"/>
          <ac:spMkLst>
            <pc:docMk/>
            <pc:sldMk cId="1760059636" sldId="578"/>
            <ac:spMk id="17" creationId="{8E21D015-BD79-DB48-880E-8ADF0B5E69B1}"/>
          </ac:spMkLst>
        </pc:spChg>
        <pc:spChg chg="add mod">
          <ac:chgData name="Daly Donnacha HSLU I" userId="0f22e960-400a-43ff-baeb-4828c8f5cd3a" providerId="ADAL" clId="{55F1696D-224E-654D-8EE7-4CBBA757AA04}" dt="2021-03-26T06:53:02.653" v="6398" actId="1038"/>
          <ac:spMkLst>
            <pc:docMk/>
            <pc:sldMk cId="1760059636" sldId="578"/>
            <ac:spMk id="18" creationId="{E4B58740-AEB3-404E-BA7D-EA016423AD45}"/>
          </ac:spMkLst>
        </pc:spChg>
        <pc:spChg chg="add mod">
          <ac:chgData name="Daly Donnacha HSLU I" userId="0f22e960-400a-43ff-baeb-4828c8f5cd3a" providerId="ADAL" clId="{55F1696D-224E-654D-8EE7-4CBBA757AA04}" dt="2021-03-26T06:56:37.544" v="6588" actId="14100"/>
          <ac:spMkLst>
            <pc:docMk/>
            <pc:sldMk cId="1760059636" sldId="578"/>
            <ac:spMk id="19" creationId="{75D47160-CE1A-3E42-9AB9-DBBAE003329E}"/>
          </ac:spMkLst>
        </pc:spChg>
        <pc:spChg chg="add mod">
          <ac:chgData name="Daly Donnacha HSLU I" userId="0f22e960-400a-43ff-baeb-4828c8f5cd3a" providerId="ADAL" clId="{55F1696D-224E-654D-8EE7-4CBBA757AA04}" dt="2021-03-26T06:59:49.615" v="6807" actId="20577"/>
          <ac:spMkLst>
            <pc:docMk/>
            <pc:sldMk cId="1760059636" sldId="578"/>
            <ac:spMk id="20" creationId="{0835B298-BAA9-4E41-91DE-0DB385F2A84B}"/>
          </ac:spMkLst>
        </pc:spChg>
        <pc:spChg chg="add mod">
          <ac:chgData name="Daly Donnacha HSLU I" userId="0f22e960-400a-43ff-baeb-4828c8f5cd3a" providerId="ADAL" clId="{55F1696D-224E-654D-8EE7-4CBBA757AA04}" dt="2021-03-26T07:01:30.235" v="6925" actId="207"/>
          <ac:spMkLst>
            <pc:docMk/>
            <pc:sldMk cId="1760059636" sldId="578"/>
            <ac:spMk id="21" creationId="{F3255FEA-EA32-D342-A313-2A446874C8FD}"/>
          </ac:spMkLst>
        </pc:spChg>
        <pc:cxnChg chg="add mod">
          <ac:chgData name="Daly Donnacha HSLU I" userId="0f22e960-400a-43ff-baeb-4828c8f5cd3a" providerId="ADAL" clId="{55F1696D-224E-654D-8EE7-4CBBA757AA04}" dt="2021-03-26T06:53:02.653" v="6398" actId="1038"/>
          <ac:cxnSpMkLst>
            <pc:docMk/>
            <pc:sldMk cId="1760059636" sldId="578"/>
            <ac:cxnSpMk id="3" creationId="{AB64D916-8621-8E41-82BF-3D9C60E76132}"/>
          </ac:cxnSpMkLst>
        </pc:cxnChg>
        <pc:cxnChg chg="add mod">
          <ac:chgData name="Daly Donnacha HSLU I" userId="0f22e960-400a-43ff-baeb-4828c8f5cd3a" providerId="ADAL" clId="{55F1696D-224E-654D-8EE7-4CBBA757AA04}" dt="2021-03-26T06:53:02.653" v="6398" actId="1038"/>
          <ac:cxnSpMkLst>
            <pc:docMk/>
            <pc:sldMk cId="1760059636" sldId="578"/>
            <ac:cxnSpMk id="4" creationId="{34F47466-D431-F74F-8715-C5BB1ACA29E8}"/>
          </ac:cxnSpMkLst>
        </pc:cxnChg>
        <pc:cxnChg chg="add mod">
          <ac:chgData name="Daly Donnacha HSLU I" userId="0f22e960-400a-43ff-baeb-4828c8f5cd3a" providerId="ADAL" clId="{55F1696D-224E-654D-8EE7-4CBBA757AA04}" dt="2021-03-26T06:53:02.653" v="6398" actId="1038"/>
          <ac:cxnSpMkLst>
            <pc:docMk/>
            <pc:sldMk cId="1760059636" sldId="578"/>
            <ac:cxnSpMk id="5" creationId="{83F73FB9-3BB0-E648-8345-23FF43B58CA8}"/>
          </ac:cxnSpMkLst>
        </pc:cxnChg>
        <pc:cxnChg chg="add mod">
          <ac:chgData name="Daly Donnacha HSLU I" userId="0f22e960-400a-43ff-baeb-4828c8f5cd3a" providerId="ADAL" clId="{55F1696D-224E-654D-8EE7-4CBBA757AA04}" dt="2021-03-26T06:53:02.653" v="6398" actId="1038"/>
          <ac:cxnSpMkLst>
            <pc:docMk/>
            <pc:sldMk cId="1760059636" sldId="578"/>
            <ac:cxnSpMk id="11" creationId="{450E64A4-B3D4-504F-964B-CE524B93DADC}"/>
          </ac:cxnSpMkLst>
        </pc:cxnChg>
        <pc:cxnChg chg="add mod">
          <ac:chgData name="Daly Donnacha HSLU I" userId="0f22e960-400a-43ff-baeb-4828c8f5cd3a" providerId="ADAL" clId="{55F1696D-224E-654D-8EE7-4CBBA757AA04}" dt="2021-03-26T06:53:02.653" v="6398" actId="1038"/>
          <ac:cxnSpMkLst>
            <pc:docMk/>
            <pc:sldMk cId="1760059636" sldId="578"/>
            <ac:cxnSpMk id="13" creationId="{26C4DD90-9E07-974F-8A0F-99101E301742}"/>
          </ac:cxnSpMkLst>
        </pc:cxnChg>
        <pc:cxnChg chg="add mod">
          <ac:chgData name="Daly Donnacha HSLU I" userId="0f22e960-400a-43ff-baeb-4828c8f5cd3a" providerId="ADAL" clId="{55F1696D-224E-654D-8EE7-4CBBA757AA04}" dt="2021-03-26T06:53:02.653" v="6398" actId="1038"/>
          <ac:cxnSpMkLst>
            <pc:docMk/>
            <pc:sldMk cId="1760059636" sldId="578"/>
            <ac:cxnSpMk id="16" creationId="{F1BD5909-2EE5-A341-8562-F55721155F09}"/>
          </ac:cxnSpMkLst>
        </pc:cxnChg>
      </pc:sldChg>
      <pc:sldChg chg="addSp delSp modSp add mod">
        <pc:chgData name="Daly Donnacha HSLU I" userId="0f22e960-400a-43ff-baeb-4828c8f5cd3a" providerId="ADAL" clId="{55F1696D-224E-654D-8EE7-4CBBA757AA04}" dt="2021-03-26T15:39:09.080" v="12266" actId="20577"/>
        <pc:sldMkLst>
          <pc:docMk/>
          <pc:sldMk cId="2134586419" sldId="579"/>
        </pc:sldMkLst>
        <pc:spChg chg="mod">
          <ac:chgData name="Daly Donnacha HSLU I" userId="0f22e960-400a-43ff-baeb-4828c8f5cd3a" providerId="ADAL" clId="{55F1696D-224E-654D-8EE7-4CBBA757AA04}" dt="2021-03-26T08:17:20.816" v="8073" actId="20577"/>
          <ac:spMkLst>
            <pc:docMk/>
            <pc:sldMk cId="2134586419" sldId="579"/>
            <ac:spMk id="2" creationId="{4563E598-7568-384F-8352-40E17381E391}"/>
          </ac:spMkLst>
        </pc:spChg>
        <pc:spChg chg="add mod">
          <ac:chgData name="Daly Donnacha HSLU I" userId="0f22e960-400a-43ff-baeb-4828c8f5cd3a" providerId="ADAL" clId="{55F1696D-224E-654D-8EE7-4CBBA757AA04}" dt="2021-03-26T08:00:57.837" v="7908" actId="1076"/>
          <ac:spMkLst>
            <pc:docMk/>
            <pc:sldMk cId="2134586419" sldId="579"/>
            <ac:spMk id="26" creationId="{62B2341E-1540-AB4C-A9A2-F61D54113E72}"/>
          </ac:spMkLst>
        </pc:spChg>
        <pc:spChg chg="add mod">
          <ac:chgData name="Daly Donnacha HSLU I" userId="0f22e960-400a-43ff-baeb-4828c8f5cd3a" providerId="ADAL" clId="{55F1696D-224E-654D-8EE7-4CBBA757AA04}" dt="2021-03-26T08:01:03.899" v="7911" actId="20577"/>
          <ac:spMkLst>
            <pc:docMk/>
            <pc:sldMk cId="2134586419" sldId="579"/>
            <ac:spMk id="27" creationId="{34D3DBDA-753C-0749-BCF8-EB8E870526FC}"/>
          </ac:spMkLst>
        </pc:spChg>
        <pc:spChg chg="add mod">
          <ac:chgData name="Daly Donnacha HSLU I" userId="0f22e960-400a-43ff-baeb-4828c8f5cd3a" providerId="ADAL" clId="{55F1696D-224E-654D-8EE7-4CBBA757AA04}" dt="2021-03-26T15:39:09.080" v="12266" actId="20577"/>
          <ac:spMkLst>
            <pc:docMk/>
            <pc:sldMk cId="2134586419" sldId="579"/>
            <ac:spMk id="28" creationId="{C7A2BFA6-2689-C547-A7C7-516A8077627F}"/>
          </ac:spMkLst>
        </pc:spChg>
        <pc:spChg chg="add mod">
          <ac:chgData name="Daly Donnacha HSLU I" userId="0f22e960-400a-43ff-baeb-4828c8f5cd3a" providerId="ADAL" clId="{55F1696D-224E-654D-8EE7-4CBBA757AA04}" dt="2021-03-26T08:03:59.906" v="7990" actId="14100"/>
          <ac:spMkLst>
            <pc:docMk/>
            <pc:sldMk cId="2134586419" sldId="579"/>
            <ac:spMk id="29" creationId="{514A8FC0-40F1-FA41-8043-9F80CEDC47C9}"/>
          </ac:spMkLst>
        </pc:spChg>
        <pc:spChg chg="add mod">
          <ac:chgData name="Daly Donnacha HSLU I" userId="0f22e960-400a-43ff-baeb-4828c8f5cd3a" providerId="ADAL" clId="{55F1696D-224E-654D-8EE7-4CBBA757AA04}" dt="2021-03-26T08:50:31.893" v="9089" actId="208"/>
          <ac:spMkLst>
            <pc:docMk/>
            <pc:sldMk cId="2134586419" sldId="579"/>
            <ac:spMk id="30" creationId="{2349BFCE-13C7-7044-80D6-ED5A9C89A97B}"/>
          </ac:spMkLst>
        </pc:spChg>
        <pc:spChg chg="add mod">
          <ac:chgData name="Daly Donnacha HSLU I" userId="0f22e960-400a-43ff-baeb-4828c8f5cd3a" providerId="ADAL" clId="{55F1696D-224E-654D-8EE7-4CBBA757AA04}" dt="2021-03-26T08:50:02.059" v="9088" actId="208"/>
          <ac:spMkLst>
            <pc:docMk/>
            <pc:sldMk cId="2134586419" sldId="579"/>
            <ac:spMk id="49" creationId="{D9E2B55B-8651-DF4A-989A-22EB05BF6781}"/>
          </ac:spMkLst>
        </pc:spChg>
        <pc:spChg chg="del">
          <ac:chgData name="Daly Donnacha HSLU I" userId="0f22e960-400a-43ff-baeb-4828c8f5cd3a" providerId="ADAL" clId="{55F1696D-224E-654D-8EE7-4CBBA757AA04}" dt="2021-03-26T08:00:49.264" v="7905" actId="478"/>
          <ac:spMkLst>
            <pc:docMk/>
            <pc:sldMk cId="2134586419" sldId="579"/>
            <ac:spMk id="58" creationId="{02D50E2E-7B33-3A48-9A3D-91C3EDC22325}"/>
          </ac:spMkLst>
        </pc:spChg>
        <pc:spChg chg="del">
          <ac:chgData name="Daly Donnacha HSLU I" userId="0f22e960-400a-43ff-baeb-4828c8f5cd3a" providerId="ADAL" clId="{55F1696D-224E-654D-8EE7-4CBBA757AA04}" dt="2021-03-26T08:00:53.277" v="7906" actId="478"/>
          <ac:spMkLst>
            <pc:docMk/>
            <pc:sldMk cId="2134586419" sldId="579"/>
            <ac:spMk id="61" creationId="{92926651-34B8-5F44-8219-4743E9F73200}"/>
          </ac:spMkLst>
        </pc:spChg>
        <pc:spChg chg="del">
          <ac:chgData name="Daly Donnacha HSLU I" userId="0f22e960-400a-43ff-baeb-4828c8f5cd3a" providerId="ADAL" clId="{55F1696D-224E-654D-8EE7-4CBBA757AA04}" dt="2021-03-26T07:18:28.678" v="7717" actId="478"/>
          <ac:spMkLst>
            <pc:docMk/>
            <pc:sldMk cId="2134586419" sldId="579"/>
            <ac:spMk id="81" creationId="{A8A4E7E6-3A8C-5A47-97D2-41D5D5E9BC26}"/>
          </ac:spMkLst>
        </pc:spChg>
        <pc:spChg chg="del">
          <ac:chgData name="Daly Donnacha HSLU I" userId="0f22e960-400a-43ff-baeb-4828c8f5cd3a" providerId="ADAL" clId="{55F1696D-224E-654D-8EE7-4CBBA757AA04}" dt="2021-03-26T07:18:28.678" v="7717" actId="478"/>
          <ac:spMkLst>
            <pc:docMk/>
            <pc:sldMk cId="2134586419" sldId="579"/>
            <ac:spMk id="82" creationId="{DB63D138-90E5-EA42-BE18-1E9186E4B330}"/>
          </ac:spMkLst>
        </pc:spChg>
        <pc:spChg chg="del">
          <ac:chgData name="Daly Donnacha HSLU I" userId="0f22e960-400a-43ff-baeb-4828c8f5cd3a" providerId="ADAL" clId="{55F1696D-224E-654D-8EE7-4CBBA757AA04}" dt="2021-03-26T07:18:28.678" v="7717" actId="478"/>
          <ac:spMkLst>
            <pc:docMk/>
            <pc:sldMk cId="2134586419" sldId="579"/>
            <ac:spMk id="85" creationId="{45B35738-DEF2-934B-A485-43831B2CD45D}"/>
          </ac:spMkLst>
        </pc:spChg>
        <pc:spChg chg="del">
          <ac:chgData name="Daly Donnacha HSLU I" userId="0f22e960-400a-43ff-baeb-4828c8f5cd3a" providerId="ADAL" clId="{55F1696D-224E-654D-8EE7-4CBBA757AA04}" dt="2021-03-26T07:18:28.678" v="7717" actId="478"/>
          <ac:spMkLst>
            <pc:docMk/>
            <pc:sldMk cId="2134586419" sldId="579"/>
            <ac:spMk id="86" creationId="{2FC9B9E8-2D52-7B4A-A8EC-6C786385F4D1}"/>
          </ac:spMkLst>
        </pc:spChg>
        <pc:spChg chg="del">
          <ac:chgData name="Daly Donnacha HSLU I" userId="0f22e960-400a-43ff-baeb-4828c8f5cd3a" providerId="ADAL" clId="{55F1696D-224E-654D-8EE7-4CBBA757AA04}" dt="2021-03-26T07:18:28.678" v="7717" actId="478"/>
          <ac:spMkLst>
            <pc:docMk/>
            <pc:sldMk cId="2134586419" sldId="579"/>
            <ac:spMk id="92" creationId="{12A0C381-042C-604C-A59B-BAFAD87535F2}"/>
          </ac:spMkLst>
        </pc:spChg>
        <pc:spChg chg="del">
          <ac:chgData name="Daly Donnacha HSLU I" userId="0f22e960-400a-43ff-baeb-4828c8f5cd3a" providerId="ADAL" clId="{55F1696D-224E-654D-8EE7-4CBBA757AA04}" dt="2021-03-26T07:18:28.678" v="7717" actId="478"/>
          <ac:spMkLst>
            <pc:docMk/>
            <pc:sldMk cId="2134586419" sldId="579"/>
            <ac:spMk id="93" creationId="{3A6C7721-5472-3347-90BE-87C156D6683B}"/>
          </ac:spMkLst>
        </pc:spChg>
        <pc:cxnChg chg="add del mod">
          <ac:chgData name="Daly Donnacha HSLU I" userId="0f22e960-400a-43ff-baeb-4828c8f5cd3a" providerId="ADAL" clId="{55F1696D-224E-654D-8EE7-4CBBA757AA04}" dt="2021-03-26T08:04:04.128" v="7992" actId="478"/>
          <ac:cxnSpMkLst>
            <pc:docMk/>
            <pc:sldMk cId="2134586419" sldId="579"/>
            <ac:cxnSpMk id="31" creationId="{B2172417-9534-444A-B1B3-41EA75892229}"/>
          </ac:cxnSpMkLst>
        </pc:cxnChg>
        <pc:cxnChg chg="add mod">
          <ac:chgData name="Daly Donnacha HSLU I" userId="0f22e960-400a-43ff-baeb-4828c8f5cd3a" providerId="ADAL" clId="{55F1696D-224E-654D-8EE7-4CBBA757AA04}" dt="2021-03-26T08:04:51.415" v="8042" actId="1076"/>
          <ac:cxnSpMkLst>
            <pc:docMk/>
            <pc:sldMk cId="2134586419" sldId="579"/>
            <ac:cxnSpMk id="32" creationId="{C98F9BA9-DDBE-F542-9BDB-5BD148712488}"/>
          </ac:cxnSpMkLst>
        </pc:cxnChg>
        <pc:cxnChg chg="add mod">
          <ac:chgData name="Daly Donnacha HSLU I" userId="0f22e960-400a-43ff-baeb-4828c8f5cd3a" providerId="ADAL" clId="{55F1696D-224E-654D-8EE7-4CBBA757AA04}" dt="2021-03-26T08:50:31.893" v="9089" actId="208"/>
          <ac:cxnSpMkLst>
            <pc:docMk/>
            <pc:sldMk cId="2134586419" sldId="579"/>
            <ac:cxnSpMk id="33" creationId="{65E9FEED-B181-E045-B9A3-868574B634B4}"/>
          </ac:cxnSpMkLst>
        </pc:cxnChg>
        <pc:cxnChg chg="add mod">
          <ac:chgData name="Daly Donnacha HSLU I" userId="0f22e960-400a-43ff-baeb-4828c8f5cd3a" providerId="ADAL" clId="{55F1696D-224E-654D-8EE7-4CBBA757AA04}" dt="2021-03-26T08:50:31.893" v="9089" actId="208"/>
          <ac:cxnSpMkLst>
            <pc:docMk/>
            <pc:sldMk cId="2134586419" sldId="579"/>
            <ac:cxnSpMk id="42" creationId="{80B521FE-9862-284C-87B5-CCCD514F84CB}"/>
          </ac:cxnSpMkLst>
        </pc:cxnChg>
        <pc:cxnChg chg="add mod">
          <ac:chgData name="Daly Donnacha HSLU I" userId="0f22e960-400a-43ff-baeb-4828c8f5cd3a" providerId="ADAL" clId="{55F1696D-224E-654D-8EE7-4CBBA757AA04}" dt="2021-03-26T08:50:31.893" v="9089" actId="208"/>
          <ac:cxnSpMkLst>
            <pc:docMk/>
            <pc:sldMk cId="2134586419" sldId="579"/>
            <ac:cxnSpMk id="47" creationId="{F87587E8-4DA9-E044-8268-0D86E35076F0}"/>
          </ac:cxnSpMkLst>
        </pc:cxnChg>
        <pc:cxnChg chg="mod">
          <ac:chgData name="Daly Donnacha HSLU I" userId="0f22e960-400a-43ff-baeb-4828c8f5cd3a" providerId="ADAL" clId="{55F1696D-224E-654D-8EE7-4CBBA757AA04}" dt="2021-03-26T08:00:53.277" v="7906" actId="478"/>
          <ac:cxnSpMkLst>
            <pc:docMk/>
            <pc:sldMk cId="2134586419" sldId="579"/>
            <ac:cxnSpMk id="62" creationId="{DE76DA5A-75E3-9E47-BC87-5D65694E916A}"/>
          </ac:cxnSpMkLst>
        </pc:cxnChg>
        <pc:cxnChg chg="del">
          <ac:chgData name="Daly Donnacha HSLU I" userId="0f22e960-400a-43ff-baeb-4828c8f5cd3a" providerId="ADAL" clId="{55F1696D-224E-654D-8EE7-4CBBA757AA04}" dt="2021-03-26T07:18:28.678" v="7717" actId="478"/>
          <ac:cxnSpMkLst>
            <pc:docMk/>
            <pc:sldMk cId="2134586419" sldId="579"/>
            <ac:cxnSpMk id="76" creationId="{1B996726-ECE5-DD40-AFE9-EC79A3250936}"/>
          </ac:cxnSpMkLst>
        </pc:cxnChg>
        <pc:cxnChg chg="del">
          <ac:chgData name="Daly Donnacha HSLU I" userId="0f22e960-400a-43ff-baeb-4828c8f5cd3a" providerId="ADAL" clId="{55F1696D-224E-654D-8EE7-4CBBA757AA04}" dt="2021-03-26T07:18:28.678" v="7717" actId="478"/>
          <ac:cxnSpMkLst>
            <pc:docMk/>
            <pc:sldMk cId="2134586419" sldId="579"/>
            <ac:cxnSpMk id="77" creationId="{8A7E2F88-F6E9-D049-AF38-E5537EF283F0}"/>
          </ac:cxnSpMkLst>
        </pc:cxnChg>
        <pc:cxnChg chg="del">
          <ac:chgData name="Daly Donnacha HSLU I" userId="0f22e960-400a-43ff-baeb-4828c8f5cd3a" providerId="ADAL" clId="{55F1696D-224E-654D-8EE7-4CBBA757AA04}" dt="2021-03-26T07:18:28.678" v="7717" actId="478"/>
          <ac:cxnSpMkLst>
            <pc:docMk/>
            <pc:sldMk cId="2134586419" sldId="579"/>
            <ac:cxnSpMk id="78" creationId="{4CAD226E-1859-BE44-A83A-1EF9DCBE2870}"/>
          </ac:cxnSpMkLst>
        </pc:cxnChg>
        <pc:cxnChg chg="del">
          <ac:chgData name="Daly Donnacha HSLU I" userId="0f22e960-400a-43ff-baeb-4828c8f5cd3a" providerId="ADAL" clId="{55F1696D-224E-654D-8EE7-4CBBA757AA04}" dt="2021-03-26T07:18:28.678" v="7717" actId="478"/>
          <ac:cxnSpMkLst>
            <pc:docMk/>
            <pc:sldMk cId="2134586419" sldId="579"/>
            <ac:cxnSpMk id="89" creationId="{BBD577D6-B831-0F4A-9F3D-8B5AAD35F685}"/>
          </ac:cxnSpMkLst>
        </pc:cxnChg>
      </pc:sldChg>
      <pc:sldChg chg="addSp delSp modSp new mod">
        <pc:chgData name="Daly Donnacha HSLU I" userId="0f22e960-400a-43ff-baeb-4828c8f5cd3a" providerId="ADAL" clId="{55F1696D-224E-654D-8EE7-4CBBA757AA04}" dt="2021-03-26T10:14:07.358" v="10392" actId="20577"/>
        <pc:sldMkLst>
          <pc:docMk/>
          <pc:sldMk cId="1781077957" sldId="580"/>
        </pc:sldMkLst>
        <pc:spChg chg="mod">
          <ac:chgData name="Daly Donnacha HSLU I" userId="0f22e960-400a-43ff-baeb-4828c8f5cd3a" providerId="ADAL" clId="{55F1696D-224E-654D-8EE7-4CBBA757AA04}" dt="2021-03-26T08:17:44.461" v="8113" actId="20577"/>
          <ac:spMkLst>
            <pc:docMk/>
            <pc:sldMk cId="1781077957" sldId="580"/>
            <ac:spMk id="2" creationId="{B76022F7-ACE2-E846-AD4E-7CFE0F44D458}"/>
          </ac:spMkLst>
        </pc:spChg>
        <pc:spChg chg="add mod">
          <ac:chgData name="Daly Donnacha HSLU I" userId="0f22e960-400a-43ff-baeb-4828c8f5cd3a" providerId="ADAL" clId="{55F1696D-224E-654D-8EE7-4CBBA757AA04}" dt="2021-03-26T10:14:07.358" v="10392" actId="20577"/>
          <ac:spMkLst>
            <pc:docMk/>
            <pc:sldMk cId="1781077957" sldId="580"/>
            <ac:spMk id="3" creationId="{7AA085E8-EC06-084D-90F6-3126B10C343C}"/>
          </ac:spMkLst>
        </pc:spChg>
        <pc:spChg chg="add mod">
          <ac:chgData name="Daly Donnacha HSLU I" userId="0f22e960-400a-43ff-baeb-4828c8f5cd3a" providerId="ADAL" clId="{55F1696D-224E-654D-8EE7-4CBBA757AA04}" dt="2021-03-26T08:27:44.146" v="8507" actId="255"/>
          <ac:spMkLst>
            <pc:docMk/>
            <pc:sldMk cId="1781077957" sldId="580"/>
            <ac:spMk id="4" creationId="{FA8E2EB9-784F-4348-8B8C-062F5F7E504B}"/>
          </ac:spMkLst>
        </pc:spChg>
        <pc:spChg chg="add mod">
          <ac:chgData name="Daly Donnacha HSLU I" userId="0f22e960-400a-43ff-baeb-4828c8f5cd3a" providerId="ADAL" clId="{55F1696D-224E-654D-8EE7-4CBBA757AA04}" dt="2021-03-26T08:24:33.244" v="8464" actId="1035"/>
          <ac:spMkLst>
            <pc:docMk/>
            <pc:sldMk cId="1781077957" sldId="580"/>
            <ac:spMk id="5" creationId="{4672BF06-5E69-A845-9F3C-9BA4280519F1}"/>
          </ac:spMkLst>
        </pc:spChg>
        <pc:spChg chg="add mod">
          <ac:chgData name="Daly Donnacha HSLU I" userId="0f22e960-400a-43ff-baeb-4828c8f5cd3a" providerId="ADAL" clId="{55F1696D-224E-654D-8EE7-4CBBA757AA04}" dt="2021-03-26T08:48:41.879" v="9080" actId="20577"/>
          <ac:spMkLst>
            <pc:docMk/>
            <pc:sldMk cId="1781077957" sldId="580"/>
            <ac:spMk id="6" creationId="{35C093CB-E6F4-A04E-8C30-9119C94DD6C1}"/>
          </ac:spMkLst>
        </pc:spChg>
        <pc:spChg chg="add mod">
          <ac:chgData name="Daly Donnacha HSLU I" userId="0f22e960-400a-43ff-baeb-4828c8f5cd3a" providerId="ADAL" clId="{55F1696D-224E-654D-8EE7-4CBBA757AA04}" dt="2021-03-26T08:45:17.469" v="8945" actId="1035"/>
          <ac:spMkLst>
            <pc:docMk/>
            <pc:sldMk cId="1781077957" sldId="580"/>
            <ac:spMk id="7" creationId="{58731715-A3C9-544F-BC5E-FCAB86B05B52}"/>
          </ac:spMkLst>
        </pc:spChg>
        <pc:spChg chg="add mod">
          <ac:chgData name="Daly Donnacha HSLU I" userId="0f22e960-400a-43ff-baeb-4828c8f5cd3a" providerId="ADAL" clId="{55F1696D-224E-654D-8EE7-4CBBA757AA04}" dt="2021-03-26T08:45:43.085" v="8956" actId="1035"/>
          <ac:spMkLst>
            <pc:docMk/>
            <pc:sldMk cId="1781077957" sldId="580"/>
            <ac:spMk id="9" creationId="{6EA95C93-9D21-234B-A3A3-F96ADC5923C3}"/>
          </ac:spMkLst>
        </pc:spChg>
        <pc:spChg chg="add mod">
          <ac:chgData name="Daly Donnacha HSLU I" userId="0f22e960-400a-43ff-baeb-4828c8f5cd3a" providerId="ADAL" clId="{55F1696D-224E-654D-8EE7-4CBBA757AA04}" dt="2021-03-26T08:45:17.469" v="8945" actId="1035"/>
          <ac:spMkLst>
            <pc:docMk/>
            <pc:sldMk cId="1781077957" sldId="580"/>
            <ac:spMk id="10" creationId="{025EF062-0CAD-EF44-958D-4331B0BE13E1}"/>
          </ac:spMkLst>
        </pc:spChg>
        <pc:spChg chg="add mod">
          <ac:chgData name="Daly Donnacha HSLU I" userId="0f22e960-400a-43ff-baeb-4828c8f5cd3a" providerId="ADAL" clId="{55F1696D-224E-654D-8EE7-4CBBA757AA04}" dt="2021-03-26T08:45:43.085" v="8956" actId="1035"/>
          <ac:spMkLst>
            <pc:docMk/>
            <pc:sldMk cId="1781077957" sldId="580"/>
            <ac:spMk id="11" creationId="{0D717A72-BB8F-CA43-A42F-48A9116EDB68}"/>
          </ac:spMkLst>
        </pc:spChg>
        <pc:picChg chg="add del mod">
          <ac:chgData name="Daly Donnacha HSLU I" userId="0f22e960-400a-43ff-baeb-4828c8f5cd3a" providerId="ADAL" clId="{55F1696D-224E-654D-8EE7-4CBBA757AA04}" dt="2021-03-26T08:27:18.501" v="8491" actId="478"/>
          <ac:picMkLst>
            <pc:docMk/>
            <pc:sldMk cId="1781077957" sldId="580"/>
            <ac:picMk id="8" creationId="{F8709CE7-7725-3141-93C6-7CF7EB5C4133}"/>
          </ac:picMkLst>
        </pc:picChg>
      </pc:sldChg>
      <pc:sldChg chg="addSp modSp new mod">
        <pc:chgData name="Daly Donnacha HSLU I" userId="0f22e960-400a-43ff-baeb-4828c8f5cd3a" providerId="ADAL" clId="{55F1696D-224E-654D-8EE7-4CBBA757AA04}" dt="2021-03-26T09:28:28.885" v="9957" actId="1076"/>
        <pc:sldMkLst>
          <pc:docMk/>
          <pc:sldMk cId="2695168643" sldId="581"/>
        </pc:sldMkLst>
        <pc:spChg chg="mod">
          <ac:chgData name="Daly Donnacha HSLU I" userId="0f22e960-400a-43ff-baeb-4828c8f5cd3a" providerId="ADAL" clId="{55F1696D-224E-654D-8EE7-4CBBA757AA04}" dt="2021-03-26T09:28:04.969" v="9950" actId="20577"/>
          <ac:spMkLst>
            <pc:docMk/>
            <pc:sldMk cId="2695168643" sldId="581"/>
            <ac:spMk id="2" creationId="{210A53BF-7B36-F244-8196-82E4BAD4E2A4}"/>
          </ac:spMkLst>
        </pc:spChg>
        <pc:picChg chg="add mod">
          <ac:chgData name="Daly Donnacha HSLU I" userId="0f22e960-400a-43ff-baeb-4828c8f5cd3a" providerId="ADAL" clId="{55F1696D-224E-654D-8EE7-4CBBA757AA04}" dt="2021-03-26T09:28:28.885" v="9957" actId="1076"/>
          <ac:picMkLst>
            <pc:docMk/>
            <pc:sldMk cId="2695168643" sldId="581"/>
            <ac:picMk id="3" creationId="{5B0617FE-3695-E042-94D2-8E54036BFFFD}"/>
          </ac:picMkLst>
        </pc:picChg>
      </pc:sldChg>
      <pc:sldChg chg="addSp modSp new mod">
        <pc:chgData name="Daly Donnacha HSLU I" userId="0f22e960-400a-43ff-baeb-4828c8f5cd3a" providerId="ADAL" clId="{55F1696D-224E-654D-8EE7-4CBBA757AA04}" dt="2021-03-26T09:32:48.847" v="10112" actId="1076"/>
        <pc:sldMkLst>
          <pc:docMk/>
          <pc:sldMk cId="3453462096" sldId="582"/>
        </pc:sldMkLst>
        <pc:spChg chg="mod">
          <ac:chgData name="Daly Donnacha HSLU I" userId="0f22e960-400a-43ff-baeb-4828c8f5cd3a" providerId="ADAL" clId="{55F1696D-224E-654D-8EE7-4CBBA757AA04}" dt="2021-03-26T09:29:39.509" v="10031" actId="20577"/>
          <ac:spMkLst>
            <pc:docMk/>
            <pc:sldMk cId="3453462096" sldId="582"/>
            <ac:spMk id="2" creationId="{0BF6649E-4F8C-C643-819F-B54A7221C4C9}"/>
          </ac:spMkLst>
        </pc:spChg>
        <pc:picChg chg="add mod">
          <ac:chgData name="Daly Donnacha HSLU I" userId="0f22e960-400a-43ff-baeb-4828c8f5cd3a" providerId="ADAL" clId="{55F1696D-224E-654D-8EE7-4CBBA757AA04}" dt="2021-03-26T09:32:48.847" v="10112" actId="1076"/>
          <ac:picMkLst>
            <pc:docMk/>
            <pc:sldMk cId="3453462096" sldId="582"/>
            <ac:picMk id="3" creationId="{ACD426E6-94D3-1945-84E6-7F655C466D54}"/>
          </ac:picMkLst>
        </pc:picChg>
      </pc:sldChg>
      <pc:sldChg chg="addSp modSp new mod">
        <pc:chgData name="Daly Donnacha HSLU I" userId="0f22e960-400a-43ff-baeb-4828c8f5cd3a" providerId="ADAL" clId="{55F1696D-224E-654D-8EE7-4CBBA757AA04}" dt="2021-03-26T09:32:41.185" v="10110" actId="1076"/>
        <pc:sldMkLst>
          <pc:docMk/>
          <pc:sldMk cId="338359152" sldId="583"/>
        </pc:sldMkLst>
        <pc:spChg chg="mod">
          <ac:chgData name="Daly Donnacha HSLU I" userId="0f22e960-400a-43ff-baeb-4828c8f5cd3a" providerId="ADAL" clId="{55F1696D-224E-654D-8EE7-4CBBA757AA04}" dt="2021-03-26T09:31:07.510" v="10092" actId="20577"/>
          <ac:spMkLst>
            <pc:docMk/>
            <pc:sldMk cId="338359152" sldId="583"/>
            <ac:spMk id="2" creationId="{7C79E18B-A8E1-E747-9710-738C9156712D}"/>
          </ac:spMkLst>
        </pc:spChg>
        <pc:picChg chg="add mod">
          <ac:chgData name="Daly Donnacha HSLU I" userId="0f22e960-400a-43ff-baeb-4828c8f5cd3a" providerId="ADAL" clId="{55F1696D-224E-654D-8EE7-4CBBA757AA04}" dt="2021-03-26T09:32:41.185" v="10110" actId="1076"/>
          <ac:picMkLst>
            <pc:docMk/>
            <pc:sldMk cId="338359152" sldId="583"/>
            <ac:picMk id="3" creationId="{522508DE-75BA-164D-BAC8-6753E0AEA195}"/>
          </ac:picMkLst>
        </pc:picChg>
      </pc:sldChg>
      <pc:sldChg chg="addSp modSp new mod">
        <pc:chgData name="Daly Donnacha HSLU I" userId="0f22e960-400a-43ff-baeb-4828c8f5cd3a" providerId="ADAL" clId="{55F1696D-224E-654D-8EE7-4CBBA757AA04}" dt="2021-03-26T10:18:47.889" v="10579" actId="20577"/>
        <pc:sldMkLst>
          <pc:docMk/>
          <pc:sldMk cId="1464581841" sldId="584"/>
        </pc:sldMkLst>
        <pc:spChg chg="mod">
          <ac:chgData name="Daly Donnacha HSLU I" userId="0f22e960-400a-43ff-baeb-4828c8f5cd3a" providerId="ADAL" clId="{55F1696D-224E-654D-8EE7-4CBBA757AA04}" dt="2021-03-26T10:18:47.889" v="10579" actId="20577"/>
          <ac:spMkLst>
            <pc:docMk/>
            <pc:sldMk cId="1464581841" sldId="584"/>
            <ac:spMk id="2" creationId="{84C09545-F4F1-CD44-B015-BC6D4A32ECD9}"/>
          </ac:spMkLst>
        </pc:spChg>
        <pc:picChg chg="add mod">
          <ac:chgData name="Daly Donnacha HSLU I" userId="0f22e960-400a-43ff-baeb-4828c8f5cd3a" providerId="ADAL" clId="{55F1696D-224E-654D-8EE7-4CBBA757AA04}" dt="2021-03-26T09:32:32.609" v="10106" actId="1076"/>
          <ac:picMkLst>
            <pc:docMk/>
            <pc:sldMk cId="1464581841" sldId="584"/>
            <ac:picMk id="3" creationId="{E6E511A6-A5D4-B045-BC58-451A4954C87D}"/>
          </ac:picMkLst>
        </pc:picChg>
      </pc:sldChg>
      <pc:sldChg chg="addSp modSp new mod">
        <pc:chgData name="Daly Donnacha HSLU I" userId="0f22e960-400a-43ff-baeb-4828c8f5cd3a" providerId="ADAL" clId="{55F1696D-224E-654D-8EE7-4CBBA757AA04}" dt="2021-03-26T10:07:44.812" v="10296" actId="1076"/>
        <pc:sldMkLst>
          <pc:docMk/>
          <pc:sldMk cId="587538451" sldId="585"/>
        </pc:sldMkLst>
        <pc:spChg chg="mod">
          <ac:chgData name="Daly Donnacha HSLU I" userId="0f22e960-400a-43ff-baeb-4828c8f5cd3a" providerId="ADAL" clId="{55F1696D-224E-654D-8EE7-4CBBA757AA04}" dt="2021-03-26T09:45:44.739" v="10220" actId="20577"/>
          <ac:spMkLst>
            <pc:docMk/>
            <pc:sldMk cId="587538451" sldId="585"/>
            <ac:spMk id="2" creationId="{B68342A1-96B3-DB42-B49A-13F13CD5F3D3}"/>
          </ac:spMkLst>
        </pc:spChg>
        <pc:picChg chg="add mod">
          <ac:chgData name="Daly Donnacha HSLU I" userId="0f22e960-400a-43ff-baeb-4828c8f5cd3a" providerId="ADAL" clId="{55F1696D-224E-654D-8EE7-4CBBA757AA04}" dt="2021-03-26T10:07:44.812" v="10296" actId="1076"/>
          <ac:picMkLst>
            <pc:docMk/>
            <pc:sldMk cId="587538451" sldId="585"/>
            <ac:picMk id="3" creationId="{35BAE646-4EC3-B040-9E68-29848DFDC819}"/>
          </ac:picMkLst>
        </pc:picChg>
      </pc:sldChg>
      <pc:sldChg chg="addSp delSp modSp add mod">
        <pc:chgData name="Daly Donnacha HSLU I" userId="0f22e960-400a-43ff-baeb-4828c8f5cd3a" providerId="ADAL" clId="{55F1696D-224E-654D-8EE7-4CBBA757AA04}" dt="2021-03-26T11:40:23.235" v="12111" actId="1035"/>
        <pc:sldMkLst>
          <pc:docMk/>
          <pc:sldMk cId="1038866537" sldId="586"/>
        </pc:sldMkLst>
        <pc:spChg chg="del">
          <ac:chgData name="Daly Donnacha HSLU I" userId="0f22e960-400a-43ff-baeb-4828c8f5cd3a" providerId="ADAL" clId="{55F1696D-224E-654D-8EE7-4CBBA757AA04}" dt="2021-03-26T11:34:06.748" v="12006" actId="478"/>
          <ac:spMkLst>
            <pc:docMk/>
            <pc:sldMk cId="1038866537" sldId="586"/>
            <ac:spMk id="6" creationId="{4F923CE6-782F-1E42-A51F-1F360055A1FC}"/>
          </ac:spMkLst>
        </pc:spChg>
        <pc:spChg chg="del">
          <ac:chgData name="Daly Donnacha HSLU I" userId="0f22e960-400a-43ff-baeb-4828c8f5cd3a" providerId="ADAL" clId="{55F1696D-224E-654D-8EE7-4CBBA757AA04}" dt="2021-03-26T11:34:06.748" v="12006" actId="478"/>
          <ac:spMkLst>
            <pc:docMk/>
            <pc:sldMk cId="1038866537" sldId="586"/>
            <ac:spMk id="8" creationId="{11D8D055-F5F1-7149-B284-C699DD2761FE}"/>
          </ac:spMkLst>
        </pc:spChg>
        <pc:spChg chg="del">
          <ac:chgData name="Daly Donnacha HSLU I" userId="0f22e960-400a-43ff-baeb-4828c8f5cd3a" providerId="ADAL" clId="{55F1696D-224E-654D-8EE7-4CBBA757AA04}" dt="2021-03-26T11:34:06.748" v="12006" actId="478"/>
          <ac:spMkLst>
            <pc:docMk/>
            <pc:sldMk cId="1038866537" sldId="586"/>
            <ac:spMk id="10" creationId="{AE7CD82D-7E04-694E-84EC-5DABC6C0B5CE}"/>
          </ac:spMkLst>
        </pc:spChg>
        <pc:spChg chg="add mod">
          <ac:chgData name="Daly Donnacha HSLU I" userId="0f22e960-400a-43ff-baeb-4828c8f5cd3a" providerId="ADAL" clId="{55F1696D-224E-654D-8EE7-4CBBA757AA04}" dt="2021-03-26T11:40:23.235" v="12111" actId="1035"/>
          <ac:spMkLst>
            <pc:docMk/>
            <pc:sldMk cId="1038866537" sldId="586"/>
            <ac:spMk id="11" creationId="{E5FE98A9-98E0-0545-9129-E43BF13ADA46}"/>
          </ac:spMkLst>
        </pc:spChg>
        <pc:spChg chg="add mod">
          <ac:chgData name="Daly Donnacha HSLU I" userId="0f22e960-400a-43ff-baeb-4828c8f5cd3a" providerId="ADAL" clId="{55F1696D-224E-654D-8EE7-4CBBA757AA04}" dt="2021-03-26T11:40:23.235" v="12111" actId="1035"/>
          <ac:spMkLst>
            <pc:docMk/>
            <pc:sldMk cId="1038866537" sldId="586"/>
            <ac:spMk id="14" creationId="{5A2EEE00-7C2F-474C-989C-81524BDF49A1}"/>
          </ac:spMkLst>
        </pc:spChg>
        <pc:spChg chg="add mod">
          <ac:chgData name="Daly Donnacha HSLU I" userId="0f22e960-400a-43ff-baeb-4828c8f5cd3a" providerId="ADAL" clId="{55F1696D-224E-654D-8EE7-4CBBA757AA04}" dt="2021-03-26T11:40:23.235" v="12111" actId="1035"/>
          <ac:spMkLst>
            <pc:docMk/>
            <pc:sldMk cId="1038866537" sldId="586"/>
            <ac:spMk id="15" creationId="{7552B7D6-B5C4-DA48-A8A3-5D8784215A99}"/>
          </ac:spMkLst>
        </pc:spChg>
        <pc:spChg chg="add mod">
          <ac:chgData name="Daly Donnacha HSLU I" userId="0f22e960-400a-43ff-baeb-4828c8f5cd3a" providerId="ADAL" clId="{55F1696D-224E-654D-8EE7-4CBBA757AA04}" dt="2021-03-26T11:40:23.235" v="12111" actId="1035"/>
          <ac:spMkLst>
            <pc:docMk/>
            <pc:sldMk cId="1038866537" sldId="586"/>
            <ac:spMk id="16" creationId="{B5305A48-59B0-5148-B253-627614FA5E6C}"/>
          </ac:spMkLst>
        </pc:spChg>
        <pc:spChg chg="add mod">
          <ac:chgData name="Daly Donnacha HSLU I" userId="0f22e960-400a-43ff-baeb-4828c8f5cd3a" providerId="ADAL" clId="{55F1696D-224E-654D-8EE7-4CBBA757AA04}" dt="2021-03-26T11:40:23.235" v="12111" actId="1035"/>
          <ac:spMkLst>
            <pc:docMk/>
            <pc:sldMk cId="1038866537" sldId="586"/>
            <ac:spMk id="17" creationId="{4673F198-348C-9646-9A34-EC62A970804E}"/>
          </ac:spMkLst>
        </pc:spChg>
        <pc:spChg chg="add mod">
          <ac:chgData name="Daly Donnacha HSLU I" userId="0f22e960-400a-43ff-baeb-4828c8f5cd3a" providerId="ADAL" clId="{55F1696D-224E-654D-8EE7-4CBBA757AA04}" dt="2021-03-26T11:40:23.235" v="12111" actId="1035"/>
          <ac:spMkLst>
            <pc:docMk/>
            <pc:sldMk cId="1038866537" sldId="586"/>
            <ac:spMk id="18" creationId="{A176554E-471D-A346-BCF9-516DA84A9334}"/>
          </ac:spMkLst>
        </pc:spChg>
        <pc:spChg chg="add mod">
          <ac:chgData name="Daly Donnacha HSLU I" userId="0f22e960-400a-43ff-baeb-4828c8f5cd3a" providerId="ADAL" clId="{55F1696D-224E-654D-8EE7-4CBBA757AA04}" dt="2021-03-26T11:40:23.235" v="12111" actId="1035"/>
          <ac:spMkLst>
            <pc:docMk/>
            <pc:sldMk cId="1038866537" sldId="586"/>
            <ac:spMk id="19" creationId="{56F6DC0C-3F46-AF42-873B-42794C8C6D29}"/>
          </ac:spMkLst>
        </pc:spChg>
        <pc:spChg chg="add mod">
          <ac:chgData name="Daly Donnacha HSLU I" userId="0f22e960-400a-43ff-baeb-4828c8f5cd3a" providerId="ADAL" clId="{55F1696D-224E-654D-8EE7-4CBBA757AA04}" dt="2021-03-26T11:40:23.235" v="12111" actId="1035"/>
          <ac:spMkLst>
            <pc:docMk/>
            <pc:sldMk cId="1038866537" sldId="586"/>
            <ac:spMk id="20" creationId="{5AF5F7A6-AF46-7949-9402-405EC7F13DE3}"/>
          </ac:spMkLst>
        </pc:spChg>
        <pc:spChg chg="add mod">
          <ac:chgData name="Daly Donnacha HSLU I" userId="0f22e960-400a-43ff-baeb-4828c8f5cd3a" providerId="ADAL" clId="{55F1696D-224E-654D-8EE7-4CBBA757AA04}" dt="2021-03-26T11:40:23.235" v="12111" actId="1035"/>
          <ac:spMkLst>
            <pc:docMk/>
            <pc:sldMk cId="1038866537" sldId="586"/>
            <ac:spMk id="21" creationId="{140662C9-0190-BF4C-8345-0C0EC191B940}"/>
          </ac:spMkLst>
        </pc:spChg>
        <pc:spChg chg="add mod">
          <ac:chgData name="Daly Donnacha HSLU I" userId="0f22e960-400a-43ff-baeb-4828c8f5cd3a" providerId="ADAL" clId="{55F1696D-224E-654D-8EE7-4CBBA757AA04}" dt="2021-03-26T11:40:23.235" v="12111" actId="1035"/>
          <ac:spMkLst>
            <pc:docMk/>
            <pc:sldMk cId="1038866537" sldId="586"/>
            <ac:spMk id="22" creationId="{1F07D3E8-539C-E141-A5AF-A0C2267329FB}"/>
          </ac:spMkLst>
        </pc:spChg>
        <pc:spChg chg="add mod">
          <ac:chgData name="Daly Donnacha HSLU I" userId="0f22e960-400a-43ff-baeb-4828c8f5cd3a" providerId="ADAL" clId="{55F1696D-224E-654D-8EE7-4CBBA757AA04}" dt="2021-03-26T11:40:23.235" v="12111" actId="1035"/>
          <ac:spMkLst>
            <pc:docMk/>
            <pc:sldMk cId="1038866537" sldId="586"/>
            <ac:spMk id="23" creationId="{CA4A0AD5-BA93-1B40-9C9E-30B040C94C5D}"/>
          </ac:spMkLst>
        </pc:spChg>
        <pc:spChg chg="add mod">
          <ac:chgData name="Daly Donnacha HSLU I" userId="0f22e960-400a-43ff-baeb-4828c8f5cd3a" providerId="ADAL" clId="{55F1696D-224E-654D-8EE7-4CBBA757AA04}" dt="2021-03-26T11:40:23.235" v="12111" actId="1035"/>
          <ac:spMkLst>
            <pc:docMk/>
            <pc:sldMk cId="1038866537" sldId="586"/>
            <ac:spMk id="24" creationId="{90A176DD-7E9C-2849-B63E-0C84855CE785}"/>
          </ac:spMkLst>
        </pc:spChg>
        <pc:spChg chg="add mod">
          <ac:chgData name="Daly Donnacha HSLU I" userId="0f22e960-400a-43ff-baeb-4828c8f5cd3a" providerId="ADAL" clId="{55F1696D-224E-654D-8EE7-4CBBA757AA04}" dt="2021-03-26T11:40:23.235" v="12111" actId="1035"/>
          <ac:spMkLst>
            <pc:docMk/>
            <pc:sldMk cId="1038866537" sldId="586"/>
            <ac:spMk id="25" creationId="{86D25E3B-DA68-7844-8714-79D7A5D14903}"/>
          </ac:spMkLst>
        </pc:spChg>
        <pc:spChg chg="add mod">
          <ac:chgData name="Daly Donnacha HSLU I" userId="0f22e960-400a-43ff-baeb-4828c8f5cd3a" providerId="ADAL" clId="{55F1696D-224E-654D-8EE7-4CBBA757AA04}" dt="2021-03-26T11:40:23.235" v="12111" actId="1035"/>
          <ac:spMkLst>
            <pc:docMk/>
            <pc:sldMk cId="1038866537" sldId="586"/>
            <ac:spMk id="26" creationId="{38EE14E0-C75C-EB4E-8505-6D95C16DEEFD}"/>
          </ac:spMkLst>
        </pc:spChg>
        <pc:spChg chg="add mod">
          <ac:chgData name="Daly Donnacha HSLU I" userId="0f22e960-400a-43ff-baeb-4828c8f5cd3a" providerId="ADAL" clId="{55F1696D-224E-654D-8EE7-4CBBA757AA04}" dt="2021-03-26T11:40:23.235" v="12111" actId="1035"/>
          <ac:spMkLst>
            <pc:docMk/>
            <pc:sldMk cId="1038866537" sldId="586"/>
            <ac:spMk id="27" creationId="{B7AC46A2-6611-234B-AD26-AEDED7CF5AAE}"/>
          </ac:spMkLst>
        </pc:spChg>
        <pc:spChg chg="add mod">
          <ac:chgData name="Daly Donnacha HSLU I" userId="0f22e960-400a-43ff-baeb-4828c8f5cd3a" providerId="ADAL" clId="{55F1696D-224E-654D-8EE7-4CBBA757AA04}" dt="2021-03-26T11:40:23.235" v="12111" actId="1035"/>
          <ac:spMkLst>
            <pc:docMk/>
            <pc:sldMk cId="1038866537" sldId="586"/>
            <ac:spMk id="28" creationId="{F24591FD-45E6-A745-9B60-FD3F847F844F}"/>
          </ac:spMkLst>
        </pc:spChg>
        <pc:spChg chg="add mod">
          <ac:chgData name="Daly Donnacha HSLU I" userId="0f22e960-400a-43ff-baeb-4828c8f5cd3a" providerId="ADAL" clId="{55F1696D-224E-654D-8EE7-4CBBA757AA04}" dt="2021-03-26T11:40:23.235" v="12111" actId="1035"/>
          <ac:spMkLst>
            <pc:docMk/>
            <pc:sldMk cId="1038866537" sldId="586"/>
            <ac:spMk id="29" creationId="{09A5976A-C5BF-E84D-BE4D-1D9F53FBAB23}"/>
          </ac:spMkLst>
        </pc:spChg>
        <pc:spChg chg="add mod">
          <ac:chgData name="Daly Donnacha HSLU I" userId="0f22e960-400a-43ff-baeb-4828c8f5cd3a" providerId="ADAL" clId="{55F1696D-224E-654D-8EE7-4CBBA757AA04}" dt="2021-03-26T11:40:23.235" v="12111" actId="1035"/>
          <ac:spMkLst>
            <pc:docMk/>
            <pc:sldMk cId="1038866537" sldId="586"/>
            <ac:spMk id="30" creationId="{6C146C87-FD95-3942-87A3-9AED6CDCEE1D}"/>
          </ac:spMkLst>
        </pc:spChg>
        <pc:spChg chg="add mod">
          <ac:chgData name="Daly Donnacha HSLU I" userId="0f22e960-400a-43ff-baeb-4828c8f5cd3a" providerId="ADAL" clId="{55F1696D-224E-654D-8EE7-4CBBA757AA04}" dt="2021-03-26T11:40:23.235" v="12111" actId="1035"/>
          <ac:spMkLst>
            <pc:docMk/>
            <pc:sldMk cId="1038866537" sldId="586"/>
            <ac:spMk id="31" creationId="{48E330C5-DCFD-3C46-A996-94AF2F7F128D}"/>
          </ac:spMkLst>
        </pc:spChg>
        <pc:spChg chg="add mod">
          <ac:chgData name="Daly Donnacha HSLU I" userId="0f22e960-400a-43ff-baeb-4828c8f5cd3a" providerId="ADAL" clId="{55F1696D-224E-654D-8EE7-4CBBA757AA04}" dt="2021-03-26T11:40:23.235" v="12111" actId="1035"/>
          <ac:spMkLst>
            <pc:docMk/>
            <pc:sldMk cId="1038866537" sldId="586"/>
            <ac:spMk id="32" creationId="{16FB4343-7909-5F4D-91E6-18AED9D81F14}"/>
          </ac:spMkLst>
        </pc:spChg>
        <pc:spChg chg="add mod">
          <ac:chgData name="Daly Donnacha HSLU I" userId="0f22e960-400a-43ff-baeb-4828c8f5cd3a" providerId="ADAL" clId="{55F1696D-224E-654D-8EE7-4CBBA757AA04}" dt="2021-03-26T11:40:23.235" v="12111" actId="1035"/>
          <ac:spMkLst>
            <pc:docMk/>
            <pc:sldMk cId="1038866537" sldId="586"/>
            <ac:spMk id="33" creationId="{419F5960-E537-7848-A996-C00112B2A18F}"/>
          </ac:spMkLst>
        </pc:spChg>
        <pc:spChg chg="add mod">
          <ac:chgData name="Daly Donnacha HSLU I" userId="0f22e960-400a-43ff-baeb-4828c8f5cd3a" providerId="ADAL" clId="{55F1696D-224E-654D-8EE7-4CBBA757AA04}" dt="2021-03-26T11:40:23.235" v="12111" actId="1035"/>
          <ac:spMkLst>
            <pc:docMk/>
            <pc:sldMk cId="1038866537" sldId="586"/>
            <ac:spMk id="34" creationId="{97868B9E-BDE8-7F44-9F96-386E436F3B79}"/>
          </ac:spMkLst>
        </pc:spChg>
        <pc:spChg chg="add mod">
          <ac:chgData name="Daly Donnacha HSLU I" userId="0f22e960-400a-43ff-baeb-4828c8f5cd3a" providerId="ADAL" clId="{55F1696D-224E-654D-8EE7-4CBBA757AA04}" dt="2021-03-26T11:40:23.235" v="12111" actId="1035"/>
          <ac:spMkLst>
            <pc:docMk/>
            <pc:sldMk cId="1038866537" sldId="586"/>
            <ac:spMk id="35" creationId="{D6D4D2D1-BE44-2D4B-A3B5-7D4876D1F161}"/>
          </ac:spMkLst>
        </pc:spChg>
        <pc:spChg chg="add mod">
          <ac:chgData name="Daly Donnacha HSLU I" userId="0f22e960-400a-43ff-baeb-4828c8f5cd3a" providerId="ADAL" clId="{55F1696D-224E-654D-8EE7-4CBBA757AA04}" dt="2021-03-26T11:40:23.235" v="12111" actId="1035"/>
          <ac:spMkLst>
            <pc:docMk/>
            <pc:sldMk cId="1038866537" sldId="586"/>
            <ac:spMk id="36" creationId="{5BE95780-240E-DD40-A5F5-B8B7150727B7}"/>
          </ac:spMkLst>
        </pc:spChg>
        <pc:spChg chg="add mod">
          <ac:chgData name="Daly Donnacha HSLU I" userId="0f22e960-400a-43ff-baeb-4828c8f5cd3a" providerId="ADAL" clId="{55F1696D-224E-654D-8EE7-4CBBA757AA04}" dt="2021-03-26T11:40:23.235" v="12111" actId="1035"/>
          <ac:spMkLst>
            <pc:docMk/>
            <pc:sldMk cId="1038866537" sldId="586"/>
            <ac:spMk id="37" creationId="{A6482DB2-0B89-9E48-92C2-E8987D71D396}"/>
          </ac:spMkLst>
        </pc:spChg>
        <pc:spChg chg="add mod">
          <ac:chgData name="Daly Donnacha HSLU I" userId="0f22e960-400a-43ff-baeb-4828c8f5cd3a" providerId="ADAL" clId="{55F1696D-224E-654D-8EE7-4CBBA757AA04}" dt="2021-03-26T11:40:23.235" v="12111" actId="1035"/>
          <ac:spMkLst>
            <pc:docMk/>
            <pc:sldMk cId="1038866537" sldId="586"/>
            <ac:spMk id="38" creationId="{71E2F5B5-0570-4944-8C59-BAA2083161CE}"/>
          </ac:spMkLst>
        </pc:spChg>
        <pc:spChg chg="add mod">
          <ac:chgData name="Daly Donnacha HSLU I" userId="0f22e960-400a-43ff-baeb-4828c8f5cd3a" providerId="ADAL" clId="{55F1696D-224E-654D-8EE7-4CBBA757AA04}" dt="2021-03-26T11:40:23.235" v="12111" actId="1035"/>
          <ac:spMkLst>
            <pc:docMk/>
            <pc:sldMk cId="1038866537" sldId="586"/>
            <ac:spMk id="39" creationId="{E0D7AE27-7E5F-ED49-B3B4-D4DBA7902E76}"/>
          </ac:spMkLst>
        </pc:spChg>
        <pc:spChg chg="add mod">
          <ac:chgData name="Daly Donnacha HSLU I" userId="0f22e960-400a-43ff-baeb-4828c8f5cd3a" providerId="ADAL" clId="{55F1696D-224E-654D-8EE7-4CBBA757AA04}" dt="2021-03-26T11:40:23.235" v="12111" actId="1035"/>
          <ac:spMkLst>
            <pc:docMk/>
            <pc:sldMk cId="1038866537" sldId="586"/>
            <ac:spMk id="40" creationId="{8DC5D9AD-47E5-D449-B152-5729E632784F}"/>
          </ac:spMkLst>
        </pc:spChg>
        <pc:spChg chg="add mod">
          <ac:chgData name="Daly Donnacha HSLU I" userId="0f22e960-400a-43ff-baeb-4828c8f5cd3a" providerId="ADAL" clId="{55F1696D-224E-654D-8EE7-4CBBA757AA04}" dt="2021-03-26T11:40:23.235" v="12111" actId="1035"/>
          <ac:spMkLst>
            <pc:docMk/>
            <pc:sldMk cId="1038866537" sldId="586"/>
            <ac:spMk id="41" creationId="{C8A440FD-A918-ED47-B491-C657B28E9E4C}"/>
          </ac:spMkLst>
        </pc:spChg>
        <pc:spChg chg="add mod">
          <ac:chgData name="Daly Donnacha HSLU I" userId="0f22e960-400a-43ff-baeb-4828c8f5cd3a" providerId="ADAL" clId="{55F1696D-224E-654D-8EE7-4CBBA757AA04}" dt="2021-03-26T11:40:23.235" v="12111" actId="1035"/>
          <ac:spMkLst>
            <pc:docMk/>
            <pc:sldMk cId="1038866537" sldId="586"/>
            <ac:spMk id="42" creationId="{6D7A2E86-694C-9E46-A691-952B1B41820A}"/>
          </ac:spMkLst>
        </pc:spChg>
        <pc:spChg chg="add mod">
          <ac:chgData name="Daly Donnacha HSLU I" userId="0f22e960-400a-43ff-baeb-4828c8f5cd3a" providerId="ADAL" clId="{55F1696D-224E-654D-8EE7-4CBBA757AA04}" dt="2021-03-26T11:40:23.235" v="12111" actId="1035"/>
          <ac:spMkLst>
            <pc:docMk/>
            <pc:sldMk cId="1038866537" sldId="586"/>
            <ac:spMk id="43" creationId="{250892F7-B24F-AF4F-812E-B4BF464BEE74}"/>
          </ac:spMkLst>
        </pc:spChg>
        <pc:spChg chg="add mod">
          <ac:chgData name="Daly Donnacha HSLU I" userId="0f22e960-400a-43ff-baeb-4828c8f5cd3a" providerId="ADAL" clId="{55F1696D-224E-654D-8EE7-4CBBA757AA04}" dt="2021-03-26T11:40:23.235" v="12111" actId="1035"/>
          <ac:spMkLst>
            <pc:docMk/>
            <pc:sldMk cId="1038866537" sldId="586"/>
            <ac:spMk id="44" creationId="{5F44FA79-660B-514F-B7EE-307899A4457F}"/>
          </ac:spMkLst>
        </pc:spChg>
        <pc:spChg chg="add mod">
          <ac:chgData name="Daly Donnacha HSLU I" userId="0f22e960-400a-43ff-baeb-4828c8f5cd3a" providerId="ADAL" clId="{55F1696D-224E-654D-8EE7-4CBBA757AA04}" dt="2021-03-26T11:40:23.235" v="12111" actId="1035"/>
          <ac:spMkLst>
            <pc:docMk/>
            <pc:sldMk cId="1038866537" sldId="586"/>
            <ac:spMk id="45" creationId="{2C3D6598-3F34-AE40-A721-0AE9FC54B985}"/>
          </ac:spMkLst>
        </pc:spChg>
        <pc:spChg chg="add mod">
          <ac:chgData name="Daly Donnacha HSLU I" userId="0f22e960-400a-43ff-baeb-4828c8f5cd3a" providerId="ADAL" clId="{55F1696D-224E-654D-8EE7-4CBBA757AA04}" dt="2021-03-26T11:40:23.235" v="12111" actId="1035"/>
          <ac:spMkLst>
            <pc:docMk/>
            <pc:sldMk cId="1038866537" sldId="586"/>
            <ac:spMk id="46" creationId="{C3037151-E075-CC40-8623-A88E9C8E367A}"/>
          </ac:spMkLst>
        </pc:spChg>
        <pc:spChg chg="add mod">
          <ac:chgData name="Daly Donnacha HSLU I" userId="0f22e960-400a-43ff-baeb-4828c8f5cd3a" providerId="ADAL" clId="{55F1696D-224E-654D-8EE7-4CBBA757AA04}" dt="2021-03-26T11:40:23.235" v="12111" actId="1035"/>
          <ac:spMkLst>
            <pc:docMk/>
            <pc:sldMk cId="1038866537" sldId="586"/>
            <ac:spMk id="47" creationId="{DE5CAAE3-74C3-C14D-9EF2-3E817B8D5432}"/>
          </ac:spMkLst>
        </pc:spChg>
        <pc:spChg chg="add mod">
          <ac:chgData name="Daly Donnacha HSLU I" userId="0f22e960-400a-43ff-baeb-4828c8f5cd3a" providerId="ADAL" clId="{55F1696D-224E-654D-8EE7-4CBBA757AA04}" dt="2021-03-26T11:40:23.235" v="12111" actId="1035"/>
          <ac:spMkLst>
            <pc:docMk/>
            <pc:sldMk cId="1038866537" sldId="586"/>
            <ac:spMk id="48" creationId="{04A3123E-2D2A-AE42-BB9D-811AAEFB2D43}"/>
          </ac:spMkLst>
        </pc:spChg>
        <pc:spChg chg="add mod">
          <ac:chgData name="Daly Donnacha HSLU I" userId="0f22e960-400a-43ff-baeb-4828c8f5cd3a" providerId="ADAL" clId="{55F1696D-224E-654D-8EE7-4CBBA757AA04}" dt="2021-03-26T11:40:23.235" v="12111" actId="1035"/>
          <ac:spMkLst>
            <pc:docMk/>
            <pc:sldMk cId="1038866537" sldId="586"/>
            <ac:spMk id="49" creationId="{3FDBFE55-69D9-3246-ACF9-0F23D94399CE}"/>
          </ac:spMkLst>
        </pc:spChg>
        <pc:spChg chg="add mod">
          <ac:chgData name="Daly Donnacha HSLU I" userId="0f22e960-400a-43ff-baeb-4828c8f5cd3a" providerId="ADAL" clId="{55F1696D-224E-654D-8EE7-4CBBA757AA04}" dt="2021-03-26T11:40:23.235" v="12111" actId="1035"/>
          <ac:spMkLst>
            <pc:docMk/>
            <pc:sldMk cId="1038866537" sldId="586"/>
            <ac:spMk id="50" creationId="{F0EB2CD5-E978-7943-95B5-4E1EE386EDCC}"/>
          </ac:spMkLst>
        </pc:spChg>
        <pc:spChg chg="add mod">
          <ac:chgData name="Daly Donnacha HSLU I" userId="0f22e960-400a-43ff-baeb-4828c8f5cd3a" providerId="ADAL" clId="{55F1696D-224E-654D-8EE7-4CBBA757AA04}" dt="2021-03-26T11:40:23.235" v="12111" actId="1035"/>
          <ac:spMkLst>
            <pc:docMk/>
            <pc:sldMk cId="1038866537" sldId="586"/>
            <ac:spMk id="51" creationId="{D9E2FB5B-AA8F-8C4F-AE21-37956B0C34B4}"/>
          </ac:spMkLst>
        </pc:spChg>
        <pc:spChg chg="add mod">
          <ac:chgData name="Daly Donnacha HSLU I" userId="0f22e960-400a-43ff-baeb-4828c8f5cd3a" providerId="ADAL" clId="{55F1696D-224E-654D-8EE7-4CBBA757AA04}" dt="2021-03-26T11:40:23.235" v="12111" actId="1035"/>
          <ac:spMkLst>
            <pc:docMk/>
            <pc:sldMk cId="1038866537" sldId="586"/>
            <ac:spMk id="52" creationId="{6F579BA1-7339-DD4B-9B25-AB0AC7BEFC4C}"/>
          </ac:spMkLst>
        </pc:spChg>
        <pc:spChg chg="add mod">
          <ac:chgData name="Daly Donnacha HSLU I" userId="0f22e960-400a-43ff-baeb-4828c8f5cd3a" providerId="ADAL" clId="{55F1696D-224E-654D-8EE7-4CBBA757AA04}" dt="2021-03-26T11:40:23.235" v="12111" actId="1035"/>
          <ac:spMkLst>
            <pc:docMk/>
            <pc:sldMk cId="1038866537" sldId="586"/>
            <ac:spMk id="53" creationId="{67332420-B16E-824C-AAFD-8A28438530DD}"/>
          </ac:spMkLst>
        </pc:spChg>
        <pc:spChg chg="add mod">
          <ac:chgData name="Daly Donnacha HSLU I" userId="0f22e960-400a-43ff-baeb-4828c8f5cd3a" providerId="ADAL" clId="{55F1696D-224E-654D-8EE7-4CBBA757AA04}" dt="2021-03-26T11:40:23.235" v="12111" actId="1035"/>
          <ac:spMkLst>
            <pc:docMk/>
            <pc:sldMk cId="1038866537" sldId="586"/>
            <ac:spMk id="54" creationId="{8EDCEE58-6659-5740-8EA8-F2C87720E402}"/>
          </ac:spMkLst>
        </pc:spChg>
        <pc:spChg chg="add mod">
          <ac:chgData name="Daly Donnacha HSLU I" userId="0f22e960-400a-43ff-baeb-4828c8f5cd3a" providerId="ADAL" clId="{55F1696D-224E-654D-8EE7-4CBBA757AA04}" dt="2021-03-26T11:40:23.235" v="12111" actId="1035"/>
          <ac:spMkLst>
            <pc:docMk/>
            <pc:sldMk cId="1038866537" sldId="586"/>
            <ac:spMk id="55" creationId="{14955FBB-86E2-DD4E-9194-0E059D6A4693}"/>
          </ac:spMkLst>
        </pc:spChg>
        <pc:spChg chg="add mod">
          <ac:chgData name="Daly Donnacha HSLU I" userId="0f22e960-400a-43ff-baeb-4828c8f5cd3a" providerId="ADAL" clId="{55F1696D-224E-654D-8EE7-4CBBA757AA04}" dt="2021-03-26T11:40:23.235" v="12111" actId="1035"/>
          <ac:spMkLst>
            <pc:docMk/>
            <pc:sldMk cId="1038866537" sldId="586"/>
            <ac:spMk id="56" creationId="{354CCF5A-4341-B44E-B173-4CE622F788E4}"/>
          </ac:spMkLst>
        </pc:spChg>
        <pc:spChg chg="add mod">
          <ac:chgData name="Daly Donnacha HSLU I" userId="0f22e960-400a-43ff-baeb-4828c8f5cd3a" providerId="ADAL" clId="{55F1696D-224E-654D-8EE7-4CBBA757AA04}" dt="2021-03-26T11:40:23.235" v="12111" actId="1035"/>
          <ac:spMkLst>
            <pc:docMk/>
            <pc:sldMk cId="1038866537" sldId="586"/>
            <ac:spMk id="57" creationId="{A7CC9E8C-C067-174D-990F-F3A95D772665}"/>
          </ac:spMkLst>
        </pc:spChg>
        <pc:spChg chg="add mod">
          <ac:chgData name="Daly Donnacha HSLU I" userId="0f22e960-400a-43ff-baeb-4828c8f5cd3a" providerId="ADAL" clId="{55F1696D-224E-654D-8EE7-4CBBA757AA04}" dt="2021-03-26T11:40:23.235" v="12111" actId="1035"/>
          <ac:spMkLst>
            <pc:docMk/>
            <pc:sldMk cId="1038866537" sldId="586"/>
            <ac:spMk id="58" creationId="{A739FD84-946E-5046-911B-CB56F1A6AB38}"/>
          </ac:spMkLst>
        </pc:spChg>
        <pc:spChg chg="add mod">
          <ac:chgData name="Daly Donnacha HSLU I" userId="0f22e960-400a-43ff-baeb-4828c8f5cd3a" providerId="ADAL" clId="{55F1696D-224E-654D-8EE7-4CBBA757AA04}" dt="2021-03-26T11:40:23.235" v="12111" actId="1035"/>
          <ac:spMkLst>
            <pc:docMk/>
            <pc:sldMk cId="1038866537" sldId="586"/>
            <ac:spMk id="59" creationId="{EBE41ED2-70B9-174F-931D-6B1C2AAE4EC3}"/>
          </ac:spMkLst>
        </pc:spChg>
        <pc:spChg chg="add mod">
          <ac:chgData name="Daly Donnacha HSLU I" userId="0f22e960-400a-43ff-baeb-4828c8f5cd3a" providerId="ADAL" clId="{55F1696D-224E-654D-8EE7-4CBBA757AA04}" dt="2021-03-26T11:40:23.235" v="12111" actId="1035"/>
          <ac:spMkLst>
            <pc:docMk/>
            <pc:sldMk cId="1038866537" sldId="586"/>
            <ac:spMk id="60" creationId="{FFEA7A9A-7416-8C4C-AD2B-AF0A010A6A0D}"/>
          </ac:spMkLst>
        </pc:spChg>
        <pc:spChg chg="add mod">
          <ac:chgData name="Daly Donnacha HSLU I" userId="0f22e960-400a-43ff-baeb-4828c8f5cd3a" providerId="ADAL" clId="{55F1696D-224E-654D-8EE7-4CBBA757AA04}" dt="2021-03-26T11:40:23.235" v="12111" actId="1035"/>
          <ac:spMkLst>
            <pc:docMk/>
            <pc:sldMk cId="1038866537" sldId="586"/>
            <ac:spMk id="61" creationId="{9BA8C0C2-6AD7-0E46-AFF0-96253FD51CC5}"/>
          </ac:spMkLst>
        </pc:spChg>
        <pc:spChg chg="add mod">
          <ac:chgData name="Daly Donnacha HSLU I" userId="0f22e960-400a-43ff-baeb-4828c8f5cd3a" providerId="ADAL" clId="{55F1696D-224E-654D-8EE7-4CBBA757AA04}" dt="2021-03-26T11:40:23.235" v="12111" actId="1035"/>
          <ac:spMkLst>
            <pc:docMk/>
            <pc:sldMk cId="1038866537" sldId="586"/>
            <ac:spMk id="62" creationId="{B81784F6-93DC-694A-812C-419A5DC54DBE}"/>
          </ac:spMkLst>
        </pc:spChg>
        <pc:spChg chg="add mod">
          <ac:chgData name="Daly Donnacha HSLU I" userId="0f22e960-400a-43ff-baeb-4828c8f5cd3a" providerId="ADAL" clId="{55F1696D-224E-654D-8EE7-4CBBA757AA04}" dt="2021-03-26T11:40:23.235" v="12111" actId="1035"/>
          <ac:spMkLst>
            <pc:docMk/>
            <pc:sldMk cId="1038866537" sldId="586"/>
            <ac:spMk id="63" creationId="{ED8A1475-E190-D84A-947A-A92CAEEAEC72}"/>
          </ac:spMkLst>
        </pc:spChg>
        <pc:spChg chg="add mod">
          <ac:chgData name="Daly Donnacha HSLU I" userId="0f22e960-400a-43ff-baeb-4828c8f5cd3a" providerId="ADAL" clId="{55F1696D-224E-654D-8EE7-4CBBA757AA04}" dt="2021-03-26T11:40:23.235" v="12111" actId="1035"/>
          <ac:spMkLst>
            <pc:docMk/>
            <pc:sldMk cId="1038866537" sldId="586"/>
            <ac:spMk id="64" creationId="{24AE8EB1-7D4D-3E43-A28D-50120DE50EB8}"/>
          </ac:spMkLst>
        </pc:spChg>
        <pc:spChg chg="add mod">
          <ac:chgData name="Daly Donnacha HSLU I" userId="0f22e960-400a-43ff-baeb-4828c8f5cd3a" providerId="ADAL" clId="{55F1696D-224E-654D-8EE7-4CBBA757AA04}" dt="2021-03-26T11:40:23.235" v="12111" actId="1035"/>
          <ac:spMkLst>
            <pc:docMk/>
            <pc:sldMk cId="1038866537" sldId="586"/>
            <ac:spMk id="65" creationId="{6D977582-D4A4-644B-9040-38E0AB0F3BBE}"/>
          </ac:spMkLst>
        </pc:spChg>
        <pc:spChg chg="add mod">
          <ac:chgData name="Daly Donnacha HSLU I" userId="0f22e960-400a-43ff-baeb-4828c8f5cd3a" providerId="ADAL" clId="{55F1696D-224E-654D-8EE7-4CBBA757AA04}" dt="2021-03-26T11:40:23.235" v="12111" actId="1035"/>
          <ac:spMkLst>
            <pc:docMk/>
            <pc:sldMk cId="1038866537" sldId="586"/>
            <ac:spMk id="66" creationId="{0457259F-24B3-9049-89CE-6ADFF5B97DCB}"/>
          </ac:spMkLst>
        </pc:spChg>
        <pc:spChg chg="add mod">
          <ac:chgData name="Daly Donnacha HSLU I" userId="0f22e960-400a-43ff-baeb-4828c8f5cd3a" providerId="ADAL" clId="{55F1696D-224E-654D-8EE7-4CBBA757AA04}" dt="2021-03-26T11:40:23.235" v="12111" actId="1035"/>
          <ac:spMkLst>
            <pc:docMk/>
            <pc:sldMk cId="1038866537" sldId="586"/>
            <ac:spMk id="67" creationId="{5D67BE37-A7B1-2640-82F2-B3B30D05F605}"/>
          </ac:spMkLst>
        </pc:spChg>
        <pc:spChg chg="add mod">
          <ac:chgData name="Daly Donnacha HSLU I" userId="0f22e960-400a-43ff-baeb-4828c8f5cd3a" providerId="ADAL" clId="{55F1696D-224E-654D-8EE7-4CBBA757AA04}" dt="2021-03-26T11:40:23.235" v="12111" actId="1035"/>
          <ac:spMkLst>
            <pc:docMk/>
            <pc:sldMk cId="1038866537" sldId="586"/>
            <ac:spMk id="68" creationId="{9A718059-2D50-B145-80AA-825BEC7AF2F1}"/>
          </ac:spMkLst>
        </pc:spChg>
        <pc:spChg chg="add mod">
          <ac:chgData name="Daly Donnacha HSLU I" userId="0f22e960-400a-43ff-baeb-4828c8f5cd3a" providerId="ADAL" clId="{55F1696D-224E-654D-8EE7-4CBBA757AA04}" dt="2021-03-26T11:40:23.235" v="12111" actId="1035"/>
          <ac:spMkLst>
            <pc:docMk/>
            <pc:sldMk cId="1038866537" sldId="586"/>
            <ac:spMk id="69" creationId="{F1DF2766-9634-6D4F-BE7B-5DFAAB304D69}"/>
          </ac:spMkLst>
        </pc:spChg>
        <pc:spChg chg="add mod">
          <ac:chgData name="Daly Donnacha HSLU I" userId="0f22e960-400a-43ff-baeb-4828c8f5cd3a" providerId="ADAL" clId="{55F1696D-224E-654D-8EE7-4CBBA757AA04}" dt="2021-03-26T11:40:23.235" v="12111" actId="1035"/>
          <ac:spMkLst>
            <pc:docMk/>
            <pc:sldMk cId="1038866537" sldId="586"/>
            <ac:spMk id="70" creationId="{2D6BF67F-D56E-F644-8E48-9F12BFFA43DE}"/>
          </ac:spMkLst>
        </pc:spChg>
        <pc:spChg chg="add mod">
          <ac:chgData name="Daly Donnacha HSLU I" userId="0f22e960-400a-43ff-baeb-4828c8f5cd3a" providerId="ADAL" clId="{55F1696D-224E-654D-8EE7-4CBBA757AA04}" dt="2021-03-26T11:40:23.235" v="12111" actId="1035"/>
          <ac:spMkLst>
            <pc:docMk/>
            <pc:sldMk cId="1038866537" sldId="586"/>
            <ac:spMk id="71" creationId="{7AC43564-41DA-554E-8CD3-8B734EAF350D}"/>
          </ac:spMkLst>
        </pc:spChg>
        <pc:spChg chg="add mod">
          <ac:chgData name="Daly Donnacha HSLU I" userId="0f22e960-400a-43ff-baeb-4828c8f5cd3a" providerId="ADAL" clId="{55F1696D-224E-654D-8EE7-4CBBA757AA04}" dt="2021-03-26T11:40:23.235" v="12111" actId="1035"/>
          <ac:spMkLst>
            <pc:docMk/>
            <pc:sldMk cId="1038866537" sldId="586"/>
            <ac:spMk id="72" creationId="{EE546003-FE2A-2640-9E1E-601EA54213E0}"/>
          </ac:spMkLst>
        </pc:spChg>
        <pc:spChg chg="add mod">
          <ac:chgData name="Daly Donnacha HSLU I" userId="0f22e960-400a-43ff-baeb-4828c8f5cd3a" providerId="ADAL" clId="{55F1696D-224E-654D-8EE7-4CBBA757AA04}" dt="2021-03-26T11:40:23.235" v="12111" actId="1035"/>
          <ac:spMkLst>
            <pc:docMk/>
            <pc:sldMk cId="1038866537" sldId="586"/>
            <ac:spMk id="73" creationId="{2A4AB489-9D6A-2C44-8E09-4926B7AC52B3}"/>
          </ac:spMkLst>
        </pc:spChg>
        <pc:spChg chg="add mod">
          <ac:chgData name="Daly Donnacha HSLU I" userId="0f22e960-400a-43ff-baeb-4828c8f5cd3a" providerId="ADAL" clId="{55F1696D-224E-654D-8EE7-4CBBA757AA04}" dt="2021-03-26T11:40:23.235" v="12111" actId="1035"/>
          <ac:spMkLst>
            <pc:docMk/>
            <pc:sldMk cId="1038866537" sldId="586"/>
            <ac:spMk id="74" creationId="{00FFABE8-1180-944C-B25F-CAE0444A5B88}"/>
          </ac:spMkLst>
        </pc:spChg>
        <pc:spChg chg="add mod">
          <ac:chgData name="Daly Donnacha HSLU I" userId="0f22e960-400a-43ff-baeb-4828c8f5cd3a" providerId="ADAL" clId="{55F1696D-224E-654D-8EE7-4CBBA757AA04}" dt="2021-03-26T11:40:23.235" v="12111" actId="1035"/>
          <ac:spMkLst>
            <pc:docMk/>
            <pc:sldMk cId="1038866537" sldId="586"/>
            <ac:spMk id="75" creationId="{63FDEC1C-0E4A-5843-B813-2D8F4CBC329E}"/>
          </ac:spMkLst>
        </pc:spChg>
        <pc:spChg chg="add mod">
          <ac:chgData name="Daly Donnacha HSLU I" userId="0f22e960-400a-43ff-baeb-4828c8f5cd3a" providerId="ADAL" clId="{55F1696D-224E-654D-8EE7-4CBBA757AA04}" dt="2021-03-26T11:40:23.235" v="12111" actId="1035"/>
          <ac:spMkLst>
            <pc:docMk/>
            <pc:sldMk cId="1038866537" sldId="586"/>
            <ac:spMk id="76" creationId="{37A0883E-9DF8-4C41-A215-41DB4EEE7386}"/>
          </ac:spMkLst>
        </pc:spChg>
        <pc:spChg chg="add mod">
          <ac:chgData name="Daly Donnacha HSLU I" userId="0f22e960-400a-43ff-baeb-4828c8f5cd3a" providerId="ADAL" clId="{55F1696D-224E-654D-8EE7-4CBBA757AA04}" dt="2021-03-26T11:40:23.235" v="12111" actId="1035"/>
          <ac:spMkLst>
            <pc:docMk/>
            <pc:sldMk cId="1038866537" sldId="586"/>
            <ac:spMk id="77" creationId="{9B34B3D8-844C-7B48-8338-2A8EC638034A}"/>
          </ac:spMkLst>
        </pc:spChg>
        <pc:spChg chg="add mod">
          <ac:chgData name="Daly Donnacha HSLU I" userId="0f22e960-400a-43ff-baeb-4828c8f5cd3a" providerId="ADAL" clId="{55F1696D-224E-654D-8EE7-4CBBA757AA04}" dt="2021-03-26T11:40:23.235" v="12111" actId="1035"/>
          <ac:spMkLst>
            <pc:docMk/>
            <pc:sldMk cId="1038866537" sldId="586"/>
            <ac:spMk id="78" creationId="{65538E8E-BCC7-2E49-9F51-2FC75D93365D}"/>
          </ac:spMkLst>
        </pc:spChg>
        <pc:spChg chg="add mod">
          <ac:chgData name="Daly Donnacha HSLU I" userId="0f22e960-400a-43ff-baeb-4828c8f5cd3a" providerId="ADAL" clId="{55F1696D-224E-654D-8EE7-4CBBA757AA04}" dt="2021-03-26T11:40:23.235" v="12111" actId="1035"/>
          <ac:spMkLst>
            <pc:docMk/>
            <pc:sldMk cId="1038866537" sldId="586"/>
            <ac:spMk id="79" creationId="{554A86C0-2ECE-C246-B2D5-36FE3796060E}"/>
          </ac:spMkLst>
        </pc:spChg>
        <pc:spChg chg="add mod">
          <ac:chgData name="Daly Donnacha HSLU I" userId="0f22e960-400a-43ff-baeb-4828c8f5cd3a" providerId="ADAL" clId="{55F1696D-224E-654D-8EE7-4CBBA757AA04}" dt="2021-03-26T11:40:23.235" v="12111" actId="1035"/>
          <ac:spMkLst>
            <pc:docMk/>
            <pc:sldMk cId="1038866537" sldId="586"/>
            <ac:spMk id="80" creationId="{525F32D2-0763-3640-B089-FF9CE19A85CE}"/>
          </ac:spMkLst>
        </pc:spChg>
        <pc:spChg chg="add mod">
          <ac:chgData name="Daly Donnacha HSLU I" userId="0f22e960-400a-43ff-baeb-4828c8f5cd3a" providerId="ADAL" clId="{55F1696D-224E-654D-8EE7-4CBBA757AA04}" dt="2021-03-26T11:40:23.235" v="12111" actId="1035"/>
          <ac:spMkLst>
            <pc:docMk/>
            <pc:sldMk cId="1038866537" sldId="586"/>
            <ac:spMk id="81" creationId="{1594BF05-9520-1343-8E3B-D430EE04F609}"/>
          </ac:spMkLst>
        </pc:spChg>
        <pc:spChg chg="add mod">
          <ac:chgData name="Daly Donnacha HSLU I" userId="0f22e960-400a-43ff-baeb-4828c8f5cd3a" providerId="ADAL" clId="{55F1696D-224E-654D-8EE7-4CBBA757AA04}" dt="2021-03-26T11:40:23.235" v="12111" actId="1035"/>
          <ac:spMkLst>
            <pc:docMk/>
            <pc:sldMk cId="1038866537" sldId="586"/>
            <ac:spMk id="82" creationId="{C88B1D43-E0CB-7649-9130-9041844D9DB9}"/>
          </ac:spMkLst>
        </pc:spChg>
        <pc:spChg chg="add mod">
          <ac:chgData name="Daly Donnacha HSLU I" userId="0f22e960-400a-43ff-baeb-4828c8f5cd3a" providerId="ADAL" clId="{55F1696D-224E-654D-8EE7-4CBBA757AA04}" dt="2021-03-26T11:40:23.235" v="12111" actId="1035"/>
          <ac:spMkLst>
            <pc:docMk/>
            <pc:sldMk cId="1038866537" sldId="586"/>
            <ac:spMk id="83" creationId="{E7E16FCE-A814-814E-B323-B08B44BC57F0}"/>
          </ac:spMkLst>
        </pc:spChg>
        <pc:spChg chg="add mod">
          <ac:chgData name="Daly Donnacha HSLU I" userId="0f22e960-400a-43ff-baeb-4828c8f5cd3a" providerId="ADAL" clId="{55F1696D-224E-654D-8EE7-4CBBA757AA04}" dt="2021-03-26T11:40:23.235" v="12111" actId="1035"/>
          <ac:spMkLst>
            <pc:docMk/>
            <pc:sldMk cId="1038866537" sldId="586"/>
            <ac:spMk id="84" creationId="{734895C7-695F-7546-85AF-F025F2D2F3DE}"/>
          </ac:spMkLst>
        </pc:spChg>
        <pc:spChg chg="add mod">
          <ac:chgData name="Daly Donnacha HSLU I" userId="0f22e960-400a-43ff-baeb-4828c8f5cd3a" providerId="ADAL" clId="{55F1696D-224E-654D-8EE7-4CBBA757AA04}" dt="2021-03-26T11:40:23.235" v="12111" actId="1035"/>
          <ac:spMkLst>
            <pc:docMk/>
            <pc:sldMk cId="1038866537" sldId="586"/>
            <ac:spMk id="85" creationId="{B5C9F5F6-C220-9E4A-AC87-66DAC7E2947D}"/>
          </ac:spMkLst>
        </pc:spChg>
        <pc:spChg chg="add mod">
          <ac:chgData name="Daly Donnacha HSLU I" userId="0f22e960-400a-43ff-baeb-4828c8f5cd3a" providerId="ADAL" clId="{55F1696D-224E-654D-8EE7-4CBBA757AA04}" dt="2021-03-26T11:40:23.235" v="12111" actId="1035"/>
          <ac:spMkLst>
            <pc:docMk/>
            <pc:sldMk cId="1038866537" sldId="586"/>
            <ac:spMk id="86" creationId="{AF08ACC3-3394-6140-A751-80741A2455A9}"/>
          </ac:spMkLst>
        </pc:spChg>
        <pc:spChg chg="add mod">
          <ac:chgData name="Daly Donnacha HSLU I" userId="0f22e960-400a-43ff-baeb-4828c8f5cd3a" providerId="ADAL" clId="{55F1696D-224E-654D-8EE7-4CBBA757AA04}" dt="2021-03-26T11:37:39.274" v="12074" actId="113"/>
          <ac:spMkLst>
            <pc:docMk/>
            <pc:sldMk cId="1038866537" sldId="586"/>
            <ac:spMk id="87" creationId="{D8A37E18-FCFB-B741-BB6C-DBCC77366AF0}"/>
          </ac:spMkLst>
        </pc:spChg>
        <pc:spChg chg="add del mod">
          <ac:chgData name="Daly Donnacha HSLU I" userId="0f22e960-400a-43ff-baeb-4828c8f5cd3a" providerId="ADAL" clId="{55F1696D-224E-654D-8EE7-4CBBA757AA04}" dt="2021-03-26T11:38:22.405" v="12075" actId="478"/>
          <ac:spMkLst>
            <pc:docMk/>
            <pc:sldMk cId="1038866537" sldId="586"/>
            <ac:spMk id="88" creationId="{4FEF7545-5A26-0D46-A099-9BCFDE4E7BA1}"/>
          </ac:spMkLst>
        </pc:spChg>
        <pc:spChg chg="add mod">
          <ac:chgData name="Daly Donnacha HSLU I" userId="0f22e960-400a-43ff-baeb-4828c8f5cd3a" providerId="ADAL" clId="{55F1696D-224E-654D-8EE7-4CBBA757AA04}" dt="2021-03-26T11:40:00.475" v="12099" actId="1076"/>
          <ac:spMkLst>
            <pc:docMk/>
            <pc:sldMk cId="1038866537" sldId="586"/>
            <ac:spMk id="89" creationId="{63EB84A0-8D0D-6848-A762-447BBAAC1756}"/>
          </ac:spMkLst>
        </pc:spChg>
        <pc:picChg chg="del">
          <ac:chgData name="Daly Donnacha HSLU I" userId="0f22e960-400a-43ff-baeb-4828c8f5cd3a" providerId="ADAL" clId="{55F1696D-224E-654D-8EE7-4CBBA757AA04}" dt="2021-03-26T11:34:06.748" v="12006" actId="478"/>
          <ac:picMkLst>
            <pc:docMk/>
            <pc:sldMk cId="1038866537" sldId="586"/>
            <ac:picMk id="7" creationId="{1B9A2796-4AFB-3C45-8FEC-90C6E401F75D}"/>
          </ac:picMkLst>
        </pc:picChg>
        <pc:picChg chg="del">
          <ac:chgData name="Daly Donnacha HSLU I" userId="0f22e960-400a-43ff-baeb-4828c8f5cd3a" providerId="ADAL" clId="{55F1696D-224E-654D-8EE7-4CBBA757AA04}" dt="2021-03-26T11:34:06.748" v="12006" actId="478"/>
          <ac:picMkLst>
            <pc:docMk/>
            <pc:sldMk cId="1038866537" sldId="586"/>
            <ac:picMk id="9" creationId="{5D255256-BFB9-AC4F-806E-0FB5F8460030}"/>
          </ac:picMkLst>
        </pc:picChg>
        <pc:picChg chg="add mod">
          <ac:chgData name="Daly Donnacha HSLU I" userId="0f22e960-400a-43ff-baeb-4828c8f5cd3a" providerId="ADAL" clId="{55F1696D-224E-654D-8EE7-4CBBA757AA04}" dt="2021-03-26T11:40:07.329" v="12102" actId="1076"/>
          <ac:picMkLst>
            <pc:docMk/>
            <pc:sldMk cId="1038866537" sldId="586"/>
            <ac:picMk id="90" creationId="{5C6ACE38-12E1-C046-B05D-797906BA57CF}"/>
          </ac:picMkLst>
        </pc:picChg>
        <pc:cxnChg chg="add mod">
          <ac:chgData name="Daly Donnacha HSLU I" userId="0f22e960-400a-43ff-baeb-4828c8f5cd3a" providerId="ADAL" clId="{55F1696D-224E-654D-8EE7-4CBBA757AA04}" dt="2021-03-26T11:40:23.235" v="12111" actId="1035"/>
          <ac:cxnSpMkLst>
            <pc:docMk/>
            <pc:sldMk cId="1038866537" sldId="586"/>
            <ac:cxnSpMk id="12" creationId="{BAD6527B-6706-AA4B-A56B-FDAA8940577A}"/>
          </ac:cxnSpMkLst>
        </pc:cxnChg>
        <pc:cxnChg chg="add mod">
          <ac:chgData name="Daly Donnacha HSLU I" userId="0f22e960-400a-43ff-baeb-4828c8f5cd3a" providerId="ADAL" clId="{55F1696D-224E-654D-8EE7-4CBBA757AA04}" dt="2021-03-26T11:40:23.235" v="12111" actId="1035"/>
          <ac:cxnSpMkLst>
            <pc:docMk/>
            <pc:sldMk cId="1038866537" sldId="586"/>
            <ac:cxnSpMk id="13" creationId="{642B428C-C8D0-1F4E-A4C7-D7D489A049D4}"/>
          </ac:cxnSpMkLst>
        </pc:cxnChg>
      </pc:sldChg>
    </pc:docChg>
  </pc:docChgLst>
  <pc:docChgLst>
    <pc:chgData name="Daly Donnacha HSLU I" userId="0f22e960-400a-43ff-baeb-4828c8f5cd3a" providerId="ADAL" clId="{05CE4DDE-DB1A-5747-80AD-88685366E98D}"/>
    <pc:docChg chg="undo custSel addSld delSld modSld sldOrd modMainMaster">
      <pc:chgData name="Daly Donnacha HSLU I" userId="0f22e960-400a-43ff-baeb-4828c8f5cd3a" providerId="ADAL" clId="{05CE4DDE-DB1A-5747-80AD-88685366E98D}" dt="2022-05-20T05:31:28.357" v="532" actId="14100"/>
      <pc:docMkLst>
        <pc:docMk/>
      </pc:docMkLst>
      <pc:sldChg chg="modSp mod">
        <pc:chgData name="Daly Donnacha HSLU I" userId="0f22e960-400a-43ff-baeb-4828c8f5cd3a" providerId="ADAL" clId="{05CE4DDE-DB1A-5747-80AD-88685366E98D}" dt="2022-05-19T06:06:23.179" v="1" actId="20577"/>
        <pc:sldMkLst>
          <pc:docMk/>
          <pc:sldMk cId="0" sldId="256"/>
        </pc:sldMkLst>
        <pc:spChg chg="mod">
          <ac:chgData name="Daly Donnacha HSLU I" userId="0f22e960-400a-43ff-baeb-4828c8f5cd3a" providerId="ADAL" clId="{05CE4DDE-DB1A-5747-80AD-88685366E98D}" dt="2022-05-19T06:06:23.179" v="1" actId="20577"/>
          <ac:spMkLst>
            <pc:docMk/>
            <pc:sldMk cId="0" sldId="256"/>
            <ac:spMk id="3075" creationId="{00000000-0000-0000-0000-000000000000}"/>
          </ac:spMkLst>
        </pc:spChg>
      </pc:sldChg>
      <pc:sldChg chg="modSp mod">
        <pc:chgData name="Daly Donnacha HSLU I" userId="0f22e960-400a-43ff-baeb-4828c8f5cd3a" providerId="ADAL" clId="{05CE4DDE-DB1A-5747-80AD-88685366E98D}" dt="2022-05-20T05:31:28.357" v="532" actId="14100"/>
        <pc:sldMkLst>
          <pc:docMk/>
          <pc:sldMk cId="2069180595" sldId="293"/>
        </pc:sldMkLst>
        <pc:spChg chg="mod">
          <ac:chgData name="Daly Donnacha HSLU I" userId="0f22e960-400a-43ff-baeb-4828c8f5cd3a" providerId="ADAL" clId="{05CE4DDE-DB1A-5747-80AD-88685366E98D}" dt="2022-05-20T05:31:28.357" v="532" actId="14100"/>
          <ac:spMkLst>
            <pc:docMk/>
            <pc:sldMk cId="2069180595" sldId="293"/>
            <ac:spMk id="3" creationId="{467FD137-D614-244E-8791-A57327C0A38D}"/>
          </ac:spMkLst>
        </pc:spChg>
      </pc:sldChg>
      <pc:sldChg chg="addSp delSp modSp mod">
        <pc:chgData name="Daly Donnacha HSLU I" userId="0f22e960-400a-43ff-baeb-4828c8f5cd3a" providerId="ADAL" clId="{05CE4DDE-DB1A-5747-80AD-88685366E98D}" dt="2022-05-19T06:41:18.108" v="80" actId="478"/>
        <pc:sldMkLst>
          <pc:docMk/>
          <pc:sldMk cId="1191410536" sldId="298"/>
        </pc:sldMkLst>
        <pc:spChg chg="del mod">
          <ac:chgData name="Daly Donnacha HSLU I" userId="0f22e960-400a-43ff-baeb-4828c8f5cd3a" providerId="ADAL" clId="{05CE4DDE-DB1A-5747-80AD-88685366E98D}" dt="2022-05-19T06:41:18.108" v="80" actId="478"/>
          <ac:spMkLst>
            <pc:docMk/>
            <pc:sldMk cId="1191410536" sldId="298"/>
            <ac:spMk id="3" creationId="{665A5F0D-BDAB-A349-859B-51F61504AC9C}"/>
          </ac:spMkLst>
        </pc:spChg>
        <pc:spChg chg="mod">
          <ac:chgData name="Daly Donnacha HSLU I" userId="0f22e960-400a-43ff-baeb-4828c8f5cd3a" providerId="ADAL" clId="{05CE4DDE-DB1A-5747-80AD-88685366E98D}" dt="2022-05-19T06:40:37.729" v="77" actId="1076"/>
          <ac:spMkLst>
            <pc:docMk/>
            <pc:sldMk cId="1191410536" sldId="298"/>
            <ac:spMk id="6" creationId="{F0550A49-5C1E-CF4F-AB84-94B0D317CD82}"/>
          </ac:spMkLst>
        </pc:spChg>
        <pc:picChg chg="add mod">
          <ac:chgData name="Daly Donnacha HSLU I" userId="0f22e960-400a-43ff-baeb-4828c8f5cd3a" providerId="ADAL" clId="{05CE4DDE-DB1A-5747-80AD-88685366E98D}" dt="2022-05-19T06:40:40.350" v="78" actId="14100"/>
          <ac:picMkLst>
            <pc:docMk/>
            <pc:sldMk cId="1191410536" sldId="298"/>
            <ac:picMk id="4" creationId="{A8F8122E-8336-64CE-3CCE-8832B78B7F95}"/>
          </ac:picMkLst>
        </pc:picChg>
        <pc:picChg chg="del">
          <ac:chgData name="Daly Donnacha HSLU I" userId="0f22e960-400a-43ff-baeb-4828c8f5cd3a" providerId="ADAL" clId="{05CE4DDE-DB1A-5747-80AD-88685366E98D}" dt="2022-05-19T06:40:12.771" v="70" actId="478"/>
          <ac:picMkLst>
            <pc:docMk/>
            <pc:sldMk cId="1191410536" sldId="298"/>
            <ac:picMk id="8194" creationId="{C82C6046-EBE6-4E4D-A7DC-6582A44C8336}"/>
          </ac:picMkLst>
        </pc:picChg>
      </pc:sldChg>
      <pc:sldChg chg="addSp modSp mod">
        <pc:chgData name="Daly Donnacha HSLU I" userId="0f22e960-400a-43ff-baeb-4828c8f5cd3a" providerId="ADAL" clId="{05CE4DDE-DB1A-5747-80AD-88685366E98D}" dt="2022-05-19T06:09:33.670" v="5" actId="2085"/>
        <pc:sldMkLst>
          <pc:docMk/>
          <pc:sldMk cId="3131627869" sldId="346"/>
        </pc:sldMkLst>
        <pc:spChg chg="add mod">
          <ac:chgData name="Daly Donnacha HSLU I" userId="0f22e960-400a-43ff-baeb-4828c8f5cd3a" providerId="ADAL" clId="{05CE4DDE-DB1A-5747-80AD-88685366E98D}" dt="2022-05-19T06:09:33.670" v="5" actId="2085"/>
          <ac:spMkLst>
            <pc:docMk/>
            <pc:sldMk cId="3131627869" sldId="346"/>
            <ac:spMk id="5" creationId="{00CA3C54-1FBF-8074-4EAE-CDB093E7ABAA}"/>
          </ac:spMkLst>
        </pc:spChg>
      </pc:sldChg>
      <pc:sldChg chg="del">
        <pc:chgData name="Daly Donnacha HSLU I" userId="0f22e960-400a-43ff-baeb-4828c8f5cd3a" providerId="ADAL" clId="{05CE4DDE-DB1A-5747-80AD-88685366E98D}" dt="2022-05-19T06:15:55.186" v="69" actId="2696"/>
        <pc:sldMkLst>
          <pc:docMk/>
          <pc:sldMk cId="932176936" sldId="349"/>
        </pc:sldMkLst>
      </pc:sldChg>
      <pc:sldChg chg="del">
        <pc:chgData name="Daly Donnacha HSLU I" userId="0f22e960-400a-43ff-baeb-4828c8f5cd3a" providerId="ADAL" clId="{05CE4DDE-DB1A-5747-80AD-88685366E98D}" dt="2022-05-19T06:47:03.971" v="98" actId="2696"/>
        <pc:sldMkLst>
          <pc:docMk/>
          <pc:sldMk cId="3124936421" sldId="351"/>
        </pc:sldMkLst>
      </pc:sldChg>
      <pc:sldChg chg="del">
        <pc:chgData name="Daly Donnacha HSLU I" userId="0f22e960-400a-43ff-baeb-4828c8f5cd3a" providerId="ADAL" clId="{05CE4DDE-DB1A-5747-80AD-88685366E98D}" dt="2022-05-19T06:47:03.617" v="97" actId="2696"/>
        <pc:sldMkLst>
          <pc:docMk/>
          <pc:sldMk cId="1254328164" sldId="353"/>
        </pc:sldMkLst>
      </pc:sldChg>
      <pc:sldChg chg="del">
        <pc:chgData name="Daly Donnacha HSLU I" userId="0f22e960-400a-43ff-baeb-4828c8f5cd3a" providerId="ADAL" clId="{05CE4DDE-DB1A-5747-80AD-88685366E98D}" dt="2022-05-19T06:47:02.855" v="95" actId="2696"/>
        <pc:sldMkLst>
          <pc:docMk/>
          <pc:sldMk cId="672894107" sldId="355"/>
        </pc:sldMkLst>
      </pc:sldChg>
      <pc:sldChg chg="del">
        <pc:chgData name="Daly Donnacha HSLU I" userId="0f22e960-400a-43ff-baeb-4828c8f5cd3a" providerId="ADAL" clId="{05CE4DDE-DB1A-5747-80AD-88685366E98D}" dt="2022-05-19T06:47:03.264" v="96" actId="2696"/>
        <pc:sldMkLst>
          <pc:docMk/>
          <pc:sldMk cId="1966182517" sldId="358"/>
        </pc:sldMkLst>
      </pc:sldChg>
      <pc:sldChg chg="del">
        <pc:chgData name="Daly Donnacha HSLU I" userId="0f22e960-400a-43ff-baeb-4828c8f5cd3a" providerId="ADAL" clId="{05CE4DDE-DB1A-5747-80AD-88685366E98D}" dt="2022-05-19T06:47:04.931" v="100" actId="2696"/>
        <pc:sldMkLst>
          <pc:docMk/>
          <pc:sldMk cId="2305926195" sldId="366"/>
        </pc:sldMkLst>
      </pc:sldChg>
      <pc:sldChg chg="del">
        <pc:chgData name="Daly Donnacha HSLU I" userId="0f22e960-400a-43ff-baeb-4828c8f5cd3a" providerId="ADAL" clId="{05CE4DDE-DB1A-5747-80AD-88685366E98D}" dt="2022-05-19T06:47:04.595" v="99" actId="2696"/>
        <pc:sldMkLst>
          <pc:docMk/>
          <pc:sldMk cId="167387305" sldId="368"/>
        </pc:sldMkLst>
      </pc:sldChg>
      <pc:sldChg chg="del">
        <pc:chgData name="Daly Donnacha HSLU I" userId="0f22e960-400a-43ff-baeb-4828c8f5cd3a" providerId="ADAL" clId="{05CE4DDE-DB1A-5747-80AD-88685366E98D}" dt="2022-05-19T06:46:55.782" v="94" actId="2696"/>
        <pc:sldMkLst>
          <pc:docMk/>
          <pc:sldMk cId="3410524800" sldId="371"/>
        </pc:sldMkLst>
      </pc:sldChg>
      <pc:sldChg chg="del">
        <pc:chgData name="Daly Donnacha HSLU I" userId="0f22e960-400a-43ff-baeb-4828c8f5cd3a" providerId="ADAL" clId="{05CE4DDE-DB1A-5747-80AD-88685366E98D}" dt="2022-05-19T06:47:05.263" v="101" actId="2696"/>
        <pc:sldMkLst>
          <pc:docMk/>
          <pc:sldMk cId="2227612139" sldId="373"/>
        </pc:sldMkLst>
      </pc:sldChg>
      <pc:sldChg chg="addSp modSp new mod">
        <pc:chgData name="Daly Donnacha HSLU I" userId="0f22e960-400a-43ff-baeb-4828c8f5cd3a" providerId="ADAL" clId="{05CE4DDE-DB1A-5747-80AD-88685366E98D}" dt="2022-05-19T06:42:47.952" v="83" actId="20577"/>
        <pc:sldMkLst>
          <pc:docMk/>
          <pc:sldMk cId="2136324049" sldId="375"/>
        </pc:sldMkLst>
        <pc:spChg chg="mod">
          <ac:chgData name="Daly Donnacha HSLU I" userId="0f22e960-400a-43ff-baeb-4828c8f5cd3a" providerId="ADAL" clId="{05CE4DDE-DB1A-5747-80AD-88685366E98D}" dt="2022-05-19T06:42:47.952" v="83" actId="20577"/>
          <ac:spMkLst>
            <pc:docMk/>
            <pc:sldMk cId="2136324049" sldId="375"/>
            <ac:spMk id="2" creationId="{7CCDE331-A8C0-96F6-5C93-91FB495E319D}"/>
          </ac:spMkLst>
        </pc:spChg>
        <pc:spChg chg="add mod">
          <ac:chgData name="Daly Donnacha HSLU I" userId="0f22e960-400a-43ff-baeb-4828c8f5cd3a" providerId="ADAL" clId="{05CE4DDE-DB1A-5747-80AD-88685366E98D}" dt="2022-05-19T06:15:40.285" v="68" actId="167"/>
          <ac:spMkLst>
            <pc:docMk/>
            <pc:sldMk cId="2136324049" sldId="375"/>
            <ac:spMk id="4" creationId="{8A97257D-FA13-DBE6-3980-70C507E4D426}"/>
          </ac:spMkLst>
        </pc:spChg>
        <pc:picChg chg="add mod">
          <ac:chgData name="Daly Donnacha HSLU I" userId="0f22e960-400a-43ff-baeb-4828c8f5cd3a" providerId="ADAL" clId="{05CE4DDE-DB1A-5747-80AD-88685366E98D}" dt="2022-05-19T06:15:26.432" v="64" actId="1035"/>
          <ac:picMkLst>
            <pc:docMk/>
            <pc:sldMk cId="2136324049" sldId="375"/>
            <ac:picMk id="3" creationId="{312221B2-3B54-EB06-8226-2C194FEDCE62}"/>
          </ac:picMkLst>
        </pc:picChg>
      </pc:sldChg>
      <pc:sldChg chg="addSp modSp new mod ord">
        <pc:chgData name="Daly Donnacha HSLU I" userId="0f22e960-400a-43ff-baeb-4828c8f5cd3a" providerId="ADAL" clId="{05CE4DDE-DB1A-5747-80AD-88685366E98D}" dt="2022-05-19T07:05:20.777" v="359" actId="20578"/>
        <pc:sldMkLst>
          <pc:docMk/>
          <pc:sldMk cId="1259845864" sldId="376"/>
        </pc:sldMkLst>
        <pc:spChg chg="mod">
          <ac:chgData name="Daly Donnacha HSLU I" userId="0f22e960-400a-43ff-baeb-4828c8f5cd3a" providerId="ADAL" clId="{05CE4DDE-DB1A-5747-80AD-88685366E98D}" dt="2022-05-19T06:52:35.915" v="165" actId="14100"/>
          <ac:spMkLst>
            <pc:docMk/>
            <pc:sldMk cId="1259845864" sldId="376"/>
            <ac:spMk id="2" creationId="{80A7F6D3-847C-B46B-9445-E2E515C0FB43}"/>
          </ac:spMkLst>
        </pc:spChg>
        <pc:spChg chg="add mod">
          <ac:chgData name="Daly Donnacha HSLU I" userId="0f22e960-400a-43ff-baeb-4828c8f5cd3a" providerId="ADAL" clId="{05CE4DDE-DB1A-5747-80AD-88685366E98D}" dt="2022-05-19T06:52:57.925" v="170" actId="20577"/>
          <ac:spMkLst>
            <pc:docMk/>
            <pc:sldMk cId="1259845864" sldId="376"/>
            <ac:spMk id="3" creationId="{B4ED4E58-1ACC-F293-EBEF-165D704A6F72}"/>
          </ac:spMkLst>
        </pc:spChg>
        <pc:picChg chg="add mod">
          <ac:chgData name="Daly Donnacha HSLU I" userId="0f22e960-400a-43ff-baeb-4828c8f5cd3a" providerId="ADAL" clId="{05CE4DDE-DB1A-5747-80AD-88685366E98D}" dt="2022-05-19T06:50:33.739" v="108" actId="1076"/>
          <ac:picMkLst>
            <pc:docMk/>
            <pc:sldMk cId="1259845864" sldId="376"/>
            <ac:picMk id="1026" creationId="{B7150EA5-170A-B6D8-89AC-03F47093CCEF}"/>
          </ac:picMkLst>
        </pc:picChg>
      </pc:sldChg>
      <pc:sldChg chg="addSp modSp new">
        <pc:chgData name="Daly Donnacha HSLU I" userId="0f22e960-400a-43ff-baeb-4828c8f5cd3a" providerId="ADAL" clId="{05CE4DDE-DB1A-5747-80AD-88685366E98D}" dt="2022-05-19T06:44:02.132" v="86"/>
        <pc:sldMkLst>
          <pc:docMk/>
          <pc:sldMk cId="307563059" sldId="377"/>
        </pc:sldMkLst>
        <pc:picChg chg="add mod">
          <ac:chgData name="Daly Donnacha HSLU I" userId="0f22e960-400a-43ff-baeb-4828c8f5cd3a" providerId="ADAL" clId="{05CE4DDE-DB1A-5747-80AD-88685366E98D}" dt="2022-05-19T06:44:02.132" v="86"/>
          <ac:picMkLst>
            <pc:docMk/>
            <pc:sldMk cId="307563059" sldId="377"/>
            <ac:picMk id="2" creationId="{67300D73-6F68-6F8D-84D5-390022B77E2D}"/>
          </ac:picMkLst>
        </pc:picChg>
        <pc:picChg chg="add mod">
          <ac:chgData name="Daly Donnacha HSLU I" userId="0f22e960-400a-43ff-baeb-4828c8f5cd3a" providerId="ADAL" clId="{05CE4DDE-DB1A-5747-80AD-88685366E98D}" dt="2022-05-19T06:44:02.132" v="86"/>
          <ac:picMkLst>
            <pc:docMk/>
            <pc:sldMk cId="307563059" sldId="377"/>
            <ac:picMk id="3" creationId="{97B2215D-25C3-6E44-437D-70C29FBB30B5}"/>
          </ac:picMkLst>
        </pc:picChg>
      </pc:sldChg>
      <pc:sldChg chg="addSp modSp new">
        <pc:chgData name="Daly Donnacha HSLU I" userId="0f22e960-400a-43ff-baeb-4828c8f5cd3a" providerId="ADAL" clId="{05CE4DDE-DB1A-5747-80AD-88685366E98D}" dt="2022-05-19T06:44:40.380" v="89"/>
        <pc:sldMkLst>
          <pc:docMk/>
          <pc:sldMk cId="223364732" sldId="378"/>
        </pc:sldMkLst>
        <pc:picChg chg="add mod">
          <ac:chgData name="Daly Donnacha HSLU I" userId="0f22e960-400a-43ff-baeb-4828c8f5cd3a" providerId="ADAL" clId="{05CE4DDE-DB1A-5747-80AD-88685366E98D}" dt="2022-05-19T06:44:40.380" v="89"/>
          <ac:picMkLst>
            <pc:docMk/>
            <pc:sldMk cId="223364732" sldId="378"/>
            <ac:picMk id="2" creationId="{27708D69-3BB6-4562-979F-872DB86B9AC6}"/>
          </ac:picMkLst>
        </pc:picChg>
        <pc:picChg chg="add mod">
          <ac:chgData name="Daly Donnacha HSLU I" userId="0f22e960-400a-43ff-baeb-4828c8f5cd3a" providerId="ADAL" clId="{05CE4DDE-DB1A-5747-80AD-88685366E98D}" dt="2022-05-19T06:44:40.380" v="89"/>
          <ac:picMkLst>
            <pc:docMk/>
            <pc:sldMk cId="223364732" sldId="378"/>
            <ac:picMk id="3" creationId="{755DEC4D-F7E7-DB5B-7633-9C4569E63543}"/>
          </ac:picMkLst>
        </pc:picChg>
      </pc:sldChg>
      <pc:sldChg chg="addSp modSp new">
        <pc:chgData name="Daly Donnacha HSLU I" userId="0f22e960-400a-43ff-baeb-4828c8f5cd3a" providerId="ADAL" clId="{05CE4DDE-DB1A-5747-80AD-88685366E98D}" dt="2022-05-19T06:45:04.708" v="90"/>
        <pc:sldMkLst>
          <pc:docMk/>
          <pc:sldMk cId="1658760466" sldId="379"/>
        </pc:sldMkLst>
        <pc:picChg chg="add mod">
          <ac:chgData name="Daly Donnacha HSLU I" userId="0f22e960-400a-43ff-baeb-4828c8f5cd3a" providerId="ADAL" clId="{05CE4DDE-DB1A-5747-80AD-88685366E98D}" dt="2022-05-19T06:45:04.708" v="90"/>
          <ac:picMkLst>
            <pc:docMk/>
            <pc:sldMk cId="1658760466" sldId="379"/>
            <ac:picMk id="2" creationId="{8FCF580E-4547-D44B-0C22-FDAAE24E260B}"/>
          </ac:picMkLst>
        </pc:picChg>
      </pc:sldChg>
      <pc:sldChg chg="addSp delSp modSp new mod ord">
        <pc:chgData name="Daly Donnacha HSLU I" userId="0f22e960-400a-43ff-baeb-4828c8f5cd3a" providerId="ADAL" clId="{05CE4DDE-DB1A-5747-80AD-88685366E98D}" dt="2022-05-19T07:29:26.296" v="529" actId="20578"/>
        <pc:sldMkLst>
          <pc:docMk/>
          <pc:sldMk cId="4098206592" sldId="380"/>
        </pc:sldMkLst>
        <pc:spChg chg="mod">
          <ac:chgData name="Daly Donnacha HSLU I" userId="0f22e960-400a-43ff-baeb-4828c8f5cd3a" providerId="ADAL" clId="{05CE4DDE-DB1A-5747-80AD-88685366E98D}" dt="2022-05-19T07:28:04.113" v="519" actId="20577"/>
          <ac:spMkLst>
            <pc:docMk/>
            <pc:sldMk cId="4098206592" sldId="380"/>
            <ac:spMk id="2" creationId="{B3333602-640C-773B-648D-BDEE51F8C3EF}"/>
          </ac:spMkLst>
        </pc:spChg>
        <pc:spChg chg="add mod">
          <ac:chgData name="Daly Donnacha HSLU I" userId="0f22e960-400a-43ff-baeb-4828c8f5cd3a" providerId="ADAL" clId="{05CE4DDE-DB1A-5747-80AD-88685366E98D}" dt="2022-05-19T07:10:13.840" v="382" actId="14100"/>
          <ac:spMkLst>
            <pc:docMk/>
            <pc:sldMk cId="4098206592" sldId="380"/>
            <ac:spMk id="4" creationId="{A4AE39FE-6F3E-305D-3987-99DB1650AC75}"/>
          </ac:spMkLst>
        </pc:spChg>
        <pc:picChg chg="add del mod">
          <ac:chgData name="Daly Donnacha HSLU I" userId="0f22e960-400a-43ff-baeb-4828c8f5cd3a" providerId="ADAL" clId="{05CE4DDE-DB1A-5747-80AD-88685366E98D}" dt="2022-05-19T07:28:36.152" v="520" actId="478"/>
          <ac:picMkLst>
            <pc:docMk/>
            <pc:sldMk cId="4098206592" sldId="380"/>
            <ac:picMk id="3" creationId="{27E9EFBA-5E5B-54FA-CD44-81F9704B7D7F}"/>
          </ac:picMkLst>
        </pc:picChg>
        <pc:picChg chg="add mod">
          <ac:chgData name="Daly Donnacha HSLU I" userId="0f22e960-400a-43ff-baeb-4828c8f5cd3a" providerId="ADAL" clId="{05CE4DDE-DB1A-5747-80AD-88685366E98D}" dt="2022-05-19T07:28:41.753" v="524" actId="1076"/>
          <ac:picMkLst>
            <pc:docMk/>
            <pc:sldMk cId="4098206592" sldId="380"/>
            <ac:picMk id="5" creationId="{FEA7048E-1593-E5D8-2446-2AE865E19428}"/>
          </ac:picMkLst>
        </pc:picChg>
        <pc:picChg chg="add mod">
          <ac:chgData name="Daly Donnacha HSLU I" userId="0f22e960-400a-43ff-baeb-4828c8f5cd3a" providerId="ADAL" clId="{05CE4DDE-DB1A-5747-80AD-88685366E98D}" dt="2022-05-19T07:29:15.090" v="528" actId="14100"/>
          <ac:picMkLst>
            <pc:docMk/>
            <pc:sldMk cId="4098206592" sldId="380"/>
            <ac:picMk id="6" creationId="{D830080B-8E5F-05AC-9E7D-80DDEAC9B8D2}"/>
          </ac:picMkLst>
        </pc:picChg>
      </pc:sldChg>
      <pc:sldChg chg="new del">
        <pc:chgData name="Daly Donnacha HSLU I" userId="0f22e960-400a-43ff-baeb-4828c8f5cd3a" providerId="ADAL" clId="{05CE4DDE-DB1A-5747-80AD-88685366E98D}" dt="2022-05-19T07:29:36.090" v="530" actId="2696"/>
        <pc:sldMkLst>
          <pc:docMk/>
          <pc:sldMk cId="2593119291" sldId="381"/>
        </pc:sldMkLst>
      </pc:sldChg>
      <pc:sldChg chg="addSp delSp modSp new mod">
        <pc:chgData name="Daly Donnacha HSLU I" userId="0f22e960-400a-43ff-baeb-4828c8f5cd3a" providerId="ADAL" clId="{05CE4DDE-DB1A-5747-80AD-88685366E98D}" dt="2022-05-19T07:01:24.234" v="296" actId="20577"/>
        <pc:sldMkLst>
          <pc:docMk/>
          <pc:sldMk cId="2586897703" sldId="382"/>
        </pc:sldMkLst>
        <pc:spChg chg="mod">
          <ac:chgData name="Daly Donnacha HSLU I" userId="0f22e960-400a-43ff-baeb-4828c8f5cd3a" providerId="ADAL" clId="{05CE4DDE-DB1A-5747-80AD-88685366E98D}" dt="2022-05-19T07:01:24.234" v="296" actId="20577"/>
          <ac:spMkLst>
            <pc:docMk/>
            <pc:sldMk cId="2586897703" sldId="382"/>
            <ac:spMk id="2" creationId="{480B7171-098D-C4ED-14D4-07C8765411C2}"/>
          </ac:spMkLst>
        </pc:spChg>
        <pc:spChg chg="add mod">
          <ac:chgData name="Daly Donnacha HSLU I" userId="0f22e960-400a-43ff-baeb-4828c8f5cd3a" providerId="ADAL" clId="{05CE4DDE-DB1A-5747-80AD-88685366E98D}" dt="2022-05-19T06:59:12.811" v="260" actId="6549"/>
          <ac:spMkLst>
            <pc:docMk/>
            <pc:sldMk cId="2586897703" sldId="382"/>
            <ac:spMk id="4" creationId="{82B62D60-632D-7D2C-B98B-E80767FEDEF4}"/>
          </ac:spMkLst>
        </pc:spChg>
        <pc:picChg chg="add del mod">
          <ac:chgData name="Daly Donnacha HSLU I" userId="0f22e960-400a-43ff-baeb-4828c8f5cd3a" providerId="ADAL" clId="{05CE4DDE-DB1A-5747-80AD-88685366E98D}" dt="2022-05-19T06:57:36.479" v="196" actId="478"/>
          <ac:picMkLst>
            <pc:docMk/>
            <pc:sldMk cId="2586897703" sldId="382"/>
            <ac:picMk id="3" creationId="{C7CD914A-1CD7-2BE4-8E31-67AB345829DE}"/>
          </ac:picMkLst>
        </pc:picChg>
        <pc:picChg chg="add mod">
          <ac:chgData name="Daly Donnacha HSLU I" userId="0f22e960-400a-43ff-baeb-4828c8f5cd3a" providerId="ADAL" clId="{05CE4DDE-DB1A-5747-80AD-88685366E98D}" dt="2022-05-19T06:57:47.770" v="202" actId="1076"/>
          <ac:picMkLst>
            <pc:docMk/>
            <pc:sldMk cId="2586897703" sldId="382"/>
            <ac:picMk id="5" creationId="{83BD41BA-9A84-8043-4843-E1907583B797}"/>
          </ac:picMkLst>
        </pc:picChg>
        <pc:picChg chg="add mod">
          <ac:chgData name="Daly Donnacha HSLU I" userId="0f22e960-400a-43ff-baeb-4828c8f5cd3a" providerId="ADAL" clId="{05CE4DDE-DB1A-5747-80AD-88685366E98D}" dt="2022-05-19T06:59:16.959" v="261" actId="14100"/>
          <ac:picMkLst>
            <pc:docMk/>
            <pc:sldMk cId="2586897703" sldId="382"/>
            <ac:picMk id="2050" creationId="{8B514606-F385-2A00-87B0-8D6F33E2D858}"/>
          </ac:picMkLst>
        </pc:picChg>
        <pc:picChg chg="add mod">
          <ac:chgData name="Daly Donnacha HSLU I" userId="0f22e960-400a-43ff-baeb-4828c8f5cd3a" providerId="ADAL" clId="{05CE4DDE-DB1A-5747-80AD-88685366E98D}" dt="2022-05-19T06:57:15.384" v="195" actId="14100"/>
          <ac:picMkLst>
            <pc:docMk/>
            <pc:sldMk cId="2586897703" sldId="382"/>
            <ac:picMk id="2052" creationId="{03282B67-04F0-D6B8-A899-B4B873B4512E}"/>
          </ac:picMkLst>
        </pc:picChg>
      </pc:sldChg>
      <pc:sldChg chg="addSp modSp new mod ord">
        <pc:chgData name="Daly Donnacha HSLU I" userId="0f22e960-400a-43ff-baeb-4828c8f5cd3a" providerId="ADAL" clId="{05CE4DDE-DB1A-5747-80AD-88685366E98D}" dt="2022-05-19T07:30:23.477" v="531" actId="14100"/>
        <pc:sldMkLst>
          <pc:docMk/>
          <pc:sldMk cId="4105591408" sldId="383"/>
        </pc:sldMkLst>
        <pc:spChg chg="mod">
          <ac:chgData name="Daly Donnacha HSLU I" userId="0f22e960-400a-43ff-baeb-4828c8f5cd3a" providerId="ADAL" clId="{05CE4DDE-DB1A-5747-80AD-88685366E98D}" dt="2022-05-19T07:04:32.885" v="349" actId="20577"/>
          <ac:spMkLst>
            <pc:docMk/>
            <pc:sldMk cId="4105591408" sldId="383"/>
            <ac:spMk id="2" creationId="{76670AE9-7A7D-221A-0040-BBA786A23A09}"/>
          </ac:spMkLst>
        </pc:spChg>
        <pc:spChg chg="add mod">
          <ac:chgData name="Daly Donnacha HSLU I" userId="0f22e960-400a-43ff-baeb-4828c8f5cd3a" providerId="ADAL" clId="{05CE4DDE-DB1A-5747-80AD-88685366E98D}" dt="2022-05-19T07:04:46.253" v="352"/>
          <ac:spMkLst>
            <pc:docMk/>
            <pc:sldMk cId="4105591408" sldId="383"/>
            <ac:spMk id="7" creationId="{1BB66906-65A7-7FA8-1B0E-AF37CF87CC6D}"/>
          </ac:spMkLst>
        </pc:spChg>
        <pc:picChg chg="add mod">
          <ac:chgData name="Daly Donnacha HSLU I" userId="0f22e960-400a-43ff-baeb-4828c8f5cd3a" providerId="ADAL" clId="{05CE4DDE-DB1A-5747-80AD-88685366E98D}" dt="2022-05-19T07:30:23.477" v="531" actId="14100"/>
          <ac:picMkLst>
            <pc:docMk/>
            <pc:sldMk cId="4105591408" sldId="383"/>
            <ac:picMk id="3" creationId="{F03C1D88-8D11-5052-19C2-77798813F45F}"/>
          </ac:picMkLst>
        </pc:picChg>
        <pc:picChg chg="add mod">
          <ac:chgData name="Daly Donnacha HSLU I" userId="0f22e960-400a-43ff-baeb-4828c8f5cd3a" providerId="ADAL" clId="{05CE4DDE-DB1A-5747-80AD-88685366E98D}" dt="2022-05-19T07:04:53.118" v="354" actId="1035"/>
          <ac:picMkLst>
            <pc:docMk/>
            <pc:sldMk cId="4105591408" sldId="383"/>
            <ac:picMk id="4" creationId="{BA78DD50-FD26-A48D-0672-8C908280D6F5}"/>
          </ac:picMkLst>
        </pc:picChg>
        <pc:picChg chg="add mod">
          <ac:chgData name="Daly Donnacha HSLU I" userId="0f22e960-400a-43ff-baeb-4828c8f5cd3a" providerId="ADAL" clId="{05CE4DDE-DB1A-5747-80AD-88685366E98D}" dt="2022-05-19T07:04:58.563" v="356" actId="1076"/>
          <ac:picMkLst>
            <pc:docMk/>
            <pc:sldMk cId="4105591408" sldId="383"/>
            <ac:picMk id="5" creationId="{D8BB30F6-6B69-E40A-A11D-DF277CCA2242}"/>
          </ac:picMkLst>
        </pc:picChg>
        <pc:picChg chg="add mod">
          <ac:chgData name="Daly Donnacha HSLU I" userId="0f22e960-400a-43ff-baeb-4828c8f5cd3a" providerId="ADAL" clId="{05CE4DDE-DB1A-5747-80AD-88685366E98D}" dt="2022-05-19T07:05:13.679" v="358" actId="1076"/>
          <ac:picMkLst>
            <pc:docMk/>
            <pc:sldMk cId="4105591408" sldId="383"/>
            <ac:picMk id="6" creationId="{44AFFB95-DA1C-43AE-8171-230542A31E5E}"/>
          </ac:picMkLst>
        </pc:picChg>
      </pc:sldChg>
      <pc:sldChg chg="addSp delSp modSp new mod">
        <pc:chgData name="Daly Donnacha HSLU I" userId="0f22e960-400a-43ff-baeb-4828c8f5cd3a" providerId="ADAL" clId="{05CE4DDE-DB1A-5747-80AD-88685366E98D}" dt="2022-05-19T07:21:29.777" v="485" actId="14100"/>
        <pc:sldMkLst>
          <pc:docMk/>
          <pc:sldMk cId="2366398874" sldId="384"/>
        </pc:sldMkLst>
        <pc:spChg chg="mod">
          <ac:chgData name="Daly Donnacha HSLU I" userId="0f22e960-400a-43ff-baeb-4828c8f5cd3a" providerId="ADAL" clId="{05CE4DDE-DB1A-5747-80AD-88685366E98D}" dt="2022-05-19T07:21:29.777" v="485" actId="14100"/>
          <ac:spMkLst>
            <pc:docMk/>
            <pc:sldMk cId="2366398874" sldId="384"/>
            <ac:spMk id="2" creationId="{BAD174A2-0DFD-A30A-2F15-EE8307D2B4C9}"/>
          </ac:spMkLst>
        </pc:spChg>
        <pc:spChg chg="add mod">
          <ac:chgData name="Daly Donnacha HSLU I" userId="0f22e960-400a-43ff-baeb-4828c8f5cd3a" providerId="ADAL" clId="{05CE4DDE-DB1A-5747-80AD-88685366E98D}" dt="2022-05-19T07:08:07.471" v="371" actId="1076"/>
          <ac:spMkLst>
            <pc:docMk/>
            <pc:sldMk cId="2366398874" sldId="384"/>
            <ac:spMk id="4" creationId="{A33A2D7C-E14E-E603-A530-4B137D89B7D0}"/>
          </ac:spMkLst>
        </pc:spChg>
        <pc:picChg chg="add mod">
          <ac:chgData name="Daly Donnacha HSLU I" userId="0f22e960-400a-43ff-baeb-4828c8f5cd3a" providerId="ADAL" clId="{05CE4DDE-DB1A-5747-80AD-88685366E98D}" dt="2022-05-19T07:07:45.868" v="365" actId="1076"/>
          <ac:picMkLst>
            <pc:docMk/>
            <pc:sldMk cId="2366398874" sldId="384"/>
            <ac:picMk id="3" creationId="{E4D1C00F-F588-29CA-DC97-B34BFD98BAA6}"/>
          </ac:picMkLst>
        </pc:picChg>
        <pc:picChg chg="add del mod">
          <ac:chgData name="Daly Donnacha HSLU I" userId="0f22e960-400a-43ff-baeb-4828c8f5cd3a" providerId="ADAL" clId="{05CE4DDE-DB1A-5747-80AD-88685366E98D}" dt="2022-05-19T07:14:03.271" v="399" actId="478"/>
          <ac:picMkLst>
            <pc:docMk/>
            <pc:sldMk cId="2366398874" sldId="384"/>
            <ac:picMk id="5" creationId="{95E21D12-E25D-6F14-4611-2BFFB3506D6D}"/>
          </ac:picMkLst>
        </pc:picChg>
        <pc:picChg chg="add mod">
          <ac:chgData name="Daly Donnacha HSLU I" userId="0f22e960-400a-43ff-baeb-4828c8f5cd3a" providerId="ADAL" clId="{05CE4DDE-DB1A-5747-80AD-88685366E98D}" dt="2022-05-19T07:18:14.120" v="421" actId="14100"/>
          <ac:picMkLst>
            <pc:docMk/>
            <pc:sldMk cId="2366398874" sldId="384"/>
            <ac:picMk id="6" creationId="{47BBC7C2-F619-A9BF-A97C-58061620E90E}"/>
          </ac:picMkLst>
        </pc:picChg>
        <pc:picChg chg="add mod">
          <ac:chgData name="Daly Donnacha HSLU I" userId="0f22e960-400a-43ff-baeb-4828c8f5cd3a" providerId="ADAL" clId="{05CE4DDE-DB1A-5747-80AD-88685366E98D}" dt="2022-05-19T07:17:58.540" v="416" actId="14100"/>
          <ac:picMkLst>
            <pc:docMk/>
            <pc:sldMk cId="2366398874" sldId="384"/>
            <ac:picMk id="7" creationId="{3210DE64-5EA4-50A5-0432-48CAB4362BD5}"/>
          </ac:picMkLst>
        </pc:picChg>
        <pc:picChg chg="add del mod">
          <ac:chgData name="Daly Donnacha HSLU I" userId="0f22e960-400a-43ff-baeb-4828c8f5cd3a" providerId="ADAL" clId="{05CE4DDE-DB1A-5747-80AD-88685366E98D}" dt="2022-05-19T07:15:22.678" v="406" actId="478"/>
          <ac:picMkLst>
            <pc:docMk/>
            <pc:sldMk cId="2366398874" sldId="384"/>
            <ac:picMk id="3074" creationId="{A672488A-712F-C855-0216-ECF8D4E1E1AE}"/>
          </ac:picMkLst>
        </pc:picChg>
        <pc:picChg chg="add mod">
          <ac:chgData name="Daly Donnacha HSLU I" userId="0f22e960-400a-43ff-baeb-4828c8f5cd3a" providerId="ADAL" clId="{05CE4DDE-DB1A-5747-80AD-88685366E98D}" dt="2022-05-19T07:18:21.874" v="425" actId="1076"/>
          <ac:picMkLst>
            <pc:docMk/>
            <pc:sldMk cId="2366398874" sldId="384"/>
            <ac:picMk id="3076" creationId="{E9287318-34AC-1520-866E-035F1A2B8B5C}"/>
          </ac:picMkLst>
        </pc:picChg>
      </pc:sldChg>
      <pc:sldMasterChg chg="modSp mod">
        <pc:chgData name="Daly Donnacha HSLU I" userId="0f22e960-400a-43ff-baeb-4828c8f5cd3a" providerId="ADAL" clId="{05CE4DDE-DB1A-5747-80AD-88685366E98D}" dt="2022-05-19T06:12:37.075" v="12" actId="14100"/>
        <pc:sldMasterMkLst>
          <pc:docMk/>
          <pc:sldMasterMk cId="0" sldId="2147483648"/>
        </pc:sldMasterMkLst>
        <pc:graphicFrameChg chg="mod modGraphic">
          <ac:chgData name="Daly Donnacha HSLU I" userId="0f22e960-400a-43ff-baeb-4828c8f5cd3a" providerId="ADAL" clId="{05CE4DDE-DB1A-5747-80AD-88685366E98D}" dt="2022-05-19T06:12:32.408" v="11" actId="14100"/>
          <ac:graphicFrameMkLst>
            <pc:docMk/>
            <pc:sldMasterMk cId="0" sldId="2147483648"/>
            <ac:graphicFrameMk id="8" creationId="{1E932F38-5A20-8349-A03E-D9FC51C350E6}"/>
          </ac:graphicFrameMkLst>
        </pc:graphicFrameChg>
        <pc:picChg chg="mod">
          <ac:chgData name="Daly Donnacha HSLU I" userId="0f22e960-400a-43ff-baeb-4828c8f5cd3a" providerId="ADAL" clId="{05CE4DDE-DB1A-5747-80AD-88685366E98D}" dt="2022-05-19T06:12:37.075" v="12" actId="14100"/>
          <ac:picMkLst>
            <pc:docMk/>
            <pc:sldMasterMk cId="0" sldId="2147483648"/>
            <ac:picMk id="3" creationId="{DAA3AFCB-433F-4F4A-93A7-3C2C3AD6AA3C}"/>
          </ac:picMkLst>
        </pc:picChg>
      </pc:sldMasterChg>
    </pc:docChg>
  </pc:docChgLst>
  <pc:docChgLst>
    <pc:chgData name="Daly Donnacha HSLU I" userId="0f22e960-400a-43ff-baeb-4828c8f5cd3a" providerId="ADAL" clId="{33FD9243-6112-A94F-AF5F-5CC700191C6E}"/>
    <pc:docChg chg="undo custSel addSld delSld modSld sldOrd modMainMaster">
      <pc:chgData name="Daly Donnacha HSLU I" userId="0f22e960-400a-43ff-baeb-4828c8f5cd3a" providerId="ADAL" clId="{33FD9243-6112-A94F-AF5F-5CC700191C6E}" dt="2022-12-20T12:14:44.119" v="800" actId="6549"/>
      <pc:docMkLst>
        <pc:docMk/>
      </pc:docMkLst>
      <pc:sldChg chg="modSp mod">
        <pc:chgData name="Daly Donnacha HSLU I" userId="0f22e960-400a-43ff-baeb-4828c8f5cd3a" providerId="ADAL" clId="{33FD9243-6112-A94F-AF5F-5CC700191C6E}" dt="2022-12-18T08:17:36.869" v="6" actId="20577"/>
        <pc:sldMkLst>
          <pc:docMk/>
          <pc:sldMk cId="0" sldId="256"/>
        </pc:sldMkLst>
        <pc:spChg chg="mod">
          <ac:chgData name="Daly Donnacha HSLU I" userId="0f22e960-400a-43ff-baeb-4828c8f5cd3a" providerId="ADAL" clId="{33FD9243-6112-A94F-AF5F-5CC700191C6E}" dt="2022-12-18T08:17:36.869" v="6" actId="20577"/>
          <ac:spMkLst>
            <pc:docMk/>
            <pc:sldMk cId="0" sldId="256"/>
            <ac:spMk id="3075" creationId="{00000000-0000-0000-0000-000000000000}"/>
          </ac:spMkLst>
        </pc:spChg>
      </pc:sldChg>
      <pc:sldChg chg="del">
        <pc:chgData name="Daly Donnacha HSLU I" userId="0f22e960-400a-43ff-baeb-4828c8f5cd3a" providerId="ADAL" clId="{33FD9243-6112-A94F-AF5F-5CC700191C6E}" dt="2022-12-19T06:05:36.285" v="339" actId="2696"/>
        <pc:sldMkLst>
          <pc:docMk/>
          <pc:sldMk cId="1362049891" sldId="334"/>
        </pc:sldMkLst>
      </pc:sldChg>
      <pc:sldChg chg="addSp delSp modSp mod">
        <pc:chgData name="Daly Donnacha HSLU I" userId="0f22e960-400a-43ff-baeb-4828c8f5cd3a" providerId="ADAL" clId="{33FD9243-6112-A94F-AF5F-5CC700191C6E}" dt="2022-12-19T09:14:43.559" v="782" actId="1035"/>
        <pc:sldMkLst>
          <pc:docMk/>
          <pc:sldMk cId="2136324049" sldId="375"/>
        </pc:sldMkLst>
        <pc:picChg chg="del">
          <ac:chgData name="Daly Donnacha HSLU I" userId="0f22e960-400a-43ff-baeb-4828c8f5cd3a" providerId="ADAL" clId="{33FD9243-6112-A94F-AF5F-5CC700191C6E}" dt="2022-12-18T09:05:31.934" v="7" actId="478"/>
          <ac:picMkLst>
            <pc:docMk/>
            <pc:sldMk cId="2136324049" sldId="375"/>
            <ac:picMk id="3" creationId="{312221B2-3B54-EB06-8226-2C194FEDCE62}"/>
          </ac:picMkLst>
        </pc:picChg>
        <pc:picChg chg="add mod">
          <ac:chgData name="Daly Donnacha HSLU I" userId="0f22e960-400a-43ff-baeb-4828c8f5cd3a" providerId="ADAL" clId="{33FD9243-6112-A94F-AF5F-5CC700191C6E}" dt="2022-12-19T09:14:43.559" v="782" actId="1035"/>
          <ac:picMkLst>
            <pc:docMk/>
            <pc:sldMk cId="2136324049" sldId="375"/>
            <ac:picMk id="3" creationId="{ADC12E56-75CA-4B41-C50C-316020CD74B1}"/>
          </ac:picMkLst>
        </pc:picChg>
        <pc:picChg chg="add del mod">
          <ac:chgData name="Daly Donnacha HSLU I" userId="0f22e960-400a-43ff-baeb-4828c8f5cd3a" providerId="ADAL" clId="{33FD9243-6112-A94F-AF5F-5CC700191C6E}" dt="2022-12-18T09:05:42.497" v="9"/>
          <ac:picMkLst>
            <pc:docMk/>
            <pc:sldMk cId="2136324049" sldId="375"/>
            <ac:picMk id="5" creationId="{B3C728F4-0578-1AE5-E4F1-D50C5AB99FE0}"/>
          </ac:picMkLst>
        </pc:picChg>
        <pc:picChg chg="add del mod">
          <ac:chgData name="Daly Donnacha HSLU I" userId="0f22e960-400a-43ff-baeb-4828c8f5cd3a" providerId="ADAL" clId="{33FD9243-6112-A94F-AF5F-5CC700191C6E}" dt="2022-12-19T09:14:23.884" v="768" actId="478"/>
          <ac:picMkLst>
            <pc:docMk/>
            <pc:sldMk cId="2136324049" sldId="375"/>
            <ac:picMk id="6" creationId="{A5672052-DE82-DC6F-3CA7-55C7016A57FB}"/>
          </ac:picMkLst>
        </pc:picChg>
      </pc:sldChg>
      <pc:sldChg chg="del">
        <pc:chgData name="Daly Donnacha HSLU I" userId="0f22e960-400a-43ff-baeb-4828c8f5cd3a" providerId="ADAL" clId="{33FD9243-6112-A94F-AF5F-5CC700191C6E}" dt="2022-12-19T05:06:11.174" v="34" actId="2696"/>
        <pc:sldMkLst>
          <pc:docMk/>
          <pc:sldMk cId="1259845864" sldId="376"/>
        </pc:sldMkLst>
      </pc:sldChg>
      <pc:sldChg chg="del">
        <pc:chgData name="Daly Donnacha HSLU I" userId="0f22e960-400a-43ff-baeb-4828c8f5cd3a" providerId="ADAL" clId="{33FD9243-6112-A94F-AF5F-5CC700191C6E}" dt="2022-12-19T06:08:40.741" v="363" actId="2696"/>
        <pc:sldMkLst>
          <pc:docMk/>
          <pc:sldMk cId="307563059" sldId="377"/>
        </pc:sldMkLst>
      </pc:sldChg>
      <pc:sldChg chg="del ord">
        <pc:chgData name="Daly Donnacha HSLU I" userId="0f22e960-400a-43ff-baeb-4828c8f5cd3a" providerId="ADAL" clId="{33FD9243-6112-A94F-AF5F-5CC700191C6E}" dt="2022-12-19T06:08:30.299" v="362" actId="2696"/>
        <pc:sldMkLst>
          <pc:docMk/>
          <pc:sldMk cId="223364732" sldId="378"/>
        </pc:sldMkLst>
      </pc:sldChg>
      <pc:sldChg chg="addSp delSp modSp mod">
        <pc:chgData name="Daly Donnacha HSLU I" userId="0f22e960-400a-43ff-baeb-4828c8f5cd3a" providerId="ADAL" clId="{33FD9243-6112-A94F-AF5F-5CC700191C6E}" dt="2022-12-19T05:26:18.712" v="38" actId="22"/>
        <pc:sldMkLst>
          <pc:docMk/>
          <pc:sldMk cId="1658760466" sldId="379"/>
        </pc:sldMkLst>
        <pc:spChg chg="add del">
          <ac:chgData name="Daly Donnacha HSLU I" userId="0f22e960-400a-43ff-baeb-4828c8f5cd3a" providerId="ADAL" clId="{33FD9243-6112-A94F-AF5F-5CC700191C6E}" dt="2022-12-19T05:26:18.712" v="38" actId="22"/>
          <ac:spMkLst>
            <pc:docMk/>
            <pc:sldMk cId="1658760466" sldId="379"/>
            <ac:spMk id="4" creationId="{5CD698DF-906F-712A-5390-B2844C60B898}"/>
          </ac:spMkLst>
        </pc:spChg>
      </pc:sldChg>
      <pc:sldChg chg="del">
        <pc:chgData name="Daly Donnacha HSLU I" userId="0f22e960-400a-43ff-baeb-4828c8f5cd3a" providerId="ADAL" clId="{33FD9243-6112-A94F-AF5F-5CC700191C6E}" dt="2022-12-19T05:06:10.458" v="33" actId="2696"/>
        <pc:sldMkLst>
          <pc:docMk/>
          <pc:sldMk cId="4098206592" sldId="380"/>
        </pc:sldMkLst>
      </pc:sldChg>
      <pc:sldChg chg="del">
        <pc:chgData name="Daly Donnacha HSLU I" userId="0f22e960-400a-43ff-baeb-4828c8f5cd3a" providerId="ADAL" clId="{33FD9243-6112-A94F-AF5F-5CC700191C6E}" dt="2022-12-19T06:08:07.001" v="360" actId="2696"/>
        <pc:sldMkLst>
          <pc:docMk/>
          <pc:sldMk cId="2586897703" sldId="382"/>
        </pc:sldMkLst>
      </pc:sldChg>
      <pc:sldChg chg="delSp del mod">
        <pc:chgData name="Daly Donnacha HSLU I" userId="0f22e960-400a-43ff-baeb-4828c8f5cd3a" providerId="ADAL" clId="{33FD9243-6112-A94F-AF5F-5CC700191C6E}" dt="2022-12-19T06:38:57.978" v="693" actId="2696"/>
        <pc:sldMkLst>
          <pc:docMk/>
          <pc:sldMk cId="4105591408" sldId="383"/>
        </pc:sldMkLst>
        <pc:picChg chg="del">
          <ac:chgData name="Daly Donnacha HSLU I" userId="0f22e960-400a-43ff-baeb-4828c8f5cd3a" providerId="ADAL" clId="{33FD9243-6112-A94F-AF5F-5CC700191C6E}" dt="2022-12-19T06:29:42.429" v="556" actId="21"/>
          <ac:picMkLst>
            <pc:docMk/>
            <pc:sldMk cId="4105591408" sldId="383"/>
            <ac:picMk id="4" creationId="{BA78DD50-FD26-A48D-0672-8C908280D6F5}"/>
          </ac:picMkLst>
        </pc:picChg>
      </pc:sldChg>
      <pc:sldChg chg="del">
        <pc:chgData name="Daly Donnacha HSLU I" userId="0f22e960-400a-43ff-baeb-4828c8f5cd3a" providerId="ADAL" clId="{33FD9243-6112-A94F-AF5F-5CC700191C6E}" dt="2022-12-19T05:06:27.889" v="35" actId="2696"/>
        <pc:sldMkLst>
          <pc:docMk/>
          <pc:sldMk cId="2366398874" sldId="384"/>
        </pc:sldMkLst>
      </pc:sldChg>
      <pc:sldChg chg="addSp delSp modSp new del">
        <pc:chgData name="Daly Donnacha HSLU I" userId="0f22e960-400a-43ff-baeb-4828c8f5cd3a" providerId="ADAL" clId="{33FD9243-6112-A94F-AF5F-5CC700191C6E}" dt="2022-12-19T05:52:58.743" v="311" actId="2696"/>
        <pc:sldMkLst>
          <pc:docMk/>
          <pc:sldMk cId="2525896531" sldId="384"/>
        </pc:sldMkLst>
        <pc:picChg chg="add del mod">
          <ac:chgData name="Daly Donnacha HSLU I" userId="0f22e960-400a-43ff-baeb-4828c8f5cd3a" providerId="ADAL" clId="{33FD9243-6112-A94F-AF5F-5CC700191C6E}" dt="2022-12-19T05:27:07.783" v="80" actId="478"/>
          <ac:picMkLst>
            <pc:docMk/>
            <pc:sldMk cId="2525896531" sldId="384"/>
            <ac:picMk id="1026" creationId="{92B4907A-315F-6540-0A58-9B1069D8D1AF}"/>
          </ac:picMkLst>
        </pc:picChg>
      </pc:sldChg>
      <pc:sldChg chg="addSp modSp new mod">
        <pc:chgData name="Daly Donnacha HSLU I" userId="0f22e960-400a-43ff-baeb-4828c8f5cd3a" providerId="ADAL" clId="{33FD9243-6112-A94F-AF5F-5CC700191C6E}" dt="2022-12-19T05:36:05.760" v="170" actId="1076"/>
        <pc:sldMkLst>
          <pc:docMk/>
          <pc:sldMk cId="3217666578" sldId="385"/>
        </pc:sldMkLst>
        <pc:spChg chg="mod">
          <ac:chgData name="Daly Donnacha HSLU I" userId="0f22e960-400a-43ff-baeb-4828c8f5cd3a" providerId="ADAL" clId="{33FD9243-6112-A94F-AF5F-5CC700191C6E}" dt="2022-12-19T05:31:37.797" v="129" actId="20577"/>
          <ac:spMkLst>
            <pc:docMk/>
            <pc:sldMk cId="3217666578" sldId="385"/>
            <ac:spMk id="2" creationId="{6EBE13D1-33EF-21F3-F25F-43E75BE171E3}"/>
          </ac:spMkLst>
        </pc:spChg>
        <pc:spChg chg="add mod">
          <ac:chgData name="Daly Donnacha HSLU I" userId="0f22e960-400a-43ff-baeb-4828c8f5cd3a" providerId="ADAL" clId="{33FD9243-6112-A94F-AF5F-5CC700191C6E}" dt="2022-12-19T05:35:50.444" v="168" actId="1076"/>
          <ac:spMkLst>
            <pc:docMk/>
            <pc:sldMk cId="3217666578" sldId="385"/>
            <ac:spMk id="5" creationId="{D64E1AD2-5447-B38B-67AA-6482103F8A59}"/>
          </ac:spMkLst>
        </pc:spChg>
        <pc:picChg chg="add mod">
          <ac:chgData name="Daly Donnacha HSLU I" userId="0f22e960-400a-43ff-baeb-4828c8f5cd3a" providerId="ADAL" clId="{33FD9243-6112-A94F-AF5F-5CC700191C6E}" dt="2022-12-19T05:36:05.760" v="170" actId="1076"/>
          <ac:picMkLst>
            <pc:docMk/>
            <pc:sldMk cId="3217666578" sldId="385"/>
            <ac:picMk id="3" creationId="{CD3BCCB1-2BD8-9ECD-95D5-B130F887C1BC}"/>
          </ac:picMkLst>
        </pc:picChg>
        <pc:picChg chg="add mod">
          <ac:chgData name="Daly Donnacha HSLU I" userId="0f22e960-400a-43ff-baeb-4828c8f5cd3a" providerId="ADAL" clId="{33FD9243-6112-A94F-AF5F-5CC700191C6E}" dt="2022-12-19T05:33:45.483" v="154" actId="1076"/>
          <ac:picMkLst>
            <pc:docMk/>
            <pc:sldMk cId="3217666578" sldId="385"/>
            <ac:picMk id="2050" creationId="{40F5859B-197B-6F87-8F7A-3E3E5A2198E8}"/>
          </ac:picMkLst>
        </pc:picChg>
        <pc:picChg chg="add mod">
          <ac:chgData name="Daly Donnacha HSLU I" userId="0f22e960-400a-43ff-baeb-4828c8f5cd3a" providerId="ADAL" clId="{33FD9243-6112-A94F-AF5F-5CC700191C6E}" dt="2022-12-19T05:32:35.537" v="151" actId="1076"/>
          <ac:picMkLst>
            <pc:docMk/>
            <pc:sldMk cId="3217666578" sldId="385"/>
            <ac:picMk id="2052" creationId="{7768A5FA-CBD6-582A-A0C7-2B2A2C35D5FB}"/>
          </ac:picMkLst>
        </pc:picChg>
      </pc:sldChg>
      <pc:sldChg chg="addSp modSp new mod ord">
        <pc:chgData name="Daly Donnacha HSLU I" userId="0f22e960-400a-43ff-baeb-4828c8f5cd3a" providerId="ADAL" clId="{33FD9243-6112-A94F-AF5F-5CC700191C6E}" dt="2022-12-19T06:42:11.970" v="756" actId="20578"/>
        <pc:sldMkLst>
          <pc:docMk/>
          <pc:sldMk cId="272772928" sldId="386"/>
        </pc:sldMkLst>
        <pc:spChg chg="mod">
          <ac:chgData name="Daly Donnacha HSLU I" userId="0f22e960-400a-43ff-baeb-4828c8f5cd3a" providerId="ADAL" clId="{33FD9243-6112-A94F-AF5F-5CC700191C6E}" dt="2022-12-19T05:52:41.122" v="310" actId="20577"/>
          <ac:spMkLst>
            <pc:docMk/>
            <pc:sldMk cId="272772928" sldId="386"/>
            <ac:spMk id="2" creationId="{58B60C65-4A9B-7B3C-832F-45626EE9C3F5}"/>
          </ac:spMkLst>
        </pc:spChg>
        <pc:spChg chg="add mod">
          <ac:chgData name="Daly Donnacha HSLU I" userId="0f22e960-400a-43ff-baeb-4828c8f5cd3a" providerId="ADAL" clId="{33FD9243-6112-A94F-AF5F-5CC700191C6E}" dt="2022-12-19T05:50:58.179" v="286" actId="207"/>
          <ac:spMkLst>
            <pc:docMk/>
            <pc:sldMk cId="272772928" sldId="386"/>
            <ac:spMk id="5" creationId="{CB9DE64C-3F0E-770D-FCF0-D3520EC4A512}"/>
          </ac:spMkLst>
        </pc:spChg>
        <pc:spChg chg="add mod">
          <ac:chgData name="Daly Donnacha HSLU I" userId="0f22e960-400a-43ff-baeb-4828c8f5cd3a" providerId="ADAL" clId="{33FD9243-6112-A94F-AF5F-5CC700191C6E}" dt="2022-12-19T05:52:17.894" v="300" actId="20577"/>
          <ac:spMkLst>
            <pc:docMk/>
            <pc:sldMk cId="272772928" sldId="386"/>
            <ac:spMk id="7" creationId="{A2805F8C-1E22-B287-4DB1-ADE3EBD3CB0B}"/>
          </ac:spMkLst>
        </pc:spChg>
        <pc:picChg chg="add mod">
          <ac:chgData name="Daly Donnacha HSLU I" userId="0f22e960-400a-43ff-baeb-4828c8f5cd3a" providerId="ADAL" clId="{33FD9243-6112-A94F-AF5F-5CC700191C6E}" dt="2022-12-19T05:48:46.253" v="270" actId="1076"/>
          <ac:picMkLst>
            <pc:docMk/>
            <pc:sldMk cId="272772928" sldId="386"/>
            <ac:picMk id="3" creationId="{8FADCBEB-5A07-40E1-CD98-FE056B9DDF44}"/>
          </ac:picMkLst>
        </pc:picChg>
      </pc:sldChg>
      <pc:sldChg chg="addSp delSp modSp new mod">
        <pc:chgData name="Daly Donnacha HSLU I" userId="0f22e960-400a-43ff-baeb-4828c8f5cd3a" providerId="ADAL" clId="{33FD9243-6112-A94F-AF5F-5CC700191C6E}" dt="2022-12-19T06:07:40.307" v="359" actId="1076"/>
        <pc:sldMkLst>
          <pc:docMk/>
          <pc:sldMk cId="2762655844" sldId="387"/>
        </pc:sldMkLst>
        <pc:spChg chg="del">
          <ac:chgData name="Daly Donnacha HSLU I" userId="0f22e960-400a-43ff-baeb-4828c8f5cd3a" providerId="ADAL" clId="{33FD9243-6112-A94F-AF5F-5CC700191C6E}" dt="2022-12-19T06:01:08.320" v="324" actId="478"/>
          <ac:spMkLst>
            <pc:docMk/>
            <pc:sldMk cId="2762655844" sldId="387"/>
            <ac:spMk id="2" creationId="{3A4CD752-615F-6446-6D08-CF0BE608F7B5}"/>
          </ac:spMkLst>
        </pc:spChg>
        <pc:spChg chg="add mod">
          <ac:chgData name="Daly Donnacha HSLU I" userId="0f22e960-400a-43ff-baeb-4828c8f5cd3a" providerId="ADAL" clId="{33FD9243-6112-A94F-AF5F-5CC700191C6E}" dt="2022-12-19T06:07:40.307" v="359" actId="1076"/>
          <ac:spMkLst>
            <pc:docMk/>
            <pc:sldMk cId="2762655844" sldId="387"/>
            <ac:spMk id="5" creationId="{C5B9C198-4650-AAFF-AA96-FC1D2E70EE06}"/>
          </ac:spMkLst>
        </pc:spChg>
        <pc:picChg chg="add mod">
          <ac:chgData name="Daly Donnacha HSLU I" userId="0f22e960-400a-43ff-baeb-4828c8f5cd3a" providerId="ADAL" clId="{33FD9243-6112-A94F-AF5F-5CC700191C6E}" dt="2022-12-19T06:07:34.349" v="358" actId="1076"/>
          <ac:picMkLst>
            <pc:docMk/>
            <pc:sldMk cId="2762655844" sldId="387"/>
            <ac:picMk id="3" creationId="{4AAF7F7B-3C92-3C36-10C3-C42573FEDD3B}"/>
          </ac:picMkLst>
        </pc:picChg>
        <pc:picChg chg="add mod">
          <ac:chgData name="Daly Donnacha HSLU I" userId="0f22e960-400a-43ff-baeb-4828c8f5cd3a" providerId="ADAL" clId="{33FD9243-6112-A94F-AF5F-5CC700191C6E}" dt="2022-12-19T06:07:19.728" v="352" actId="14100"/>
          <ac:picMkLst>
            <pc:docMk/>
            <pc:sldMk cId="2762655844" sldId="387"/>
            <ac:picMk id="3074" creationId="{8ABE967B-CD1E-5DC8-5B19-42EB29AE88F1}"/>
          </ac:picMkLst>
        </pc:picChg>
      </pc:sldChg>
      <pc:sldChg chg="addSp delSp modSp new mod">
        <pc:chgData name="Daly Donnacha HSLU I" userId="0f22e960-400a-43ff-baeb-4828c8f5cd3a" providerId="ADAL" clId="{33FD9243-6112-A94F-AF5F-5CC700191C6E}" dt="2022-12-19T06:12:39.317" v="449" actId="14100"/>
        <pc:sldMkLst>
          <pc:docMk/>
          <pc:sldMk cId="327191487" sldId="388"/>
        </pc:sldMkLst>
        <pc:spChg chg="mod">
          <ac:chgData name="Daly Donnacha HSLU I" userId="0f22e960-400a-43ff-baeb-4828c8f5cd3a" providerId="ADAL" clId="{33FD9243-6112-A94F-AF5F-5CC700191C6E}" dt="2022-12-19T06:09:26.195" v="412" actId="57"/>
          <ac:spMkLst>
            <pc:docMk/>
            <pc:sldMk cId="327191487" sldId="388"/>
            <ac:spMk id="2" creationId="{6BBF4880-F8AB-A709-6BBB-CBEB1E35DA4B}"/>
          </ac:spMkLst>
        </pc:spChg>
        <pc:spChg chg="add mod">
          <ac:chgData name="Daly Donnacha HSLU I" userId="0f22e960-400a-43ff-baeb-4828c8f5cd3a" providerId="ADAL" clId="{33FD9243-6112-A94F-AF5F-5CC700191C6E}" dt="2022-12-19T06:10:03.133" v="416" actId="207"/>
          <ac:spMkLst>
            <pc:docMk/>
            <pc:sldMk cId="327191487" sldId="388"/>
            <ac:spMk id="3" creationId="{63FF3A24-C39D-E305-9275-0323D6A8A5D1}"/>
          </ac:spMkLst>
        </pc:spChg>
        <pc:picChg chg="add del mod">
          <ac:chgData name="Daly Donnacha HSLU I" userId="0f22e960-400a-43ff-baeb-4828c8f5cd3a" providerId="ADAL" clId="{33FD9243-6112-A94F-AF5F-5CC700191C6E}" dt="2022-12-19T06:10:35.382" v="418"/>
          <ac:picMkLst>
            <pc:docMk/>
            <pc:sldMk cId="327191487" sldId="388"/>
            <ac:picMk id="4" creationId="{4BF4DA06-8757-AB84-177F-02A5FFB04FF8}"/>
          </ac:picMkLst>
        </pc:picChg>
        <pc:picChg chg="add del mod">
          <ac:chgData name="Daly Donnacha HSLU I" userId="0f22e960-400a-43ff-baeb-4828c8f5cd3a" providerId="ADAL" clId="{33FD9243-6112-A94F-AF5F-5CC700191C6E}" dt="2022-12-19T06:10:35.382" v="418"/>
          <ac:picMkLst>
            <pc:docMk/>
            <pc:sldMk cId="327191487" sldId="388"/>
            <ac:picMk id="5" creationId="{A12EED21-7F8A-223C-DA26-C8CDCFF7E906}"/>
          </ac:picMkLst>
        </pc:picChg>
        <pc:picChg chg="add del mod">
          <ac:chgData name="Daly Donnacha HSLU I" userId="0f22e960-400a-43ff-baeb-4828c8f5cd3a" providerId="ADAL" clId="{33FD9243-6112-A94F-AF5F-5CC700191C6E}" dt="2022-12-19T06:10:35.382" v="418"/>
          <ac:picMkLst>
            <pc:docMk/>
            <pc:sldMk cId="327191487" sldId="388"/>
            <ac:picMk id="6" creationId="{CF99F5EA-C562-86F2-848A-78B502ED6C37}"/>
          </ac:picMkLst>
        </pc:picChg>
        <pc:picChg chg="add del mod">
          <ac:chgData name="Daly Donnacha HSLU I" userId="0f22e960-400a-43ff-baeb-4828c8f5cd3a" providerId="ADAL" clId="{33FD9243-6112-A94F-AF5F-5CC700191C6E}" dt="2022-12-19T06:10:35.382" v="418"/>
          <ac:picMkLst>
            <pc:docMk/>
            <pc:sldMk cId="327191487" sldId="388"/>
            <ac:picMk id="7" creationId="{B5BC2A00-F893-CBCA-1925-15BB7C189861}"/>
          </ac:picMkLst>
        </pc:picChg>
        <pc:picChg chg="add del mod">
          <ac:chgData name="Daly Donnacha HSLU I" userId="0f22e960-400a-43ff-baeb-4828c8f5cd3a" providerId="ADAL" clId="{33FD9243-6112-A94F-AF5F-5CC700191C6E}" dt="2022-12-19T06:10:35.382" v="418"/>
          <ac:picMkLst>
            <pc:docMk/>
            <pc:sldMk cId="327191487" sldId="388"/>
            <ac:picMk id="8" creationId="{EC2F1CDF-391F-7DA5-71B1-AECB475C9C04}"/>
          </ac:picMkLst>
        </pc:picChg>
        <pc:picChg chg="add del mod">
          <ac:chgData name="Daly Donnacha HSLU I" userId="0f22e960-400a-43ff-baeb-4828c8f5cd3a" providerId="ADAL" clId="{33FD9243-6112-A94F-AF5F-5CC700191C6E}" dt="2022-12-19T06:10:35.382" v="418"/>
          <ac:picMkLst>
            <pc:docMk/>
            <pc:sldMk cId="327191487" sldId="388"/>
            <ac:picMk id="9" creationId="{AB9E181D-9B47-C181-E8D6-13BEDEAAB171}"/>
          </ac:picMkLst>
        </pc:picChg>
        <pc:picChg chg="add del mod">
          <ac:chgData name="Daly Donnacha HSLU I" userId="0f22e960-400a-43ff-baeb-4828c8f5cd3a" providerId="ADAL" clId="{33FD9243-6112-A94F-AF5F-5CC700191C6E}" dt="2022-12-19T06:10:35.382" v="418"/>
          <ac:picMkLst>
            <pc:docMk/>
            <pc:sldMk cId="327191487" sldId="388"/>
            <ac:picMk id="10" creationId="{4F367793-8F9F-DA36-2228-EDA3603E35A2}"/>
          </ac:picMkLst>
        </pc:picChg>
        <pc:picChg chg="add del mod">
          <ac:chgData name="Daly Donnacha HSLU I" userId="0f22e960-400a-43ff-baeb-4828c8f5cd3a" providerId="ADAL" clId="{33FD9243-6112-A94F-AF5F-5CC700191C6E}" dt="2022-12-19T06:10:35.382" v="418"/>
          <ac:picMkLst>
            <pc:docMk/>
            <pc:sldMk cId="327191487" sldId="388"/>
            <ac:picMk id="11" creationId="{B939C640-C276-181F-C274-F68BE484FB1F}"/>
          </ac:picMkLst>
        </pc:picChg>
        <pc:picChg chg="add del mod">
          <ac:chgData name="Daly Donnacha HSLU I" userId="0f22e960-400a-43ff-baeb-4828c8f5cd3a" providerId="ADAL" clId="{33FD9243-6112-A94F-AF5F-5CC700191C6E}" dt="2022-12-19T06:10:35.382" v="418"/>
          <ac:picMkLst>
            <pc:docMk/>
            <pc:sldMk cId="327191487" sldId="388"/>
            <ac:picMk id="12" creationId="{6D9CC46B-F600-7B14-C6A7-5DA81F26E7DB}"/>
          </ac:picMkLst>
        </pc:picChg>
        <pc:picChg chg="add del mod">
          <ac:chgData name="Daly Donnacha HSLU I" userId="0f22e960-400a-43ff-baeb-4828c8f5cd3a" providerId="ADAL" clId="{33FD9243-6112-A94F-AF5F-5CC700191C6E}" dt="2022-12-19T06:10:35.382" v="418"/>
          <ac:picMkLst>
            <pc:docMk/>
            <pc:sldMk cId="327191487" sldId="388"/>
            <ac:picMk id="13" creationId="{D6A8D22C-29E5-39FA-9DC2-D2CACBD02A84}"/>
          </ac:picMkLst>
        </pc:picChg>
        <pc:picChg chg="add del mod">
          <ac:chgData name="Daly Donnacha HSLU I" userId="0f22e960-400a-43ff-baeb-4828c8f5cd3a" providerId="ADAL" clId="{33FD9243-6112-A94F-AF5F-5CC700191C6E}" dt="2022-12-19T06:10:35.382" v="418"/>
          <ac:picMkLst>
            <pc:docMk/>
            <pc:sldMk cId="327191487" sldId="388"/>
            <ac:picMk id="14" creationId="{DE5C4CD8-2A13-04EB-AEE6-635CE5325833}"/>
          </ac:picMkLst>
        </pc:picChg>
        <pc:picChg chg="add mod">
          <ac:chgData name="Daly Donnacha HSLU I" userId="0f22e960-400a-43ff-baeb-4828c8f5cd3a" providerId="ADAL" clId="{33FD9243-6112-A94F-AF5F-5CC700191C6E}" dt="2022-12-19T06:11:32.940" v="444" actId="1076"/>
          <ac:picMkLst>
            <pc:docMk/>
            <pc:sldMk cId="327191487" sldId="388"/>
            <ac:picMk id="15" creationId="{9DB3FBE2-C3AC-46D6-70AB-997359E869B2}"/>
          </ac:picMkLst>
        </pc:picChg>
        <pc:picChg chg="add mod">
          <ac:chgData name="Daly Donnacha HSLU I" userId="0f22e960-400a-43ff-baeb-4828c8f5cd3a" providerId="ADAL" clId="{33FD9243-6112-A94F-AF5F-5CC700191C6E}" dt="2022-12-19T06:11:22.243" v="443" actId="1038"/>
          <ac:picMkLst>
            <pc:docMk/>
            <pc:sldMk cId="327191487" sldId="388"/>
            <ac:picMk id="16" creationId="{C2AB5FE6-62E3-872D-4087-5A902856A8B6}"/>
          </ac:picMkLst>
        </pc:picChg>
        <pc:picChg chg="add mod">
          <ac:chgData name="Daly Donnacha HSLU I" userId="0f22e960-400a-43ff-baeb-4828c8f5cd3a" providerId="ADAL" clId="{33FD9243-6112-A94F-AF5F-5CC700191C6E}" dt="2022-12-19T06:11:00.053" v="423" actId="1076"/>
          <ac:picMkLst>
            <pc:docMk/>
            <pc:sldMk cId="327191487" sldId="388"/>
            <ac:picMk id="17" creationId="{2FFFBA0D-D28F-F763-9BBA-051FC33E403F}"/>
          </ac:picMkLst>
        </pc:picChg>
        <pc:picChg chg="add mod">
          <ac:chgData name="Daly Donnacha HSLU I" userId="0f22e960-400a-43ff-baeb-4828c8f5cd3a" providerId="ADAL" clId="{33FD9243-6112-A94F-AF5F-5CC700191C6E}" dt="2022-12-19T06:11:17.428" v="441" actId="1037"/>
          <ac:picMkLst>
            <pc:docMk/>
            <pc:sldMk cId="327191487" sldId="388"/>
            <ac:picMk id="18" creationId="{1C58B5A1-EECB-D46B-2A77-E80BE739547C}"/>
          </ac:picMkLst>
        </pc:picChg>
        <pc:picChg chg="add mod">
          <ac:chgData name="Daly Donnacha HSLU I" userId="0f22e960-400a-43ff-baeb-4828c8f5cd3a" providerId="ADAL" clId="{33FD9243-6112-A94F-AF5F-5CC700191C6E}" dt="2022-12-19T06:11:00.053" v="423" actId="1076"/>
          <ac:picMkLst>
            <pc:docMk/>
            <pc:sldMk cId="327191487" sldId="388"/>
            <ac:picMk id="19" creationId="{01DFE683-1775-8DE3-544C-4C1E8A34D9C3}"/>
          </ac:picMkLst>
        </pc:picChg>
        <pc:picChg chg="add mod">
          <ac:chgData name="Daly Donnacha HSLU I" userId="0f22e960-400a-43ff-baeb-4828c8f5cd3a" providerId="ADAL" clId="{33FD9243-6112-A94F-AF5F-5CC700191C6E}" dt="2022-12-19T06:11:00.053" v="423" actId="1076"/>
          <ac:picMkLst>
            <pc:docMk/>
            <pc:sldMk cId="327191487" sldId="388"/>
            <ac:picMk id="20" creationId="{1C24829E-BB84-D7F2-E3EC-72245C1E6B97}"/>
          </ac:picMkLst>
        </pc:picChg>
        <pc:picChg chg="add mod">
          <ac:chgData name="Daly Donnacha HSLU I" userId="0f22e960-400a-43ff-baeb-4828c8f5cd3a" providerId="ADAL" clId="{33FD9243-6112-A94F-AF5F-5CC700191C6E}" dt="2022-12-19T06:11:22.243" v="443" actId="1038"/>
          <ac:picMkLst>
            <pc:docMk/>
            <pc:sldMk cId="327191487" sldId="388"/>
            <ac:picMk id="21" creationId="{101E46E3-D1F8-4B12-C817-7BA96C60A223}"/>
          </ac:picMkLst>
        </pc:picChg>
        <pc:picChg chg="add mod">
          <ac:chgData name="Daly Donnacha HSLU I" userId="0f22e960-400a-43ff-baeb-4828c8f5cd3a" providerId="ADAL" clId="{33FD9243-6112-A94F-AF5F-5CC700191C6E}" dt="2022-12-19T06:11:17.428" v="441" actId="1037"/>
          <ac:picMkLst>
            <pc:docMk/>
            <pc:sldMk cId="327191487" sldId="388"/>
            <ac:picMk id="22" creationId="{C26F8A1E-D6D5-0DE4-4E08-8CAE8CE4DFB2}"/>
          </ac:picMkLst>
        </pc:picChg>
        <pc:picChg chg="add mod">
          <ac:chgData name="Daly Donnacha HSLU I" userId="0f22e960-400a-43ff-baeb-4828c8f5cd3a" providerId="ADAL" clId="{33FD9243-6112-A94F-AF5F-5CC700191C6E}" dt="2022-12-19T06:11:22.243" v="443" actId="1038"/>
          <ac:picMkLst>
            <pc:docMk/>
            <pc:sldMk cId="327191487" sldId="388"/>
            <ac:picMk id="23" creationId="{1BF73A7E-49FD-CB55-5030-F2CAA3CD4484}"/>
          </ac:picMkLst>
        </pc:picChg>
        <pc:picChg chg="add mod">
          <ac:chgData name="Daly Donnacha HSLU I" userId="0f22e960-400a-43ff-baeb-4828c8f5cd3a" providerId="ADAL" clId="{33FD9243-6112-A94F-AF5F-5CC700191C6E}" dt="2022-12-19T06:11:17.428" v="441" actId="1037"/>
          <ac:picMkLst>
            <pc:docMk/>
            <pc:sldMk cId="327191487" sldId="388"/>
            <ac:picMk id="24" creationId="{E1CC4CF5-4D7D-A3C2-B7A8-C4BD554CE8E5}"/>
          </ac:picMkLst>
        </pc:picChg>
        <pc:picChg chg="add mod">
          <ac:chgData name="Daly Donnacha HSLU I" userId="0f22e960-400a-43ff-baeb-4828c8f5cd3a" providerId="ADAL" clId="{33FD9243-6112-A94F-AF5F-5CC700191C6E}" dt="2022-12-19T06:11:35.960" v="445" actId="1076"/>
          <ac:picMkLst>
            <pc:docMk/>
            <pc:sldMk cId="327191487" sldId="388"/>
            <ac:picMk id="25" creationId="{74C0E1C5-124D-B35C-FF16-F1E655AE254E}"/>
          </ac:picMkLst>
        </pc:picChg>
        <pc:picChg chg="add mod">
          <ac:chgData name="Daly Donnacha HSLU I" userId="0f22e960-400a-43ff-baeb-4828c8f5cd3a" providerId="ADAL" clId="{33FD9243-6112-A94F-AF5F-5CC700191C6E}" dt="2022-12-19T06:12:39.317" v="449" actId="14100"/>
          <ac:picMkLst>
            <pc:docMk/>
            <pc:sldMk cId="327191487" sldId="388"/>
            <ac:picMk id="26" creationId="{46102F48-0040-ED3C-DFBD-B8D44910C938}"/>
          </ac:picMkLst>
        </pc:picChg>
      </pc:sldChg>
      <pc:sldChg chg="addSp delSp modSp new mod">
        <pc:chgData name="Daly Donnacha HSLU I" userId="0f22e960-400a-43ff-baeb-4828c8f5cd3a" providerId="ADAL" clId="{33FD9243-6112-A94F-AF5F-5CC700191C6E}" dt="2022-12-19T06:15:37.720" v="473" actId="1076"/>
        <pc:sldMkLst>
          <pc:docMk/>
          <pc:sldMk cId="2687066336" sldId="389"/>
        </pc:sldMkLst>
        <pc:spChg chg="add del mod">
          <ac:chgData name="Daly Donnacha HSLU I" userId="0f22e960-400a-43ff-baeb-4828c8f5cd3a" providerId="ADAL" clId="{33FD9243-6112-A94F-AF5F-5CC700191C6E}" dt="2022-12-19T06:15:17.136" v="469" actId="478"/>
          <ac:spMkLst>
            <pc:docMk/>
            <pc:sldMk cId="2687066336" sldId="389"/>
            <ac:spMk id="3" creationId="{0DC809B5-21A2-BA91-72B7-8199BD0E6BFA}"/>
          </ac:spMkLst>
        </pc:spChg>
        <pc:spChg chg="add mod">
          <ac:chgData name="Daly Donnacha HSLU I" userId="0f22e960-400a-43ff-baeb-4828c8f5cd3a" providerId="ADAL" clId="{33FD9243-6112-A94F-AF5F-5CC700191C6E}" dt="2022-12-19T06:14:48.566" v="461" actId="1076"/>
          <ac:spMkLst>
            <pc:docMk/>
            <pc:sldMk cId="2687066336" sldId="389"/>
            <ac:spMk id="5" creationId="{9D2248E6-5197-0930-8452-9A1FFFD1E777}"/>
          </ac:spMkLst>
        </pc:spChg>
        <pc:picChg chg="add mod modCrop">
          <ac:chgData name="Daly Donnacha HSLU I" userId="0f22e960-400a-43ff-baeb-4828c8f5cd3a" providerId="ADAL" clId="{33FD9243-6112-A94F-AF5F-5CC700191C6E}" dt="2022-12-19T06:15:37.720" v="473" actId="1076"/>
          <ac:picMkLst>
            <pc:docMk/>
            <pc:sldMk cId="2687066336" sldId="389"/>
            <ac:picMk id="2" creationId="{088BCADD-E09B-D8C5-739C-155DB0607204}"/>
          </ac:picMkLst>
        </pc:picChg>
        <pc:picChg chg="add mod modCrop">
          <ac:chgData name="Daly Donnacha HSLU I" userId="0f22e960-400a-43ff-baeb-4828c8f5cd3a" providerId="ADAL" clId="{33FD9243-6112-A94F-AF5F-5CC700191C6E}" dt="2022-12-19T06:15:30.463" v="472" actId="732"/>
          <ac:picMkLst>
            <pc:docMk/>
            <pc:sldMk cId="2687066336" sldId="389"/>
            <ac:picMk id="6" creationId="{25653834-1F12-B842-81CF-38559136F5B1}"/>
          </ac:picMkLst>
        </pc:picChg>
      </pc:sldChg>
      <pc:sldChg chg="addSp delSp modSp new mod">
        <pc:chgData name="Daly Donnacha HSLU I" userId="0f22e960-400a-43ff-baeb-4828c8f5cd3a" providerId="ADAL" clId="{33FD9243-6112-A94F-AF5F-5CC700191C6E}" dt="2022-12-19T06:24:10.396" v="543" actId="14100"/>
        <pc:sldMkLst>
          <pc:docMk/>
          <pc:sldMk cId="2391924058" sldId="390"/>
        </pc:sldMkLst>
        <pc:spChg chg="add mod">
          <ac:chgData name="Daly Donnacha HSLU I" userId="0f22e960-400a-43ff-baeb-4828c8f5cd3a" providerId="ADAL" clId="{33FD9243-6112-A94F-AF5F-5CC700191C6E}" dt="2022-12-19T06:19:07.593" v="488" actId="1076"/>
          <ac:spMkLst>
            <pc:docMk/>
            <pc:sldMk cId="2391924058" sldId="390"/>
            <ac:spMk id="5" creationId="{9AD51D6F-3D5A-4E81-5FDE-A0CB539F8BFC}"/>
          </ac:spMkLst>
        </pc:spChg>
        <pc:picChg chg="add del mod">
          <ac:chgData name="Daly Donnacha HSLU I" userId="0f22e960-400a-43ff-baeb-4828c8f5cd3a" providerId="ADAL" clId="{33FD9243-6112-A94F-AF5F-5CC700191C6E}" dt="2022-12-19T06:22:35.219" v="491" actId="478"/>
          <ac:picMkLst>
            <pc:docMk/>
            <pc:sldMk cId="2391924058" sldId="390"/>
            <ac:picMk id="3" creationId="{78B61ADB-239C-7F0F-FFA8-9301E93E928D}"/>
          </ac:picMkLst>
        </pc:picChg>
        <pc:picChg chg="add mod">
          <ac:chgData name="Daly Donnacha HSLU I" userId="0f22e960-400a-43ff-baeb-4828c8f5cd3a" providerId="ADAL" clId="{33FD9243-6112-A94F-AF5F-5CC700191C6E}" dt="2022-12-19T06:24:10.396" v="543" actId="14100"/>
          <ac:picMkLst>
            <pc:docMk/>
            <pc:sldMk cId="2391924058" sldId="390"/>
            <ac:picMk id="6" creationId="{FD608C7F-CFAF-42C7-A608-0042F47D9E95}"/>
          </ac:picMkLst>
        </pc:picChg>
        <pc:picChg chg="add mod">
          <ac:chgData name="Daly Donnacha HSLU I" userId="0f22e960-400a-43ff-baeb-4828c8f5cd3a" providerId="ADAL" clId="{33FD9243-6112-A94F-AF5F-5CC700191C6E}" dt="2022-12-19T06:24:06.270" v="542" actId="14100"/>
          <ac:picMkLst>
            <pc:docMk/>
            <pc:sldMk cId="2391924058" sldId="390"/>
            <ac:picMk id="7" creationId="{E7893581-D9EE-48BE-E860-933CAFF858FB}"/>
          </ac:picMkLst>
        </pc:picChg>
      </pc:sldChg>
      <pc:sldChg chg="addSp delSp modSp new mod">
        <pc:chgData name="Daly Donnacha HSLU I" userId="0f22e960-400a-43ff-baeb-4828c8f5cd3a" providerId="ADAL" clId="{33FD9243-6112-A94F-AF5F-5CC700191C6E}" dt="2022-12-19T09:16:43.708" v="798" actId="20577"/>
        <pc:sldMkLst>
          <pc:docMk/>
          <pc:sldMk cId="1886099593" sldId="391"/>
        </pc:sldMkLst>
        <pc:spChg chg="mod">
          <ac:chgData name="Daly Donnacha HSLU I" userId="0f22e960-400a-43ff-baeb-4828c8f5cd3a" providerId="ADAL" clId="{33FD9243-6112-A94F-AF5F-5CC700191C6E}" dt="2022-12-19T09:16:43.708" v="798" actId="20577"/>
          <ac:spMkLst>
            <pc:docMk/>
            <pc:sldMk cId="1886099593" sldId="391"/>
            <ac:spMk id="2" creationId="{EE7452FB-1530-B394-FBF0-1230E0DB55DB}"/>
          </ac:spMkLst>
        </pc:spChg>
        <pc:picChg chg="add del mod modCrop">
          <ac:chgData name="Daly Donnacha HSLU I" userId="0f22e960-400a-43ff-baeb-4828c8f5cd3a" providerId="ADAL" clId="{33FD9243-6112-A94F-AF5F-5CC700191C6E}" dt="2022-12-19T06:56:46.783" v="758" actId="478"/>
          <ac:picMkLst>
            <pc:docMk/>
            <pc:sldMk cId="1886099593" sldId="391"/>
            <ac:picMk id="3" creationId="{FB3A9FDE-6A7F-16C4-FE39-34ACC2FA5C42}"/>
          </ac:picMkLst>
        </pc:picChg>
        <pc:picChg chg="add mod">
          <ac:chgData name="Daly Donnacha HSLU I" userId="0f22e960-400a-43ff-baeb-4828c8f5cd3a" providerId="ADAL" clId="{33FD9243-6112-A94F-AF5F-5CC700191C6E}" dt="2022-12-19T06:56:59.720" v="763" actId="1076"/>
          <ac:picMkLst>
            <pc:docMk/>
            <pc:sldMk cId="1886099593" sldId="391"/>
            <ac:picMk id="4" creationId="{8F561B68-2486-25F1-49BC-BBBE6CA07FD2}"/>
          </ac:picMkLst>
        </pc:picChg>
        <pc:picChg chg="add mod modCrop">
          <ac:chgData name="Daly Donnacha HSLU I" userId="0f22e960-400a-43ff-baeb-4828c8f5cd3a" providerId="ADAL" clId="{33FD9243-6112-A94F-AF5F-5CC700191C6E}" dt="2022-12-19T06:58:09.913" v="767" actId="732"/>
          <ac:picMkLst>
            <pc:docMk/>
            <pc:sldMk cId="1886099593" sldId="391"/>
            <ac:picMk id="5" creationId="{CCBDEEC6-45CB-AA0D-F12A-3B7481CECF80}"/>
          </ac:picMkLst>
        </pc:picChg>
      </pc:sldChg>
      <pc:sldChg chg="addSp delSp modSp new mod">
        <pc:chgData name="Daly Donnacha HSLU I" userId="0f22e960-400a-43ff-baeb-4828c8f5cd3a" providerId="ADAL" clId="{33FD9243-6112-A94F-AF5F-5CC700191C6E}" dt="2022-12-19T06:39:04.850" v="699" actId="1038"/>
        <pc:sldMkLst>
          <pc:docMk/>
          <pc:sldMk cId="3367962621" sldId="392"/>
        </pc:sldMkLst>
        <pc:spChg chg="mod">
          <ac:chgData name="Daly Donnacha HSLU I" userId="0f22e960-400a-43ff-baeb-4828c8f5cd3a" providerId="ADAL" clId="{33FD9243-6112-A94F-AF5F-5CC700191C6E}" dt="2022-12-19T06:38:45.731" v="692" actId="6549"/>
          <ac:spMkLst>
            <pc:docMk/>
            <pc:sldMk cId="3367962621" sldId="392"/>
            <ac:spMk id="2" creationId="{2D689B83-6A89-7B17-72D6-10BBAF171CFC}"/>
          </ac:spMkLst>
        </pc:spChg>
        <pc:spChg chg="add mod">
          <ac:chgData name="Daly Donnacha HSLU I" userId="0f22e960-400a-43ff-baeb-4828c8f5cd3a" providerId="ADAL" clId="{33FD9243-6112-A94F-AF5F-5CC700191C6E}" dt="2022-12-19T06:36:49.485" v="606"/>
          <ac:spMkLst>
            <pc:docMk/>
            <pc:sldMk cId="3367962621" sldId="392"/>
            <ac:spMk id="6" creationId="{74214196-3D54-B0B8-C095-93D529515203}"/>
          </ac:spMkLst>
        </pc:spChg>
        <pc:spChg chg="add mod">
          <ac:chgData name="Daly Donnacha HSLU I" userId="0f22e960-400a-43ff-baeb-4828c8f5cd3a" providerId="ADAL" clId="{33FD9243-6112-A94F-AF5F-5CC700191C6E}" dt="2022-12-19T06:36:20.175" v="599" actId="167"/>
          <ac:spMkLst>
            <pc:docMk/>
            <pc:sldMk cId="3367962621" sldId="392"/>
            <ac:spMk id="8" creationId="{FD6105D4-D13E-005D-4510-383C5622BD0D}"/>
          </ac:spMkLst>
        </pc:spChg>
        <pc:picChg chg="add mod">
          <ac:chgData name="Daly Donnacha HSLU I" userId="0f22e960-400a-43ff-baeb-4828c8f5cd3a" providerId="ADAL" clId="{33FD9243-6112-A94F-AF5F-5CC700191C6E}" dt="2022-12-19T06:39:04.850" v="699" actId="1038"/>
          <ac:picMkLst>
            <pc:docMk/>
            <pc:sldMk cId="3367962621" sldId="392"/>
            <ac:picMk id="3" creationId="{DF7B9EC6-8507-5047-8F72-4C6BC1D4D257}"/>
          </ac:picMkLst>
        </pc:picChg>
        <pc:picChg chg="add del mod">
          <ac:chgData name="Daly Donnacha HSLU I" userId="0f22e960-400a-43ff-baeb-4828c8f5cd3a" providerId="ADAL" clId="{33FD9243-6112-A94F-AF5F-5CC700191C6E}" dt="2022-12-19T06:32:08.419" v="570" actId="478"/>
          <ac:picMkLst>
            <pc:docMk/>
            <pc:sldMk cId="3367962621" sldId="392"/>
            <ac:picMk id="4" creationId="{4B9CED57-8FB4-D299-D20F-5AC0ED609342}"/>
          </ac:picMkLst>
        </pc:picChg>
        <pc:picChg chg="add mod">
          <ac:chgData name="Daly Donnacha HSLU I" userId="0f22e960-400a-43ff-baeb-4828c8f5cd3a" providerId="ADAL" clId="{33FD9243-6112-A94F-AF5F-5CC700191C6E}" dt="2022-12-19T06:35:42.328" v="592" actId="1076"/>
          <ac:picMkLst>
            <pc:docMk/>
            <pc:sldMk cId="3367962621" sldId="392"/>
            <ac:picMk id="7" creationId="{C59F6BC3-3076-E0EE-7526-96265E7DA7BD}"/>
          </ac:picMkLst>
        </pc:picChg>
        <pc:picChg chg="add del mod">
          <ac:chgData name="Daly Donnacha HSLU I" userId="0f22e960-400a-43ff-baeb-4828c8f5cd3a" providerId="ADAL" clId="{33FD9243-6112-A94F-AF5F-5CC700191C6E}" dt="2022-12-19T06:32:29.617" v="576" actId="478"/>
          <ac:picMkLst>
            <pc:docMk/>
            <pc:sldMk cId="3367962621" sldId="392"/>
            <ac:picMk id="4098" creationId="{F6C2655A-F976-3348-FE7A-9FB44D232FDC}"/>
          </ac:picMkLst>
        </pc:picChg>
        <pc:picChg chg="add mod">
          <ac:chgData name="Daly Donnacha HSLU I" userId="0f22e960-400a-43ff-baeb-4828c8f5cd3a" providerId="ADAL" clId="{33FD9243-6112-A94F-AF5F-5CC700191C6E}" dt="2022-12-19T06:35:49.103" v="593" actId="1076"/>
          <ac:picMkLst>
            <pc:docMk/>
            <pc:sldMk cId="3367962621" sldId="392"/>
            <ac:picMk id="4100" creationId="{A8C0966B-99A4-E835-6477-16EB927EBD63}"/>
          </ac:picMkLst>
        </pc:picChg>
      </pc:sldChg>
      <pc:sldChg chg="addSp delSp modSp new del mod">
        <pc:chgData name="Daly Donnacha HSLU I" userId="0f22e960-400a-43ff-baeb-4828c8f5cd3a" providerId="ADAL" clId="{33FD9243-6112-A94F-AF5F-5CC700191C6E}" dt="2022-12-19T06:42:14.721" v="757" actId="2696"/>
        <pc:sldMkLst>
          <pc:docMk/>
          <pc:sldMk cId="2030380700" sldId="393"/>
        </pc:sldMkLst>
        <pc:spChg chg="add del mod">
          <ac:chgData name="Daly Donnacha HSLU I" userId="0f22e960-400a-43ff-baeb-4828c8f5cd3a" providerId="ADAL" clId="{33FD9243-6112-A94F-AF5F-5CC700191C6E}" dt="2022-12-19T06:41:25.289" v="715" actId="21"/>
          <ac:spMkLst>
            <pc:docMk/>
            <pc:sldMk cId="2030380700" sldId="393"/>
            <ac:spMk id="4" creationId="{2AA28162-BE9A-66F1-DE6A-13FEC8C35875}"/>
          </ac:spMkLst>
        </pc:spChg>
        <pc:picChg chg="add del mod">
          <ac:chgData name="Daly Donnacha HSLU I" userId="0f22e960-400a-43ff-baeb-4828c8f5cd3a" providerId="ADAL" clId="{33FD9243-6112-A94F-AF5F-5CC700191C6E}" dt="2022-12-19T06:41:25.289" v="715" actId="21"/>
          <ac:picMkLst>
            <pc:docMk/>
            <pc:sldMk cId="2030380700" sldId="393"/>
            <ac:picMk id="2" creationId="{05E8B0E3-AE7C-6C33-E1B2-73277ECE8FDB}"/>
          </ac:picMkLst>
        </pc:picChg>
        <pc:picChg chg="add del mod">
          <ac:chgData name="Daly Donnacha HSLU I" userId="0f22e960-400a-43ff-baeb-4828c8f5cd3a" providerId="ADAL" clId="{33FD9243-6112-A94F-AF5F-5CC700191C6E}" dt="2022-12-19T06:41:25.289" v="715" actId="21"/>
          <ac:picMkLst>
            <pc:docMk/>
            <pc:sldMk cId="2030380700" sldId="393"/>
            <ac:picMk id="3" creationId="{F1FAD22D-DD91-3D18-3CC7-E3720AF1FA16}"/>
          </ac:picMkLst>
        </pc:picChg>
        <pc:picChg chg="add del mod">
          <ac:chgData name="Daly Donnacha HSLU I" userId="0f22e960-400a-43ff-baeb-4828c8f5cd3a" providerId="ADAL" clId="{33FD9243-6112-A94F-AF5F-5CC700191C6E}" dt="2022-12-19T06:41:25.289" v="715" actId="21"/>
          <ac:picMkLst>
            <pc:docMk/>
            <pc:sldMk cId="2030380700" sldId="393"/>
            <ac:picMk id="5" creationId="{9C8D8194-FB4B-FF1A-969C-3BBDD09D334F}"/>
          </ac:picMkLst>
        </pc:picChg>
      </pc:sldChg>
      <pc:sldChg chg="addSp modSp new mod">
        <pc:chgData name="Daly Donnacha HSLU I" userId="0f22e960-400a-43ff-baeb-4828c8f5cd3a" providerId="ADAL" clId="{33FD9243-6112-A94F-AF5F-5CC700191C6E}" dt="2022-12-19T06:41:59.870" v="755" actId="20577"/>
        <pc:sldMkLst>
          <pc:docMk/>
          <pc:sldMk cId="480680659" sldId="394"/>
        </pc:sldMkLst>
        <pc:spChg chg="mod">
          <ac:chgData name="Daly Donnacha HSLU I" userId="0f22e960-400a-43ff-baeb-4828c8f5cd3a" providerId="ADAL" clId="{33FD9243-6112-A94F-AF5F-5CC700191C6E}" dt="2022-12-19T06:41:59.870" v="755" actId="20577"/>
          <ac:spMkLst>
            <pc:docMk/>
            <pc:sldMk cId="480680659" sldId="394"/>
            <ac:spMk id="2" creationId="{11AA0067-8E37-28F2-2166-81D8A12441C6}"/>
          </ac:spMkLst>
        </pc:spChg>
        <pc:spChg chg="add mod">
          <ac:chgData name="Daly Donnacha HSLU I" userId="0f22e960-400a-43ff-baeb-4828c8f5cd3a" providerId="ADAL" clId="{33FD9243-6112-A94F-AF5F-5CC700191C6E}" dt="2022-12-19T06:41:37.455" v="718" actId="207"/>
          <ac:spMkLst>
            <pc:docMk/>
            <pc:sldMk cId="480680659" sldId="394"/>
            <ac:spMk id="5" creationId="{39ED6112-6113-CCDA-28F5-1A32138C4C95}"/>
          </ac:spMkLst>
        </pc:spChg>
        <pc:picChg chg="add mod">
          <ac:chgData name="Daly Donnacha HSLU I" userId="0f22e960-400a-43ff-baeb-4828c8f5cd3a" providerId="ADAL" clId="{33FD9243-6112-A94F-AF5F-5CC700191C6E}" dt="2022-12-19T06:41:26.471" v="716"/>
          <ac:picMkLst>
            <pc:docMk/>
            <pc:sldMk cId="480680659" sldId="394"/>
            <ac:picMk id="3" creationId="{D492BBC6-2A7F-6D81-ADA7-C2F7A09B961A}"/>
          </ac:picMkLst>
        </pc:picChg>
        <pc:picChg chg="add mod">
          <ac:chgData name="Daly Donnacha HSLU I" userId="0f22e960-400a-43ff-baeb-4828c8f5cd3a" providerId="ADAL" clId="{33FD9243-6112-A94F-AF5F-5CC700191C6E}" dt="2022-12-19T06:41:26.471" v="716"/>
          <ac:picMkLst>
            <pc:docMk/>
            <pc:sldMk cId="480680659" sldId="394"/>
            <ac:picMk id="4" creationId="{0EF4272B-0398-3D8A-BAB6-1E8E5F61485D}"/>
          </ac:picMkLst>
        </pc:picChg>
        <pc:picChg chg="add mod">
          <ac:chgData name="Daly Donnacha HSLU I" userId="0f22e960-400a-43ff-baeb-4828c8f5cd3a" providerId="ADAL" clId="{33FD9243-6112-A94F-AF5F-5CC700191C6E}" dt="2022-12-19T06:41:26.471" v="716"/>
          <ac:picMkLst>
            <pc:docMk/>
            <pc:sldMk cId="480680659" sldId="394"/>
            <ac:picMk id="6" creationId="{E13CCC04-9021-C971-CEA8-5D2899517906}"/>
          </ac:picMkLst>
        </pc:picChg>
      </pc:sldChg>
      <pc:sldMasterChg chg="modSp mod">
        <pc:chgData name="Daly Donnacha HSLU I" userId="0f22e960-400a-43ff-baeb-4828c8f5cd3a" providerId="ADAL" clId="{33FD9243-6112-A94F-AF5F-5CC700191C6E}" dt="2022-12-20T12:14:44.119" v="800" actId="6549"/>
        <pc:sldMasterMkLst>
          <pc:docMk/>
          <pc:sldMasterMk cId="0" sldId="2147483648"/>
        </pc:sldMasterMkLst>
        <pc:graphicFrameChg chg="modGraphic">
          <ac:chgData name="Daly Donnacha HSLU I" userId="0f22e960-400a-43ff-baeb-4828c8f5cd3a" providerId="ADAL" clId="{33FD9243-6112-A94F-AF5F-5CC700191C6E}" dt="2022-12-20T12:14:44.119" v="800" actId="6549"/>
          <ac:graphicFrameMkLst>
            <pc:docMk/>
            <pc:sldMasterMk cId="0" sldId="2147483648"/>
            <ac:graphicFrameMk id="8" creationId="{1E932F38-5A20-8349-A03E-D9FC51C350E6}"/>
          </ac:graphicFrameMkLst>
        </pc:graphicFrame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1843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1843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1843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9DAC2B49-0575-43F5-916A-106F863B63C9}" type="slidenum">
              <a:rPr lang="de-CH"/>
              <a:pPr>
                <a:defRPr/>
              </a:pPr>
              <a:t>‹#›</a:t>
            </a:fld>
            <a:endParaRPr lang="de-CH" dirty="0"/>
          </a:p>
        </p:txBody>
      </p:sp>
    </p:spTree>
    <p:extLst>
      <p:ext uri="{BB962C8B-B14F-4D97-AF65-F5344CB8AC3E}">
        <p14:creationId xmlns:p14="http://schemas.microsoft.com/office/powerpoint/2010/main" val="259482292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6"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6147"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5124"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6149"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dirty="0"/>
              <a:t>Click </a:t>
            </a:r>
            <a:r>
              <a:rPr lang="de-CH" noProof="0" dirty="0" err="1"/>
              <a:t>to</a:t>
            </a:r>
            <a:r>
              <a:rPr lang="de-CH" noProof="0" dirty="0"/>
              <a:t> </a:t>
            </a:r>
            <a:r>
              <a:rPr lang="de-CH" noProof="0" dirty="0" err="1"/>
              <a:t>edit</a:t>
            </a:r>
            <a:r>
              <a:rPr lang="de-CH" noProof="0" dirty="0"/>
              <a:t> Master </a:t>
            </a:r>
            <a:r>
              <a:rPr lang="de-CH" noProof="0" dirty="0" err="1"/>
              <a:t>text</a:t>
            </a:r>
            <a:r>
              <a:rPr lang="de-CH" noProof="0" dirty="0"/>
              <a:t> </a:t>
            </a:r>
            <a:r>
              <a:rPr lang="de-CH" noProof="0" dirty="0" err="1"/>
              <a:t>styles</a:t>
            </a:r>
            <a:endParaRPr lang="de-CH" noProof="0" dirty="0"/>
          </a:p>
          <a:p>
            <a:pPr lvl="1"/>
            <a:r>
              <a:rPr lang="de-CH" noProof="0" dirty="0"/>
              <a:t>Second </a:t>
            </a:r>
            <a:r>
              <a:rPr lang="de-CH" noProof="0" dirty="0" err="1"/>
              <a:t>level</a:t>
            </a:r>
            <a:endParaRPr lang="de-CH" noProof="0" dirty="0"/>
          </a:p>
          <a:p>
            <a:pPr lvl="2"/>
            <a:r>
              <a:rPr lang="de-CH" noProof="0" dirty="0"/>
              <a:t>Third </a:t>
            </a:r>
            <a:r>
              <a:rPr lang="de-CH" noProof="0" dirty="0" err="1"/>
              <a:t>level</a:t>
            </a:r>
            <a:endParaRPr lang="de-CH" noProof="0" dirty="0"/>
          </a:p>
          <a:p>
            <a:pPr lvl="3"/>
            <a:r>
              <a:rPr lang="de-CH" noProof="0" dirty="0" err="1"/>
              <a:t>Fourth</a:t>
            </a:r>
            <a:r>
              <a:rPr lang="de-CH" noProof="0" dirty="0"/>
              <a:t> </a:t>
            </a:r>
            <a:r>
              <a:rPr lang="de-CH" noProof="0" dirty="0" err="1"/>
              <a:t>level</a:t>
            </a:r>
            <a:endParaRPr lang="de-CH" noProof="0" dirty="0"/>
          </a:p>
          <a:p>
            <a:pPr lvl="4"/>
            <a:r>
              <a:rPr lang="de-CH" noProof="0" dirty="0" err="1"/>
              <a:t>Fifth</a:t>
            </a:r>
            <a:r>
              <a:rPr lang="de-CH" noProof="0" dirty="0"/>
              <a:t> </a:t>
            </a:r>
            <a:r>
              <a:rPr lang="de-CH" noProof="0" dirty="0" err="1"/>
              <a:t>level</a:t>
            </a:r>
            <a:endParaRPr lang="de-CH" noProof="0" dirty="0"/>
          </a:p>
        </p:txBody>
      </p:sp>
      <p:sp>
        <p:nvSpPr>
          <p:cNvPr id="6150"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6151"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77A904FA-23EF-4C48-9391-8F4827E157F6}" type="slidenum">
              <a:rPr lang="de-CH"/>
              <a:pPr>
                <a:defRPr/>
              </a:pPr>
              <a:t>‹#›</a:t>
            </a:fld>
            <a:endParaRPr lang="de-CH" dirty="0"/>
          </a:p>
        </p:txBody>
      </p:sp>
    </p:spTree>
    <p:extLst>
      <p:ext uri="{BB962C8B-B14F-4D97-AF65-F5344CB8AC3E}">
        <p14:creationId xmlns:p14="http://schemas.microsoft.com/office/powerpoint/2010/main" val="131954994"/>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900" kern="1200">
        <a:solidFill>
          <a:schemeClr val="tx1"/>
        </a:solidFill>
        <a:latin typeface="Verdana" pitchFamily="34" charset="0"/>
        <a:ea typeface="+mn-ea"/>
        <a:cs typeface="+mn-cs"/>
      </a:defRPr>
    </a:lvl1pPr>
    <a:lvl2pPr marL="342900" algn="l" rtl="0" eaLnBrk="0" fontAlgn="base" hangingPunct="0">
      <a:spcBef>
        <a:spcPct val="30000"/>
      </a:spcBef>
      <a:spcAft>
        <a:spcPct val="0"/>
      </a:spcAft>
      <a:defRPr sz="900" kern="1200">
        <a:solidFill>
          <a:schemeClr val="tx1"/>
        </a:solidFill>
        <a:latin typeface="Verdana" pitchFamily="34" charset="0"/>
        <a:ea typeface="+mn-ea"/>
        <a:cs typeface="+mn-cs"/>
      </a:defRPr>
    </a:lvl2pPr>
    <a:lvl3pPr marL="685800" algn="l" rtl="0" eaLnBrk="0" fontAlgn="base" hangingPunct="0">
      <a:spcBef>
        <a:spcPct val="30000"/>
      </a:spcBef>
      <a:spcAft>
        <a:spcPct val="0"/>
      </a:spcAft>
      <a:defRPr sz="900" kern="1200">
        <a:solidFill>
          <a:schemeClr val="tx1"/>
        </a:solidFill>
        <a:latin typeface="Verdana" pitchFamily="34" charset="0"/>
        <a:ea typeface="+mn-ea"/>
        <a:cs typeface="+mn-cs"/>
      </a:defRPr>
    </a:lvl3pPr>
    <a:lvl4pPr marL="1028700" algn="l" rtl="0" eaLnBrk="0" fontAlgn="base" hangingPunct="0">
      <a:spcBef>
        <a:spcPct val="30000"/>
      </a:spcBef>
      <a:spcAft>
        <a:spcPct val="0"/>
      </a:spcAft>
      <a:defRPr sz="900" kern="1200">
        <a:solidFill>
          <a:schemeClr val="tx1"/>
        </a:solidFill>
        <a:latin typeface="Verdana" pitchFamily="34" charset="0"/>
        <a:ea typeface="+mn-ea"/>
        <a:cs typeface="+mn-cs"/>
      </a:defRPr>
    </a:lvl4pPr>
    <a:lvl5pPr marL="1371600" algn="l" rtl="0" eaLnBrk="0" fontAlgn="base" hangingPunct="0">
      <a:spcBef>
        <a:spcPct val="30000"/>
      </a:spcBef>
      <a:spcAft>
        <a:spcPct val="0"/>
      </a:spcAft>
      <a:defRPr sz="900" kern="1200">
        <a:solidFill>
          <a:schemeClr val="tx1"/>
        </a:solidFill>
        <a:latin typeface="Verdana" pitchFamily="34" charset="0"/>
        <a:ea typeface="+mn-ea"/>
        <a:cs typeface="+mn-cs"/>
      </a:defRPr>
    </a:lvl5pPr>
    <a:lvl6pPr marL="1714500" algn="l" defTabSz="685800" rtl="0" eaLnBrk="1" latinLnBrk="0" hangingPunct="1">
      <a:defRPr sz="900" kern="1200">
        <a:solidFill>
          <a:schemeClr val="tx1"/>
        </a:solidFill>
        <a:latin typeface="+mn-lt"/>
        <a:ea typeface="+mn-ea"/>
        <a:cs typeface="+mn-cs"/>
      </a:defRPr>
    </a:lvl6pPr>
    <a:lvl7pPr marL="2057400" algn="l" defTabSz="685800" rtl="0" eaLnBrk="1" latinLnBrk="0" hangingPunct="1">
      <a:defRPr sz="900" kern="1200">
        <a:solidFill>
          <a:schemeClr val="tx1"/>
        </a:solidFill>
        <a:latin typeface="+mn-lt"/>
        <a:ea typeface="+mn-ea"/>
        <a:cs typeface="+mn-cs"/>
      </a:defRPr>
    </a:lvl7pPr>
    <a:lvl8pPr marL="2400300" algn="l" defTabSz="685800" rtl="0" eaLnBrk="1" latinLnBrk="0" hangingPunct="1">
      <a:defRPr sz="900" kern="1200">
        <a:solidFill>
          <a:schemeClr val="tx1"/>
        </a:solidFill>
        <a:latin typeface="+mn-lt"/>
        <a:ea typeface="+mn-ea"/>
        <a:cs typeface="+mn-cs"/>
      </a:defRPr>
    </a:lvl8pPr>
    <a:lvl9pPr marL="2743200" algn="l" defTabSz="6858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3</a:t>
            </a:fld>
            <a:endParaRPr lang="de-CH" dirty="0"/>
          </a:p>
        </p:txBody>
      </p:sp>
    </p:spTree>
    <p:extLst>
      <p:ext uri="{BB962C8B-B14F-4D97-AF65-F5344CB8AC3E}">
        <p14:creationId xmlns:p14="http://schemas.microsoft.com/office/powerpoint/2010/main" val="26151069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5</a:t>
            </a:fld>
            <a:endParaRPr lang="de-CH" dirty="0"/>
          </a:p>
        </p:txBody>
      </p:sp>
    </p:spTree>
    <p:extLst>
      <p:ext uri="{BB962C8B-B14F-4D97-AF65-F5344CB8AC3E}">
        <p14:creationId xmlns:p14="http://schemas.microsoft.com/office/powerpoint/2010/main" val="292744428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10</a:t>
            </a:fld>
            <a:endParaRPr lang="de-CH" dirty="0"/>
          </a:p>
        </p:txBody>
      </p:sp>
    </p:spTree>
    <p:extLst>
      <p:ext uri="{BB962C8B-B14F-4D97-AF65-F5344CB8AC3E}">
        <p14:creationId xmlns:p14="http://schemas.microsoft.com/office/powerpoint/2010/main" val="40122205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12</a:t>
            </a:fld>
            <a:endParaRPr lang="de-CH" dirty="0"/>
          </a:p>
        </p:txBody>
      </p:sp>
    </p:spTree>
    <p:extLst>
      <p:ext uri="{BB962C8B-B14F-4D97-AF65-F5344CB8AC3E}">
        <p14:creationId xmlns:p14="http://schemas.microsoft.com/office/powerpoint/2010/main" val="36831373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19</a:t>
            </a:fld>
            <a:endParaRPr lang="de-CH" dirty="0"/>
          </a:p>
        </p:txBody>
      </p:sp>
    </p:spTree>
    <p:extLst>
      <p:ext uri="{BB962C8B-B14F-4D97-AF65-F5344CB8AC3E}">
        <p14:creationId xmlns:p14="http://schemas.microsoft.com/office/powerpoint/2010/main" val="140876078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39</a:t>
            </a:fld>
            <a:endParaRPr lang="de-CH" dirty="0"/>
          </a:p>
        </p:txBody>
      </p:sp>
    </p:spTree>
    <p:extLst>
      <p:ext uri="{BB962C8B-B14F-4D97-AF65-F5344CB8AC3E}">
        <p14:creationId xmlns:p14="http://schemas.microsoft.com/office/powerpoint/2010/main" val="10529282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40</a:t>
            </a:fld>
            <a:endParaRPr lang="de-CH" dirty="0"/>
          </a:p>
        </p:txBody>
      </p:sp>
    </p:spTree>
    <p:extLst>
      <p:ext uri="{BB962C8B-B14F-4D97-AF65-F5344CB8AC3E}">
        <p14:creationId xmlns:p14="http://schemas.microsoft.com/office/powerpoint/2010/main" val="271252074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7A904FA-23EF-4C48-9391-8F4827E157F6}" type="slidenum">
              <a:rPr lang="de-CH" smtClean="0"/>
              <a:pPr>
                <a:defRPr/>
              </a:pPr>
              <a:t>48</a:t>
            </a:fld>
            <a:endParaRPr lang="de-CH" dirty="0"/>
          </a:p>
        </p:txBody>
      </p:sp>
    </p:spTree>
    <p:extLst>
      <p:ext uri="{BB962C8B-B14F-4D97-AF65-F5344CB8AC3E}">
        <p14:creationId xmlns:p14="http://schemas.microsoft.com/office/powerpoint/2010/main" val="141717633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hyperlink" Target="mailto:donnacha.daly@hslu.ch" TargetMode="External"/><Relationship Id="rId2" Type="http://schemas.openxmlformats.org/officeDocument/2006/relationships/slideMaster" Target="../slideMasters/slideMaster1.xml"/><Relationship Id="rId1" Type="http://schemas.openxmlformats.org/officeDocument/2006/relationships/tags" Target="../tags/tag3.xml"/><Relationship Id="rId6" Type="http://schemas.openxmlformats.org/officeDocument/2006/relationships/image" Target="../media/image2.png"/><Relationship Id="rId5" Type="http://schemas.openxmlformats.org/officeDocument/2006/relationships/hyperlink" Target="http://www.abiz.ch/" TargetMode="External"/><Relationship Id="rId4" Type="http://schemas.openxmlformats.org/officeDocument/2006/relationships/hyperlink" Target="hslu.ch/bachelor-ai" TargetMode="External"/></Relationships>
</file>

<file path=ppt/slideLayouts/_rels/slideLayout2.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custDataLst>
              <p:tags r:id="rId1"/>
            </p:custDataLst>
          </p:nvPr>
        </p:nvSpPr>
        <p:spPr>
          <a:xfrm>
            <a:off x="626800" y="1599009"/>
            <a:ext cx="6393472" cy="972741"/>
          </a:xfrm>
        </p:spPr>
        <p:txBody>
          <a:bodyPr anchor="t"/>
          <a:lstStyle>
            <a:lvl1pPr>
              <a:lnSpc>
                <a:spcPts val="2100"/>
              </a:lnSpc>
              <a:defRPr sz="2000"/>
            </a:lvl1pPr>
          </a:lstStyle>
          <a:p>
            <a:pPr lvl="0"/>
            <a:r>
              <a:rPr lang="en-GB" noProof="0" dirty="0"/>
              <a:t>Click to edit Master title style</a:t>
            </a:r>
            <a:endParaRPr lang="de-CH" noProof="0" dirty="0"/>
          </a:p>
        </p:txBody>
      </p:sp>
      <p:sp>
        <p:nvSpPr>
          <p:cNvPr id="2" name="DN:Profile|ID:11" title="Section.DE"/>
          <p:cNvSpPr txBox="1"/>
          <p:nvPr userDrawn="1"/>
        </p:nvSpPr>
        <p:spPr>
          <a:xfrm>
            <a:off x="626800" y="2754342"/>
            <a:ext cx="5538887" cy="253916"/>
          </a:xfrm>
          <a:prstGeom prst="rect">
            <a:avLst/>
          </a:prstGeom>
          <a:noFill/>
        </p:spPr>
        <p:txBody>
          <a:bodyPr vert="horz" wrap="square" rtlCol="0" anchor="b">
            <a:spAutoFit/>
          </a:bodyPr>
          <a:lstStyle/>
          <a:p>
            <a:r>
              <a:rPr lang="de-CH" sz="1050" dirty="0" err="1"/>
              <a:t> </a:t>
            </a:r>
            <a:endParaRPr lang="de-CH" sz="1050" dirty="0"/>
          </a:p>
        </p:txBody>
      </p:sp>
      <p:sp>
        <p:nvSpPr>
          <p:cNvPr id="3" name="DN:Profile|ID:1" title="Name"/>
          <p:cNvSpPr txBox="1"/>
          <p:nvPr userDrawn="1"/>
        </p:nvSpPr>
        <p:spPr>
          <a:xfrm>
            <a:off x="626800" y="2931940"/>
            <a:ext cx="5538887" cy="253916"/>
          </a:xfrm>
          <a:prstGeom prst="rect">
            <a:avLst/>
          </a:prstGeom>
          <a:noFill/>
        </p:spPr>
        <p:txBody>
          <a:bodyPr vert="horz" wrap="square" rtlCol="0">
            <a:spAutoFit/>
          </a:bodyPr>
          <a:lstStyle/>
          <a:p>
            <a:r>
              <a:rPr lang="de-CH" sz="1050" b="1" dirty="0"/>
              <a:t> </a:t>
            </a:r>
          </a:p>
        </p:txBody>
      </p:sp>
      <p:sp>
        <p:nvSpPr>
          <p:cNvPr id="4" name="DN:Profile|ID:8" title="Function.DE"/>
          <p:cNvSpPr txBox="1"/>
          <p:nvPr userDrawn="1"/>
        </p:nvSpPr>
        <p:spPr>
          <a:xfrm>
            <a:off x="626800" y="3086454"/>
            <a:ext cx="5572125" cy="253916"/>
          </a:xfrm>
          <a:prstGeom prst="rect">
            <a:avLst/>
          </a:prstGeom>
          <a:noFill/>
        </p:spPr>
        <p:txBody>
          <a:bodyPr vert="horz" wrap="square" rtlCol="0">
            <a:spAutoFit/>
          </a:bodyPr>
          <a:lstStyle/>
          <a:p>
            <a:r>
              <a:rPr lang="de-CH" sz="1050" dirty="0" err="1"/>
              <a:t> </a:t>
            </a:r>
            <a:endParaRPr lang="de-CH" sz="1050" dirty="0"/>
          </a:p>
        </p:txBody>
      </p:sp>
      <p:sp>
        <p:nvSpPr>
          <p:cNvPr id="14" name="DN:Profile|ID:4" title="Direct Phone"/>
          <p:cNvSpPr txBox="1"/>
          <p:nvPr userDrawn="1"/>
        </p:nvSpPr>
        <p:spPr>
          <a:xfrm>
            <a:off x="1450975" y="3374232"/>
            <a:ext cx="2832993" cy="253916"/>
          </a:xfrm>
          <a:prstGeom prst="rect">
            <a:avLst/>
          </a:prstGeom>
          <a:noFill/>
        </p:spPr>
        <p:txBody>
          <a:bodyPr vert="horz" wrap="square" rtlCol="0">
            <a:spAutoFit/>
          </a:bodyPr>
          <a:lstStyle/>
          <a:p>
            <a:r>
              <a:rPr lang="de-CH" sz="1050" dirty="0" err="1"/>
              <a:t> </a:t>
            </a:r>
            <a:endParaRPr lang="de-CH" sz="1050" dirty="0"/>
          </a:p>
        </p:txBody>
      </p:sp>
      <p:sp>
        <p:nvSpPr>
          <p:cNvPr id="12" name="DN:Hierarchy|ID:2|Hierarchy:1" title="Ort.DE">
            <a:extLst>
              <a:ext uri="{FF2B5EF4-FFF2-40B4-BE49-F238E27FC236}">
                <a16:creationId xmlns:a16="http://schemas.microsoft.com/office/drawing/2014/main" id="{B1631DD4-D0BA-A144-BAC6-763423D7D698}"/>
              </a:ext>
            </a:extLst>
          </p:cNvPr>
          <p:cNvSpPr txBox="1"/>
          <p:nvPr userDrawn="1"/>
        </p:nvSpPr>
        <p:spPr>
          <a:xfrm>
            <a:off x="625217" y="4024104"/>
            <a:ext cx="4737364" cy="707886"/>
          </a:xfrm>
          <a:prstGeom prst="rect">
            <a:avLst/>
          </a:prstGeom>
          <a:noFill/>
        </p:spPr>
        <p:txBody>
          <a:bodyPr vert="horz" wrap="square" rtlCol="0">
            <a:spAutoFit/>
          </a:bodyPr>
          <a:lstStyle/>
          <a:p>
            <a:r>
              <a:rPr lang="en-GB" sz="800" b="1" noProof="0" dirty="0">
                <a:solidFill>
                  <a:schemeClr val="tx1"/>
                </a:solidFill>
              </a:rPr>
              <a:t>Dr. Donnacha Daly</a:t>
            </a:r>
          </a:p>
          <a:p>
            <a:r>
              <a:rPr lang="en-GB" sz="800" noProof="0" dirty="0">
                <a:solidFill>
                  <a:schemeClr val="tx1"/>
                </a:solidFill>
              </a:rPr>
              <a:t>Head of Bachelor Program in Artificial Intelligence &amp; Machine Learning</a:t>
            </a:r>
          </a:p>
          <a:p>
            <a:r>
              <a:rPr lang="en-GB" sz="800" noProof="0" dirty="0">
                <a:solidFill>
                  <a:schemeClr val="tx1"/>
                </a:solidFill>
              </a:rPr>
              <a:t>Member of the Algorithmic Business (ABIZ) Research Lab</a:t>
            </a:r>
          </a:p>
          <a:p>
            <a:endParaRPr lang="en-GB" sz="800" noProof="0" dirty="0">
              <a:solidFill>
                <a:schemeClr val="tx1">
                  <a:lumMod val="65000"/>
                  <a:lumOff val="35000"/>
                </a:schemeClr>
              </a:solidFill>
            </a:endParaRPr>
          </a:p>
          <a:p>
            <a:r>
              <a:rPr lang="en-GB" sz="800" noProof="0" dirty="0">
                <a:solidFill>
                  <a:srgbClr val="EC5A7A"/>
                </a:solidFill>
                <a:hlinkClick r:id="rId3">
                  <a:extLst>
                    <a:ext uri="{A12FA001-AC4F-418D-AE19-62706E023703}">
                      <ahyp:hlinkClr xmlns:ahyp="http://schemas.microsoft.com/office/drawing/2018/hyperlinkcolor" val="tx"/>
                    </a:ext>
                  </a:extLst>
                </a:hlinkClick>
              </a:rPr>
              <a:t>donnacha.daly@hslu.ch</a:t>
            </a:r>
            <a:r>
              <a:rPr lang="en-GB" sz="800" noProof="0" dirty="0">
                <a:solidFill>
                  <a:srgbClr val="EC5A7A"/>
                </a:solidFill>
              </a:rPr>
              <a:t> | </a:t>
            </a:r>
            <a:r>
              <a:rPr lang="en-GB" sz="800" noProof="0" dirty="0">
                <a:solidFill>
                  <a:srgbClr val="EC5A7A"/>
                </a:solidFill>
                <a:hlinkClick r:id="rId4">
                  <a:extLst>
                    <a:ext uri="{A12FA001-AC4F-418D-AE19-62706E023703}">
                      <ahyp:hlinkClr xmlns:ahyp="http://schemas.microsoft.com/office/drawing/2018/hyperlinkcolor" val="tx"/>
                    </a:ext>
                  </a:extLst>
                </a:hlinkClick>
              </a:rPr>
              <a:t>hslu.ch/bachelor-ai</a:t>
            </a:r>
            <a:r>
              <a:rPr lang="en-GB" sz="800" noProof="0" dirty="0">
                <a:solidFill>
                  <a:srgbClr val="EC5A7A"/>
                </a:solidFill>
              </a:rPr>
              <a:t> | </a:t>
            </a:r>
            <a:r>
              <a:rPr lang="en-GB" sz="800" noProof="0" dirty="0">
                <a:solidFill>
                  <a:srgbClr val="EC5A7A"/>
                </a:solidFill>
                <a:hlinkClick r:id="rId5">
                  <a:extLst>
                    <a:ext uri="{A12FA001-AC4F-418D-AE19-62706E023703}">
                      <ahyp:hlinkClr xmlns:ahyp="http://schemas.microsoft.com/office/drawing/2018/hyperlinkcolor" val="tx"/>
                    </a:ext>
                  </a:extLst>
                </a:hlinkClick>
              </a:rPr>
              <a:t>www.abiz.ch</a:t>
            </a:r>
            <a:endParaRPr lang="en-GB" sz="800" noProof="0" dirty="0">
              <a:solidFill>
                <a:srgbClr val="EC5A7A"/>
              </a:solidFill>
            </a:endParaRPr>
          </a:p>
        </p:txBody>
      </p:sp>
      <p:pic>
        <p:nvPicPr>
          <p:cNvPr id="6" name="Picture 5" descr="Shape&#10;&#10;Description automatically generated with medium confidence">
            <a:extLst>
              <a:ext uri="{FF2B5EF4-FFF2-40B4-BE49-F238E27FC236}">
                <a16:creationId xmlns:a16="http://schemas.microsoft.com/office/drawing/2014/main" id="{8F06396A-3AF2-EB48-8984-C91702D0461F}"/>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83568" y="411511"/>
            <a:ext cx="3053696" cy="483860"/>
          </a:xfrm>
          <a:prstGeom prst="rect">
            <a:avLst/>
          </a:prstGeom>
        </p:spPr>
      </p:pic>
    </p:spTree>
    <p:extLst>
      <p:ext uri="{BB962C8B-B14F-4D97-AF65-F5344CB8AC3E}">
        <p14:creationId xmlns:p14="http://schemas.microsoft.com/office/powerpoint/2010/main" val="3920175854"/>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611188" y="267097"/>
            <a:ext cx="6372571" cy="648891"/>
          </a:xfrm>
        </p:spPr>
        <p:txBody>
          <a:bodyPr/>
          <a:lstStyle>
            <a:lvl1pPr>
              <a:defRPr sz="2000"/>
            </a:lvl1pPr>
          </a:lstStyle>
          <a:p>
            <a:r>
              <a:rPr lang="en-GB"/>
              <a:t>Click to edit Master title style</a:t>
            </a:r>
            <a:endParaRPr lang="de-CH" dirty="0"/>
          </a:p>
        </p:txBody>
      </p:sp>
    </p:spTree>
    <p:extLst>
      <p:ext uri="{BB962C8B-B14F-4D97-AF65-F5344CB8AC3E}">
        <p14:creationId xmlns:p14="http://schemas.microsoft.com/office/powerpoint/2010/main" val="30916875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DCE334-13F4-E048-929F-B1D07DC33591}"/>
              </a:ext>
            </a:extLst>
          </p:cNvPr>
          <p:cNvSpPr/>
          <p:nvPr userDrawn="1"/>
        </p:nvSpPr>
        <p:spPr>
          <a:xfrm>
            <a:off x="0" y="0"/>
            <a:ext cx="9144000" cy="51435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p>
        </p:txBody>
      </p:sp>
    </p:spTree>
    <p:extLst>
      <p:ext uri="{BB962C8B-B14F-4D97-AF65-F5344CB8AC3E}">
        <p14:creationId xmlns:p14="http://schemas.microsoft.com/office/powerpoint/2010/main" val="3819890363"/>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1.jpg"/><Relationship Id="rId5" Type="http://schemas.openxmlformats.org/officeDocument/2006/relationships/tags" Target="../tags/tag2.xml"/><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7" name="Rectangle 2"/>
          <p:cNvSpPr>
            <a:spLocks noGrp="1" noChangeArrowheads="1"/>
          </p:cNvSpPr>
          <p:nvPr>
            <p:ph type="title"/>
            <p:custDataLst>
              <p:tags r:id="rId5"/>
            </p:custDataLst>
          </p:nvPr>
        </p:nvSpPr>
        <p:spPr bwMode="auto">
          <a:xfrm>
            <a:off x="611560" y="267494"/>
            <a:ext cx="6372571" cy="6488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p>
            <a:pPr lvl="0"/>
            <a:r>
              <a:rPr lang="en-GB" altLang="de-DE" dirty="0"/>
              <a:t>Click to edit Master title style</a:t>
            </a:r>
            <a:endParaRPr lang="de-CH" altLang="de-DE" dirty="0"/>
          </a:p>
        </p:txBody>
      </p:sp>
      <p:graphicFrame>
        <p:nvGraphicFramePr>
          <p:cNvPr id="8" name="Table 7">
            <a:extLst>
              <a:ext uri="{FF2B5EF4-FFF2-40B4-BE49-F238E27FC236}">
                <a16:creationId xmlns:a16="http://schemas.microsoft.com/office/drawing/2014/main" id="{1E932F38-5A20-8349-A03E-D9FC51C350E6}"/>
              </a:ext>
            </a:extLst>
          </p:cNvPr>
          <p:cNvGraphicFramePr>
            <a:graphicFrameLocks noGrp="1"/>
          </p:cNvGraphicFramePr>
          <p:nvPr userDrawn="1">
            <p:extLst>
              <p:ext uri="{D42A27DB-BD31-4B8C-83A1-F6EECF244321}">
                <p14:modId xmlns:p14="http://schemas.microsoft.com/office/powerpoint/2010/main" val="3059553120"/>
              </p:ext>
            </p:extLst>
          </p:nvPr>
        </p:nvGraphicFramePr>
        <p:xfrm>
          <a:off x="1138926" y="4735482"/>
          <a:ext cx="7339440" cy="220980"/>
        </p:xfrm>
        <a:graphic>
          <a:graphicData uri="http://schemas.openxmlformats.org/drawingml/2006/table">
            <a:tbl>
              <a:tblPr firstRow="1" bandRow="1">
                <a:tableStyleId>{5C22544A-7EE6-4342-B048-85BDC9FD1C3A}</a:tableStyleId>
              </a:tblPr>
              <a:tblGrid>
                <a:gridCol w="2446480">
                  <a:extLst>
                    <a:ext uri="{9D8B030D-6E8A-4147-A177-3AD203B41FA5}">
                      <a16:colId xmlns:a16="http://schemas.microsoft.com/office/drawing/2014/main" val="2848615248"/>
                    </a:ext>
                  </a:extLst>
                </a:gridCol>
                <a:gridCol w="2446480">
                  <a:extLst>
                    <a:ext uri="{9D8B030D-6E8A-4147-A177-3AD203B41FA5}">
                      <a16:colId xmlns:a16="http://schemas.microsoft.com/office/drawing/2014/main" val="4264160678"/>
                    </a:ext>
                  </a:extLst>
                </a:gridCol>
                <a:gridCol w="2446480">
                  <a:extLst>
                    <a:ext uri="{9D8B030D-6E8A-4147-A177-3AD203B41FA5}">
                      <a16:colId xmlns:a16="http://schemas.microsoft.com/office/drawing/2014/main" val="3182505763"/>
                    </a:ext>
                  </a:extLst>
                </a:gridCol>
              </a:tblGrid>
              <a:tr h="160020">
                <a:tc>
                  <a:txBody>
                    <a:bodyPr/>
                    <a:lstStyle/>
                    <a:p>
                      <a:pPr algn="l"/>
                      <a:r>
                        <a:rPr lang="en-US" sz="500" b="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rPr>
                        <a:t>Dr. Donnacha Daly</a:t>
                      </a:r>
                    </a:p>
                    <a:p>
                      <a:pPr algn="l"/>
                      <a:r>
                        <a:rPr lang="en-US" sz="500" b="0" dirty="0" err="1">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rPr>
                        <a:t>donnacha.daly@hslu.ch</a:t>
                      </a:r>
                      <a:endParaRPr lang="en-US" sz="500" b="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endParaRPr>
                    </a:p>
                  </a:txBody>
                  <a:tcPr marL="62345" marR="62345" marT="34290" marB="34290">
                    <a:lnL w="12700" cmpd="sng">
                      <a:noFill/>
                    </a:lnL>
                    <a:lnR w="12700" cmpd="sng">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a:endParaRPr lang="en-US" sz="500" b="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endParaRPr>
                    </a:p>
                  </a:txBody>
                  <a:tcPr marL="62345" marR="62345" marT="34290" marB="34290">
                    <a:lnL w="12700" cmpd="sng">
                      <a:noFill/>
                    </a:lnL>
                    <a:lnR w="12700" cmpd="sng">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r"/>
                      <a:r>
                        <a:rPr lang="en-US" sz="600" b="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rPr>
                        <a:t> </a:t>
                      </a:r>
                    </a:p>
                  </a:txBody>
                  <a:tcPr marL="62345" marR="62345" marT="34290" marB="34290">
                    <a:lnL w="12700" cmpd="sng">
                      <a:noFill/>
                    </a:lnL>
                    <a:lnR w="12700" cmpd="sng">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564476068"/>
                  </a:ext>
                </a:extLst>
              </a:tr>
            </a:tbl>
          </a:graphicData>
        </a:graphic>
      </p:graphicFrame>
      <p:sp>
        <p:nvSpPr>
          <p:cNvPr id="10" name="TextBox 9">
            <a:extLst>
              <a:ext uri="{FF2B5EF4-FFF2-40B4-BE49-F238E27FC236}">
                <a16:creationId xmlns:a16="http://schemas.microsoft.com/office/drawing/2014/main" id="{E69F5C6B-556B-574A-810E-86DF3AE1F1A0}"/>
              </a:ext>
            </a:extLst>
          </p:cNvPr>
          <p:cNvSpPr txBox="1"/>
          <p:nvPr userDrawn="1"/>
        </p:nvSpPr>
        <p:spPr>
          <a:xfrm>
            <a:off x="8025660" y="4735482"/>
            <a:ext cx="474810" cy="169277"/>
          </a:xfrm>
          <a:prstGeom prst="rect">
            <a:avLst/>
          </a:prstGeom>
          <a:noFill/>
        </p:spPr>
        <p:txBody>
          <a:bodyPr wrap="none" rtlCol="0">
            <a:spAutoFit/>
          </a:bodyPr>
          <a:lstStyle/>
          <a:p>
            <a:pPr algn="r"/>
            <a:r>
              <a:rPr lang="en-GB" sz="500" noProof="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rPr>
              <a:t>Slide </a:t>
            </a:r>
            <a:fld id="{E244BA80-40A2-6249-962B-E530D612185D}" type="slidenum">
              <a:rPr lang="en-GB" sz="500" noProof="0" smtClean="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rPr>
              <a:pPr algn="r"/>
              <a:t>‹#›</a:t>
            </a:fld>
            <a:endParaRPr lang="en-GB" sz="500" noProof="0" dirty="0">
              <a:solidFill>
                <a:schemeClr val="tx1">
                  <a:lumMod val="50000"/>
                  <a:lumOff val="50000"/>
                </a:schemeClr>
              </a:solidFill>
              <a:latin typeface="Verdana" panose="020B0604030504040204" pitchFamily="34" charset="0"/>
              <a:ea typeface="Verdana" panose="020B0604030504040204" pitchFamily="34" charset="0"/>
              <a:cs typeface="Verdana" panose="020B0604030504040204" pitchFamily="34" charset="0"/>
            </a:endParaRPr>
          </a:p>
        </p:txBody>
      </p:sp>
      <p:pic>
        <p:nvPicPr>
          <p:cNvPr id="3" name="Picture 2" descr="Logo&#10;&#10;Description automatically generated with medium confidence">
            <a:extLst>
              <a:ext uri="{FF2B5EF4-FFF2-40B4-BE49-F238E27FC236}">
                <a16:creationId xmlns:a16="http://schemas.microsoft.com/office/drawing/2014/main" id="{DAA3AFCB-433F-4F4A-93A7-3C2C3AD6AA3C}"/>
              </a:ext>
            </a:extLst>
          </p:cNvPr>
          <p:cNvPicPr>
            <a:picLocks noChangeAspect="1"/>
          </p:cNvPicPr>
          <p:nvPr userDrawn="1"/>
        </p:nvPicPr>
        <p:blipFill rotWithShape="1">
          <a:blip r:embed="rId6">
            <a:extLst>
              <a:ext uri="{28A0092B-C50C-407E-A947-70E740481C1C}">
                <a14:useLocalDpi xmlns:a14="http://schemas.microsoft.com/office/drawing/2010/main" val="0"/>
              </a:ext>
            </a:extLst>
          </a:blip>
          <a:srcRect l="7707" t="10310" r="48678" b="15980"/>
          <a:stretch/>
        </p:blipFill>
        <p:spPr>
          <a:xfrm>
            <a:off x="643530" y="4748712"/>
            <a:ext cx="495396" cy="195156"/>
          </a:xfrm>
          <a:prstGeom prst="rect">
            <a:avLst/>
          </a:prstGeom>
        </p:spPr>
      </p:pic>
    </p:spTree>
  </p:cSld>
  <p:clrMap bg1="lt1" tx1="dk1" bg2="lt2" tx2="dk2" accent1="accent1" accent2="accent2" accent3="accent3" accent4="accent4" accent5="accent5" accent6="accent6" hlink="hlink" folHlink="folHlink"/>
  <p:sldLayoutIdLst>
    <p:sldLayoutId id="2147483731" r:id="rId1"/>
    <p:sldLayoutId id="2147483721" r:id="rId2"/>
    <p:sldLayoutId id="2147483726" r:id="rId3"/>
  </p:sldLayoutIdLst>
  <p:hf hdr="0" ftr="0"/>
  <p:txStyles>
    <p:titleStyle>
      <a:lvl1pPr algn="l" rtl="0" eaLnBrk="1" fontAlgn="base" hangingPunct="1">
        <a:spcBef>
          <a:spcPct val="0"/>
        </a:spcBef>
        <a:spcAft>
          <a:spcPct val="0"/>
        </a:spcAft>
        <a:defRPr sz="2000" b="1">
          <a:solidFill>
            <a:schemeClr val="tx1"/>
          </a:solidFill>
          <a:latin typeface="+mj-lt"/>
          <a:ea typeface="+mj-ea"/>
          <a:cs typeface="+mj-cs"/>
        </a:defRPr>
      </a:lvl1pPr>
      <a:lvl2pPr algn="l" rtl="0" eaLnBrk="1" fontAlgn="base" hangingPunct="1">
        <a:spcBef>
          <a:spcPct val="0"/>
        </a:spcBef>
        <a:spcAft>
          <a:spcPct val="0"/>
        </a:spcAft>
        <a:defRPr sz="1200" b="1">
          <a:solidFill>
            <a:schemeClr val="tx2"/>
          </a:solidFill>
          <a:latin typeface="Verdana" pitchFamily="34" charset="0"/>
        </a:defRPr>
      </a:lvl2pPr>
      <a:lvl3pPr algn="l" rtl="0" eaLnBrk="1" fontAlgn="base" hangingPunct="1">
        <a:spcBef>
          <a:spcPct val="0"/>
        </a:spcBef>
        <a:spcAft>
          <a:spcPct val="0"/>
        </a:spcAft>
        <a:defRPr sz="1200" b="1">
          <a:solidFill>
            <a:schemeClr val="tx2"/>
          </a:solidFill>
          <a:latin typeface="Verdana" pitchFamily="34" charset="0"/>
        </a:defRPr>
      </a:lvl3pPr>
      <a:lvl4pPr algn="l" rtl="0" eaLnBrk="1" fontAlgn="base" hangingPunct="1">
        <a:spcBef>
          <a:spcPct val="0"/>
        </a:spcBef>
        <a:spcAft>
          <a:spcPct val="0"/>
        </a:spcAft>
        <a:defRPr sz="1200" b="1">
          <a:solidFill>
            <a:schemeClr val="tx2"/>
          </a:solidFill>
          <a:latin typeface="Verdana" pitchFamily="34" charset="0"/>
        </a:defRPr>
      </a:lvl4pPr>
      <a:lvl5pPr algn="l" rtl="0" eaLnBrk="1" fontAlgn="base" hangingPunct="1">
        <a:spcBef>
          <a:spcPct val="0"/>
        </a:spcBef>
        <a:spcAft>
          <a:spcPct val="0"/>
        </a:spcAft>
        <a:defRPr sz="1200" b="1">
          <a:solidFill>
            <a:schemeClr val="tx2"/>
          </a:solidFill>
          <a:latin typeface="Verdana" pitchFamily="34" charset="0"/>
        </a:defRPr>
      </a:lvl5pPr>
      <a:lvl6pPr marL="342900" algn="l" rtl="0" eaLnBrk="1" fontAlgn="base" hangingPunct="1">
        <a:spcBef>
          <a:spcPct val="0"/>
        </a:spcBef>
        <a:spcAft>
          <a:spcPct val="0"/>
        </a:spcAft>
        <a:defRPr sz="1200" b="1">
          <a:solidFill>
            <a:schemeClr val="tx2"/>
          </a:solidFill>
          <a:latin typeface="Verdana" pitchFamily="34" charset="0"/>
        </a:defRPr>
      </a:lvl6pPr>
      <a:lvl7pPr marL="685800" algn="l" rtl="0" eaLnBrk="1" fontAlgn="base" hangingPunct="1">
        <a:spcBef>
          <a:spcPct val="0"/>
        </a:spcBef>
        <a:spcAft>
          <a:spcPct val="0"/>
        </a:spcAft>
        <a:defRPr sz="1200" b="1">
          <a:solidFill>
            <a:schemeClr val="tx2"/>
          </a:solidFill>
          <a:latin typeface="Verdana" pitchFamily="34" charset="0"/>
        </a:defRPr>
      </a:lvl7pPr>
      <a:lvl8pPr marL="1028700" algn="l" rtl="0" eaLnBrk="1" fontAlgn="base" hangingPunct="1">
        <a:spcBef>
          <a:spcPct val="0"/>
        </a:spcBef>
        <a:spcAft>
          <a:spcPct val="0"/>
        </a:spcAft>
        <a:defRPr sz="1200" b="1">
          <a:solidFill>
            <a:schemeClr val="tx2"/>
          </a:solidFill>
          <a:latin typeface="Verdana" pitchFamily="34" charset="0"/>
        </a:defRPr>
      </a:lvl8pPr>
      <a:lvl9pPr marL="1371600" algn="l" rtl="0" eaLnBrk="1" fontAlgn="base" hangingPunct="1">
        <a:spcBef>
          <a:spcPct val="0"/>
        </a:spcBef>
        <a:spcAft>
          <a:spcPct val="0"/>
        </a:spcAft>
        <a:defRPr sz="1200" b="1">
          <a:solidFill>
            <a:schemeClr val="tx2"/>
          </a:solidFill>
          <a:latin typeface="Verdana" pitchFamily="34" charset="0"/>
        </a:defRPr>
      </a:lvl9pPr>
    </p:titleStyle>
    <p:bodyStyle>
      <a:lvl1pPr marL="136922" indent="-136922" algn="l" rtl="0" eaLnBrk="1" fontAlgn="base" hangingPunct="1">
        <a:spcBef>
          <a:spcPct val="0"/>
        </a:spcBef>
        <a:spcAft>
          <a:spcPct val="0"/>
        </a:spcAft>
        <a:buChar char="-"/>
        <a:defRPr sz="1200">
          <a:solidFill>
            <a:schemeClr val="tx1"/>
          </a:solidFill>
          <a:latin typeface="+mn-lt"/>
          <a:ea typeface="+mn-ea"/>
          <a:cs typeface="+mn-cs"/>
        </a:defRPr>
      </a:lvl1pPr>
      <a:lvl2pPr marL="404813" indent="-144066" algn="l" rtl="0" eaLnBrk="1" fontAlgn="base" hangingPunct="1">
        <a:spcBef>
          <a:spcPct val="0"/>
        </a:spcBef>
        <a:spcAft>
          <a:spcPct val="0"/>
        </a:spcAft>
        <a:buChar char="-"/>
        <a:defRPr sz="1200">
          <a:solidFill>
            <a:schemeClr val="tx1"/>
          </a:solidFill>
          <a:latin typeface="+mn-lt"/>
        </a:defRPr>
      </a:lvl2pPr>
      <a:lvl3pPr marL="679847" indent="-144066" algn="l" rtl="0" eaLnBrk="1" fontAlgn="base" hangingPunct="1">
        <a:spcBef>
          <a:spcPct val="0"/>
        </a:spcBef>
        <a:spcAft>
          <a:spcPct val="0"/>
        </a:spcAft>
        <a:buChar char="-"/>
        <a:defRPr sz="1200">
          <a:solidFill>
            <a:schemeClr val="tx1"/>
          </a:solidFill>
          <a:latin typeface="+mn-lt"/>
        </a:defRPr>
      </a:lvl3pPr>
      <a:lvl4pPr marL="946547" indent="-136922" algn="l" rtl="0" eaLnBrk="1" fontAlgn="base" hangingPunct="1">
        <a:spcBef>
          <a:spcPct val="0"/>
        </a:spcBef>
        <a:spcAft>
          <a:spcPct val="0"/>
        </a:spcAft>
        <a:buChar char="-"/>
        <a:defRPr sz="1200">
          <a:solidFill>
            <a:schemeClr val="tx1"/>
          </a:solidFill>
          <a:latin typeface="+mn-lt"/>
        </a:defRPr>
      </a:lvl4pPr>
      <a:lvl5pPr marL="1214438" indent="-136922" algn="l" rtl="0" eaLnBrk="1" fontAlgn="base" hangingPunct="1">
        <a:spcBef>
          <a:spcPct val="0"/>
        </a:spcBef>
        <a:spcAft>
          <a:spcPct val="0"/>
        </a:spcAft>
        <a:buChar char="-"/>
        <a:defRPr sz="1200">
          <a:solidFill>
            <a:schemeClr val="tx1"/>
          </a:solidFill>
          <a:latin typeface="+mn-lt"/>
        </a:defRPr>
      </a:lvl5pPr>
      <a:lvl6pPr marL="1557338" indent="-136922" algn="l" rtl="0" eaLnBrk="1" fontAlgn="base" hangingPunct="1">
        <a:spcBef>
          <a:spcPct val="0"/>
        </a:spcBef>
        <a:spcAft>
          <a:spcPct val="0"/>
        </a:spcAft>
        <a:buChar char="-"/>
        <a:defRPr sz="1200">
          <a:solidFill>
            <a:schemeClr val="tx1"/>
          </a:solidFill>
          <a:latin typeface="+mn-lt"/>
        </a:defRPr>
      </a:lvl6pPr>
      <a:lvl7pPr marL="1900238" indent="-136922" algn="l" rtl="0" eaLnBrk="1" fontAlgn="base" hangingPunct="1">
        <a:spcBef>
          <a:spcPct val="0"/>
        </a:spcBef>
        <a:spcAft>
          <a:spcPct val="0"/>
        </a:spcAft>
        <a:buChar char="-"/>
        <a:defRPr sz="1200">
          <a:solidFill>
            <a:schemeClr val="tx1"/>
          </a:solidFill>
          <a:latin typeface="+mn-lt"/>
        </a:defRPr>
      </a:lvl7pPr>
      <a:lvl8pPr marL="2243138" indent="-136922" algn="l" rtl="0" eaLnBrk="1" fontAlgn="base" hangingPunct="1">
        <a:spcBef>
          <a:spcPct val="0"/>
        </a:spcBef>
        <a:spcAft>
          <a:spcPct val="0"/>
        </a:spcAft>
        <a:buChar char="-"/>
        <a:defRPr sz="1200">
          <a:solidFill>
            <a:schemeClr val="tx1"/>
          </a:solidFill>
          <a:latin typeface="+mn-lt"/>
        </a:defRPr>
      </a:lvl8pPr>
      <a:lvl9pPr marL="2586038" indent="-136922" algn="l" rtl="0" eaLnBrk="1" fontAlgn="base" hangingPunct="1">
        <a:spcBef>
          <a:spcPct val="0"/>
        </a:spcBef>
        <a:spcAft>
          <a:spcPct val="0"/>
        </a:spcAft>
        <a:buChar char="-"/>
        <a:defRPr sz="1200">
          <a:solidFill>
            <a:schemeClr val="tx1"/>
          </a:solidFill>
          <a:latin typeface="+mn-lt"/>
        </a:defRPr>
      </a:lvl9pPr>
    </p:bodyStyle>
    <p:otherStyle>
      <a:defPPr>
        <a:defRPr lang="de-D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620" userDrawn="1">
          <p15:clr>
            <a:srgbClr val="F26B43"/>
          </p15:clr>
        </p15:guide>
        <p15:guide id="2" pos="2880" userDrawn="1">
          <p15:clr>
            <a:srgbClr val="F26B43"/>
          </p15:clr>
        </p15:guide>
        <p15:guide id="3" pos="385" userDrawn="1">
          <p15:clr>
            <a:srgbClr val="F26B43"/>
          </p15:clr>
        </p15:guide>
        <p15:guide id="4" pos="5375" userDrawn="1">
          <p15:clr>
            <a:srgbClr val="F26B43"/>
          </p15:clr>
        </p15:guide>
        <p15:guide id="5" orient="horz" pos="577" userDrawn="1">
          <p15:clr>
            <a:srgbClr val="F26B43"/>
          </p15:clr>
        </p15:guide>
        <p15:guide id="6" orient="horz" pos="2981"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2.xml"/><Relationship Id="rId5" Type="http://schemas.openxmlformats.org/officeDocument/2006/relationships/image" Target="../media/image20.png"/><Relationship Id="rId4" Type="http://schemas.openxmlformats.org/officeDocument/2006/relationships/image" Target="../media/image19.png"/></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3.mp4"/><Relationship Id="rId1" Type="http://schemas.microsoft.com/office/2007/relationships/media" Target="../media/media3.mp4"/><Relationship Id="rId5" Type="http://schemas.openxmlformats.org/officeDocument/2006/relationships/image" Target="../media/image21.png"/><Relationship Id="rId4" Type="http://schemas.openxmlformats.org/officeDocument/2006/relationships/notesSlide" Target="../notesSlides/notesSlide4.xml"/></Relationships>
</file>

<file path=ppt/slides/_rels/slide13.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14.xml.rels><?xml version="1.0" encoding="UTF-8" standalone="yes"?>
<Relationships xmlns="http://schemas.openxmlformats.org/package/2006/relationships"><Relationship Id="rId3" Type="http://schemas.openxmlformats.org/officeDocument/2006/relationships/hyperlink" Target="https://www.nextmsc.com/report/artificial-intelligence-market" TargetMode="External"/><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s://www.mckinsey.com/capabilities/quantumblack/our-insights/the-state-of-ai-in-2022-and-a-half-decade-in-review#research" TargetMode="External"/><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2.xml"/><Relationship Id="rId4" Type="http://schemas.openxmlformats.org/officeDocument/2006/relationships/image" Target="../media/image29.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hyperlink" Target="https://www.technologyreview.com/2020/11/03/1011616/ai-godfather-geoffrey-hinton-deep-learning-will-do-everything" TargetMode="External"/><Relationship Id="rId2" Type="http://schemas.openxmlformats.org/officeDocument/2006/relationships/image" Target="../media/image30.png"/><Relationship Id="rId1" Type="http://schemas.openxmlformats.org/officeDocument/2006/relationships/slideLayout" Target="../slideLayouts/slideLayout2.xml"/><Relationship Id="rId4" Type="http://schemas.openxmlformats.org/officeDocument/2006/relationships/image" Target="../media/image31.png"/></Relationships>
</file>

<file path=ppt/slides/_rels/slide19.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33.jpeg"/><Relationship Id="rId4" Type="http://schemas.openxmlformats.org/officeDocument/2006/relationships/hyperlink" Target="https://arxiv.org/abs/2104.12871" TargetMode="External"/></Relationships>
</file>

<file path=ppt/slides/_rels/slide2.xml.rels><?xml version="1.0" encoding="UTF-8" standalone="yes"?>
<Relationships xmlns="http://schemas.openxmlformats.org/package/2006/relationships"><Relationship Id="rId3" Type="http://schemas.openxmlformats.org/officeDocument/2006/relationships/hyperlink" Target="https://xkcd.com/1875/" TargetMode="External"/><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2.xml"/><Relationship Id="rId5" Type="http://schemas.openxmlformats.org/officeDocument/2006/relationships/image" Target="../media/image36.png"/><Relationship Id="rId4" Type="http://schemas.openxmlformats.org/officeDocument/2006/relationships/hyperlink" Target="https://twitter.com/fchollet/status/1464875867587424256" TargetMode="External"/></Relationships>
</file>

<file path=ppt/slides/_rels/slide21.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png"/><Relationship Id="rId1" Type="http://schemas.openxmlformats.org/officeDocument/2006/relationships/slideLayout" Target="../slideLayouts/slideLayout2.xml"/><Relationship Id="rId4" Type="http://schemas.openxmlformats.org/officeDocument/2006/relationships/hyperlink" Target="https://bdtechtalks.com/2021/09/20/myth-of-artificial-intelligence-erik-larson/" TargetMode="External"/></Relationships>
</file>

<file path=ppt/slides/_rels/slide22.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2.xml"/><Relationship Id="rId5" Type="http://schemas.openxmlformats.org/officeDocument/2006/relationships/image" Target="../media/image41.png"/><Relationship Id="rId4" Type="http://schemas.openxmlformats.org/officeDocument/2006/relationships/hyperlink" Target="https://mbm.cds.nyu.edu/#landingPage" TargetMode="Externa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2.xml"/><Relationship Id="rId7" Type="http://schemas.openxmlformats.org/officeDocument/2006/relationships/image" Target="../media/image44.png"/><Relationship Id="rId2" Type="http://schemas.openxmlformats.org/officeDocument/2006/relationships/video" Target="../media/media4.mp4"/><Relationship Id="rId1" Type="http://schemas.microsoft.com/office/2007/relationships/media" Target="../media/media4.mp4"/><Relationship Id="rId6" Type="http://schemas.openxmlformats.org/officeDocument/2006/relationships/image" Target="../media/image43.png"/><Relationship Id="rId5" Type="http://schemas.openxmlformats.org/officeDocument/2006/relationships/hyperlink" Target="https://twitter.com/Kukicat7/status/1466328532250943491" TargetMode="External"/><Relationship Id="rId4" Type="http://schemas.openxmlformats.org/officeDocument/2006/relationships/image" Target="../media/image42.png"/></Relationships>
</file>

<file path=ppt/slides/_rels/slide2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1.jpg"/><Relationship Id="rId1" Type="http://schemas.openxmlformats.org/officeDocument/2006/relationships/slideLayout" Target="../slideLayouts/slideLayout3.xml"/><Relationship Id="rId4" Type="http://schemas.openxmlformats.org/officeDocument/2006/relationships/image" Target="../media/image46.png"/></Relationships>
</file>

<file path=ppt/slides/_rels/slide25.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image" Target="../media/image47.png"/><Relationship Id="rId1" Type="http://schemas.openxmlformats.org/officeDocument/2006/relationships/slideLayout" Target="../slideLayouts/slideLayout2.xml"/><Relationship Id="rId4" Type="http://schemas.openxmlformats.org/officeDocument/2006/relationships/hyperlink" Target="https://twitter.com/verge/status/1448661683530977295" TargetMode="External"/></Relationships>
</file>

<file path=ppt/slides/_rels/slide2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hyperlink" Target="https://www.theguardian.com/technology/2020/sep/06/from-viral-conspiracies-to-exam-fiascos-algorithms-come-with-serious-side-effects?CMP=Share_iOSApp_Other" TargetMode="Externa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50.tiff"/><Relationship Id="rId1" Type="http://schemas.openxmlformats.org/officeDocument/2006/relationships/slideLayout" Target="../slideLayouts/slideLayout2.xml"/><Relationship Id="rId4" Type="http://schemas.openxmlformats.org/officeDocument/2006/relationships/hyperlink" Target="https://www.euronews.com/2021/05/26/google-s-new-ai-skincare-tool-may-not-work-on-patients-with-darker-skin-tones" TargetMode="External"/></Relationships>
</file>

<file path=ppt/slides/_rels/slide28.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hyperlink" Target="https://www.wired.com/story/ai-great-things-burn-planet/" TargetMode="Externa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hyperlink" Target="https://hbr.org/2021/04/new-ai-regulations-are-coming-is-your-organization-ready" TargetMode="External"/><Relationship Id="rId1" Type="http://schemas.openxmlformats.org/officeDocument/2006/relationships/slideLayout" Target="../slideLayouts/slideLayout2.xml"/><Relationship Id="rId5" Type="http://schemas.openxmlformats.org/officeDocument/2006/relationships/image" Target="../media/image55.png"/><Relationship Id="rId4" Type="http://schemas.openxmlformats.org/officeDocument/2006/relationships/image" Target="../media/image54.tiff"/></Relationships>
</file>

<file path=ppt/slides/_rels/slide3.xml.rels><?xml version="1.0" encoding="UTF-8" standalone="yes"?>
<Relationships xmlns="http://schemas.openxmlformats.org/package/2006/relationships"><Relationship Id="rId3" Type="http://schemas.openxmlformats.org/officeDocument/2006/relationships/hyperlink" Target="https://twitter.com/hslu_aiml" TargetMode="External"/><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image" Target="../media/image56.png"/><Relationship Id="rId1" Type="http://schemas.openxmlformats.org/officeDocument/2006/relationships/slideLayout" Target="../slideLayouts/slideLayout2.xml"/><Relationship Id="rId6" Type="http://schemas.openxmlformats.org/officeDocument/2006/relationships/hyperlink" Target="https://www.euractiv.com/section/data-protection/news/new-german-government-to-ban-facial-recognition-and-mass-surveillance/" TargetMode="External"/><Relationship Id="rId5" Type="http://schemas.openxmlformats.org/officeDocument/2006/relationships/image" Target="../media/image59.png"/><Relationship Id="rId4" Type="http://schemas.openxmlformats.org/officeDocument/2006/relationships/image" Target="../media/image58.jpeg"/></Relationships>
</file>

<file path=ppt/slides/_rels/slide31.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hyperlink" Target="https://www.ft.com/content/85b0882e-3e93-42e7-8411-54f4e24c7f87" TargetMode="External"/><Relationship Id="rId1" Type="http://schemas.openxmlformats.org/officeDocument/2006/relationships/slideLayout" Target="../slideLayouts/slideLayout2.xml"/><Relationship Id="rId4" Type="http://schemas.openxmlformats.org/officeDocument/2006/relationships/image" Target="../media/image61.png"/></Relationships>
</file>

<file path=ppt/slides/_rels/slide32.xml.rels><?xml version="1.0" encoding="UTF-8" standalone="yes"?>
<Relationships xmlns="http://schemas.openxmlformats.org/package/2006/relationships"><Relationship Id="rId3" Type="http://schemas.openxmlformats.org/officeDocument/2006/relationships/hyperlink" Target="https://www.economist.com/technology-quarterly/2020-06-13" TargetMode="External"/><Relationship Id="rId2" Type="http://schemas.openxmlformats.org/officeDocument/2006/relationships/image" Target="../media/image62.pn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jpeg"/><Relationship Id="rId1" Type="http://schemas.openxmlformats.org/officeDocument/2006/relationships/slideLayout" Target="../slideLayouts/slideLayout2.xml"/><Relationship Id="rId4" Type="http://schemas.openxmlformats.org/officeDocument/2006/relationships/image" Target="../media/image65.png"/></Relationships>
</file>

<file path=ppt/slides/_rels/slide35.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66.png"/><Relationship Id="rId1" Type="http://schemas.openxmlformats.org/officeDocument/2006/relationships/slideLayout" Target="../slideLayouts/slideLayout2.xml"/><Relationship Id="rId6" Type="http://schemas.openxmlformats.org/officeDocument/2006/relationships/image" Target="../media/image70.png"/><Relationship Id="rId5" Type="http://schemas.openxmlformats.org/officeDocument/2006/relationships/image" Target="../media/image69.png"/><Relationship Id="rId4" Type="http://schemas.openxmlformats.org/officeDocument/2006/relationships/image" Target="../media/image68.png"/></Relationships>
</file>

<file path=ppt/slides/_rels/slide36.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image" Target="../media/image71.png"/><Relationship Id="rId1" Type="http://schemas.openxmlformats.org/officeDocument/2006/relationships/slideLayout" Target="../slideLayouts/slideLayout2.xml"/><Relationship Id="rId4" Type="http://schemas.openxmlformats.org/officeDocument/2006/relationships/hyperlink" Target="https://www.forbes.com/sites/robtoews/2020/05/10/artificial-intelligence-is-driving-a-silicon-renaissance/#7ffd4a99553c" TargetMode="External"/></Relationships>
</file>

<file path=ppt/slides/_rels/slide37.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image" Target="../media/image73.png"/><Relationship Id="rId1" Type="http://schemas.openxmlformats.org/officeDocument/2006/relationships/slideLayout" Target="../slideLayouts/slideLayout2.xml"/><Relationship Id="rId6" Type="http://schemas.openxmlformats.org/officeDocument/2006/relationships/image" Target="../media/image76.jpeg"/><Relationship Id="rId5" Type="http://schemas.openxmlformats.org/officeDocument/2006/relationships/hyperlink" Target="https://read.nxtbook.com/ieee/spectrum/spectrum_na_december_2021/ohm_s_law_kirchhoff_s_current.html" TargetMode="External"/><Relationship Id="rId4" Type="http://schemas.openxmlformats.org/officeDocument/2006/relationships/image" Target="../media/image75.png"/></Relationships>
</file>

<file path=ppt/slides/_rels/slide38.xml.rels><?xml version="1.0" encoding="UTF-8" standalone="yes"?>
<Relationships xmlns="http://schemas.openxmlformats.org/package/2006/relationships"><Relationship Id="rId3" Type="http://schemas.openxmlformats.org/officeDocument/2006/relationships/hyperlink" Target="https://www.darpa.mil/program/explainable-artificial-intelligence" TargetMode="External"/><Relationship Id="rId2" Type="http://schemas.openxmlformats.org/officeDocument/2006/relationships/image" Target="../media/image77.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78.tiff"/><Relationship Id="rId7" Type="http://schemas.openxmlformats.org/officeDocument/2006/relationships/image" Target="../media/image81.pn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80.png"/><Relationship Id="rId5" Type="http://schemas.openxmlformats.org/officeDocument/2006/relationships/image" Target="../media/image79.png"/><Relationship Id="rId4" Type="http://schemas.openxmlformats.org/officeDocument/2006/relationships/hyperlink" Target="https://twitter.com/AndrewYNg/status/1396922136808202241" TargetMode="External"/></Relationships>
</file>

<file path=ppt/slides/_rels/slide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84.png"/><Relationship Id="rId5" Type="http://schemas.openxmlformats.org/officeDocument/2006/relationships/hyperlink" Target="https://bdtechtalks.com/2019/06/05/mit-ibm-hybrid-ai/" TargetMode="External"/><Relationship Id="rId4" Type="http://schemas.openxmlformats.org/officeDocument/2006/relationships/image" Target="../media/image83.png"/></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2.xml"/><Relationship Id="rId7" Type="http://schemas.openxmlformats.org/officeDocument/2006/relationships/hyperlink" Target="https://twitter.com/jblefevre60/status/1467947563672293387" TargetMode="External"/><Relationship Id="rId2" Type="http://schemas.openxmlformats.org/officeDocument/2006/relationships/video" Target="../media/media5.mp4"/><Relationship Id="rId1" Type="http://schemas.microsoft.com/office/2007/relationships/media" Target="../media/media5.mp4"/><Relationship Id="rId6" Type="http://schemas.openxmlformats.org/officeDocument/2006/relationships/image" Target="../media/image87.png"/><Relationship Id="rId5" Type="http://schemas.openxmlformats.org/officeDocument/2006/relationships/image" Target="../media/image86.png"/><Relationship Id="rId4" Type="http://schemas.openxmlformats.org/officeDocument/2006/relationships/image" Target="../media/image85.png"/></Relationships>
</file>

<file path=ppt/slides/_rels/slide42.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hyperlink" Target="https://www.cnbc.com/2020/12/05/elon-musks-neuralink-bold-ideas-hurdles.html" TargetMode="External"/><Relationship Id="rId1" Type="http://schemas.openxmlformats.org/officeDocument/2006/relationships/slideLayout" Target="../slideLayouts/slideLayout2.xml"/><Relationship Id="rId4" Type="http://schemas.openxmlformats.org/officeDocument/2006/relationships/image" Target="../media/image89.png"/></Relationships>
</file>

<file path=ppt/slides/_rels/slide43.xml.rels><?xml version="1.0" encoding="UTF-8" standalone="yes"?>
<Relationships xmlns="http://schemas.openxmlformats.org/package/2006/relationships"><Relationship Id="rId3" Type="http://schemas.openxmlformats.org/officeDocument/2006/relationships/hyperlink" Target="https://medium.com/@selecticalinfotech/understanding-artificial-intelligence-3bdcde2993c3" TargetMode="External"/><Relationship Id="rId2" Type="http://schemas.openxmlformats.org/officeDocument/2006/relationships/image" Target="../media/image90.png"/><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hyperlink" Target="https://www.economist.com/books-and-arts/2014/08/09/clever-cogs" TargetMode="Externa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image" Target="../media/image92.tiff"/><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94.jpeg"/><Relationship Id="rId2" Type="http://schemas.openxmlformats.org/officeDocument/2006/relationships/image" Target="../media/image93.jpeg"/><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image" Target="../media/image95.png"/><Relationship Id="rId1" Type="http://schemas.openxmlformats.org/officeDocument/2006/relationships/slideLayout" Target="../slideLayouts/slideLayout2.xml"/><Relationship Id="rId5" Type="http://schemas.openxmlformats.org/officeDocument/2006/relationships/hyperlink" Target="https://www.theguardian.com/books/2021/nov/29/the-big-idea-should-we-worry-about-artificial-intelligence?CMP=Share_iOSApp_Other" TargetMode="External"/><Relationship Id="rId4" Type="http://schemas.openxmlformats.org/officeDocument/2006/relationships/image" Target="../media/image97.png"/></Relationships>
</file>

<file path=ppt/slides/_rels/slide48.xml.rels><?xml version="1.0" encoding="UTF-8" standalone="yes"?>
<Relationships xmlns="http://schemas.openxmlformats.org/package/2006/relationships"><Relationship Id="rId3" Type="http://schemas.openxmlformats.org/officeDocument/2006/relationships/image" Target="../media/image98.tiff"/><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hyperlink" Target="https://www.reddit.com/r/movies/comments/c0nkqt/oca_selective_timeline_of_famous_dystopias/" TargetMode="External"/></Relationships>
</file>

<file path=ppt/slides/_rels/slide49.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image" Target="../media/image99.png"/><Relationship Id="rId1" Type="http://schemas.openxmlformats.org/officeDocument/2006/relationships/slideLayout" Target="../slideLayouts/slideLayout2.xml"/><Relationship Id="rId6" Type="http://schemas.openxmlformats.org/officeDocument/2006/relationships/hyperlink" Target="https://www3.weforum.org/docs/WEF_Positive_AI_Economic_Futures_2021.pdf" TargetMode="External"/><Relationship Id="rId5" Type="http://schemas.openxmlformats.org/officeDocument/2006/relationships/image" Target="../media/image102.png"/><Relationship Id="rId4" Type="http://schemas.openxmlformats.org/officeDocument/2006/relationships/image" Target="../media/image101.png"/></Relationships>
</file>

<file path=ppt/slides/_rels/slide5.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6.jpeg"/></Relationships>
</file>

<file path=ppt/slides/_rels/slide50.xml.rels><?xml version="1.0" encoding="UTF-8" standalone="yes"?>
<Relationships xmlns="http://schemas.openxmlformats.org/package/2006/relationships"><Relationship Id="rId2" Type="http://schemas.openxmlformats.org/officeDocument/2006/relationships/image" Target="../media/image103.png"/><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3" Type="http://schemas.openxmlformats.org/officeDocument/2006/relationships/hyperlink" Target="mailto:donnacha.daly@hslu.ch" TargetMode="External"/><Relationship Id="rId2" Type="http://schemas.openxmlformats.org/officeDocument/2006/relationships/image" Target="../media/image104.jpeg"/><Relationship Id="rId1" Type="http://schemas.openxmlformats.org/officeDocument/2006/relationships/slideLayout" Target="../slideLayouts/slideLayout2.xml"/><Relationship Id="rId5" Type="http://schemas.openxmlformats.org/officeDocument/2006/relationships/hyperlink" Target="http://www.abiz.ch/" TargetMode="External"/><Relationship Id="rId4" Type="http://schemas.openxmlformats.org/officeDocument/2006/relationships/hyperlink" Target="hslu.ch/bachelor-ai"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jpeg"/><Relationship Id="rId1" Type="http://schemas.openxmlformats.org/officeDocument/2006/relationships/slideLayout" Target="../slideLayouts/slideLayout2.xml"/><Relationship Id="rId4" Type="http://schemas.openxmlformats.org/officeDocument/2006/relationships/hyperlink" Target="https://twitter.com/haroonchoudery/status/1638297476758372353" TargetMode="Externa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12.png"/><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2.mp4"/><Relationship Id="rId1" Type="http://schemas.microsoft.com/office/2007/relationships/media" Target="../media/media2.mp4"/><Relationship Id="rId5" Type="http://schemas.openxmlformats.org/officeDocument/2006/relationships/image" Target="../media/image14.png"/><Relationship Id="rId4" Type="http://schemas.openxmlformats.org/officeDocument/2006/relationships/image" Target="../media/image1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ctrTitle"/>
          </p:nvPr>
        </p:nvSpPr>
        <p:spPr>
          <a:xfrm>
            <a:off x="611188" y="1923679"/>
            <a:ext cx="7777162" cy="648072"/>
          </a:xfrm>
        </p:spPr>
        <p:txBody>
          <a:bodyPr/>
          <a:lstStyle/>
          <a:p>
            <a:r>
              <a:rPr lang="en-GB" sz="2000" dirty="0"/>
              <a:t>Perspectives on AI and </a:t>
            </a:r>
            <a:r>
              <a:rPr lang="en-GB" sz="2000"/>
              <a:t>Machine Learning</a:t>
            </a:r>
            <a:br>
              <a:rPr lang="en-GB" sz="2000" dirty="0"/>
            </a:br>
            <a:r>
              <a:rPr lang="en-GB" sz="1400" b="0" i="1" dirty="0"/>
              <a:t>Lecture Series in Artificial Intelligence + Machine Learning</a:t>
            </a:r>
            <a:endParaRPr lang="en-IE" altLang="de-DE" sz="1400" i="1"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Music Synthesis</a:t>
            </a:r>
          </a:p>
        </p:txBody>
      </p:sp>
      <p:pic>
        <p:nvPicPr>
          <p:cNvPr id="3" name="Picture 2">
            <a:extLst>
              <a:ext uri="{FF2B5EF4-FFF2-40B4-BE49-F238E27FC236}">
                <a16:creationId xmlns:a16="http://schemas.microsoft.com/office/drawing/2014/main" id="{7DC6BF03-36B7-773C-7E3C-6309B91823D2}"/>
              </a:ext>
            </a:extLst>
          </p:cNvPr>
          <p:cNvPicPr>
            <a:picLocks noChangeAspect="1"/>
          </p:cNvPicPr>
          <p:nvPr/>
        </p:nvPicPr>
        <p:blipFill>
          <a:blip r:embed="rId3"/>
          <a:stretch>
            <a:fillRect/>
          </a:stretch>
        </p:blipFill>
        <p:spPr>
          <a:xfrm>
            <a:off x="634893" y="1127920"/>
            <a:ext cx="3327862" cy="3892102"/>
          </a:xfrm>
          <a:prstGeom prst="rect">
            <a:avLst/>
          </a:prstGeom>
        </p:spPr>
      </p:pic>
      <p:pic>
        <p:nvPicPr>
          <p:cNvPr id="4" name="Picture 3">
            <a:extLst>
              <a:ext uri="{FF2B5EF4-FFF2-40B4-BE49-F238E27FC236}">
                <a16:creationId xmlns:a16="http://schemas.microsoft.com/office/drawing/2014/main" id="{F846AAA0-7040-BA40-A722-255439750417}"/>
              </a:ext>
            </a:extLst>
          </p:cNvPr>
          <p:cNvPicPr>
            <a:picLocks noChangeAspect="1"/>
          </p:cNvPicPr>
          <p:nvPr/>
        </p:nvPicPr>
        <p:blipFill>
          <a:blip r:embed="rId4"/>
          <a:stretch>
            <a:fillRect/>
          </a:stretch>
        </p:blipFill>
        <p:spPr>
          <a:xfrm>
            <a:off x="4716463" y="1131888"/>
            <a:ext cx="3960786" cy="3892102"/>
          </a:xfrm>
          <a:prstGeom prst="rect">
            <a:avLst/>
          </a:prstGeom>
        </p:spPr>
      </p:pic>
    </p:spTree>
    <p:extLst>
      <p:ext uri="{BB962C8B-B14F-4D97-AF65-F5344CB8AC3E}">
        <p14:creationId xmlns:p14="http://schemas.microsoft.com/office/powerpoint/2010/main" val="392106896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Autonomous Systems</a:t>
            </a:r>
          </a:p>
        </p:txBody>
      </p:sp>
      <p:pic>
        <p:nvPicPr>
          <p:cNvPr id="3" name="Picture 2">
            <a:extLst>
              <a:ext uri="{FF2B5EF4-FFF2-40B4-BE49-F238E27FC236}">
                <a16:creationId xmlns:a16="http://schemas.microsoft.com/office/drawing/2014/main" id="{B69927A8-E86A-CF3C-3B72-3CBCC5FCEE03}"/>
              </a:ext>
            </a:extLst>
          </p:cNvPr>
          <p:cNvPicPr>
            <a:picLocks noChangeAspect="1"/>
          </p:cNvPicPr>
          <p:nvPr/>
        </p:nvPicPr>
        <p:blipFill>
          <a:blip r:embed="rId2"/>
          <a:stretch>
            <a:fillRect/>
          </a:stretch>
        </p:blipFill>
        <p:spPr>
          <a:xfrm>
            <a:off x="4486692" y="2571750"/>
            <a:ext cx="4046121" cy="1821842"/>
          </a:xfrm>
          <a:prstGeom prst="rect">
            <a:avLst/>
          </a:prstGeom>
        </p:spPr>
      </p:pic>
      <p:sp>
        <p:nvSpPr>
          <p:cNvPr id="4" name="Rectangle 3">
            <a:extLst>
              <a:ext uri="{FF2B5EF4-FFF2-40B4-BE49-F238E27FC236}">
                <a16:creationId xmlns:a16="http://schemas.microsoft.com/office/drawing/2014/main" id="{65F43B47-1D26-8A77-D561-AB053D28ABEC}"/>
              </a:ext>
            </a:extLst>
          </p:cNvPr>
          <p:cNvSpPr/>
          <p:nvPr/>
        </p:nvSpPr>
        <p:spPr>
          <a:xfrm>
            <a:off x="8100393" y="2787774"/>
            <a:ext cx="287958" cy="1605818"/>
          </a:xfrm>
          <a:prstGeom prst="rect">
            <a:avLst/>
          </a:prstGeom>
          <a:solidFill>
            <a:schemeClr val="accent1">
              <a:lumMod val="50000"/>
              <a:alpha val="19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a:extLst>
              <a:ext uri="{FF2B5EF4-FFF2-40B4-BE49-F238E27FC236}">
                <a16:creationId xmlns:a16="http://schemas.microsoft.com/office/drawing/2014/main" id="{8375F5DB-DB87-6F30-162D-6C02B338D4C6}"/>
              </a:ext>
            </a:extLst>
          </p:cNvPr>
          <p:cNvPicPr>
            <a:picLocks noChangeAspect="1"/>
          </p:cNvPicPr>
          <p:nvPr/>
        </p:nvPicPr>
        <p:blipFill>
          <a:blip r:embed="rId3"/>
          <a:stretch>
            <a:fillRect/>
          </a:stretch>
        </p:blipFill>
        <p:spPr>
          <a:xfrm>
            <a:off x="4572000" y="1131888"/>
            <a:ext cx="1077913" cy="344639"/>
          </a:xfrm>
          <a:prstGeom prst="rect">
            <a:avLst/>
          </a:prstGeom>
        </p:spPr>
      </p:pic>
      <p:pic>
        <p:nvPicPr>
          <p:cNvPr id="6" name="Picture 5">
            <a:extLst>
              <a:ext uri="{FF2B5EF4-FFF2-40B4-BE49-F238E27FC236}">
                <a16:creationId xmlns:a16="http://schemas.microsoft.com/office/drawing/2014/main" id="{0004CEFC-B56A-49CD-6C68-61C0A4274711}"/>
              </a:ext>
            </a:extLst>
          </p:cNvPr>
          <p:cNvPicPr>
            <a:picLocks noChangeAspect="1"/>
          </p:cNvPicPr>
          <p:nvPr/>
        </p:nvPicPr>
        <p:blipFill>
          <a:blip r:embed="rId4"/>
          <a:stretch>
            <a:fillRect/>
          </a:stretch>
        </p:blipFill>
        <p:spPr>
          <a:xfrm>
            <a:off x="4572000" y="1648965"/>
            <a:ext cx="3816351" cy="830807"/>
          </a:xfrm>
          <a:prstGeom prst="rect">
            <a:avLst/>
          </a:prstGeom>
        </p:spPr>
      </p:pic>
      <p:pic>
        <p:nvPicPr>
          <p:cNvPr id="7" name="Picture 6">
            <a:extLst>
              <a:ext uri="{FF2B5EF4-FFF2-40B4-BE49-F238E27FC236}">
                <a16:creationId xmlns:a16="http://schemas.microsoft.com/office/drawing/2014/main" id="{E4958825-3993-B240-EE19-8E29E6C2D0DC}"/>
              </a:ext>
            </a:extLst>
          </p:cNvPr>
          <p:cNvPicPr>
            <a:picLocks noChangeAspect="1"/>
          </p:cNvPicPr>
          <p:nvPr/>
        </p:nvPicPr>
        <p:blipFill>
          <a:blip r:embed="rId5"/>
          <a:stretch>
            <a:fillRect/>
          </a:stretch>
        </p:blipFill>
        <p:spPr>
          <a:xfrm>
            <a:off x="755649" y="1651600"/>
            <a:ext cx="3548825" cy="2272348"/>
          </a:xfrm>
          <a:prstGeom prst="rect">
            <a:avLst/>
          </a:prstGeom>
        </p:spPr>
      </p:pic>
    </p:spTree>
    <p:extLst>
      <p:ext uri="{BB962C8B-B14F-4D97-AF65-F5344CB8AC3E}">
        <p14:creationId xmlns:p14="http://schemas.microsoft.com/office/powerpoint/2010/main" val="16912813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Autonomous Systems</a:t>
            </a:r>
          </a:p>
        </p:txBody>
      </p:sp>
      <p:pic>
        <p:nvPicPr>
          <p:cNvPr id="8" name="robo.mp4">
            <a:hlinkClick r:id="" action="ppaction://media"/>
            <a:extLst>
              <a:ext uri="{FF2B5EF4-FFF2-40B4-BE49-F238E27FC236}">
                <a16:creationId xmlns:a16="http://schemas.microsoft.com/office/drawing/2014/main" id="{1BA79E8E-6069-01E1-F038-0E87F087F3C8}"/>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611188" y="1131888"/>
            <a:ext cx="7092280" cy="3989408"/>
          </a:xfrm>
          <a:prstGeom prst="rect">
            <a:avLst/>
          </a:prstGeom>
        </p:spPr>
      </p:pic>
    </p:spTree>
    <p:extLst>
      <p:ext uri="{BB962C8B-B14F-4D97-AF65-F5344CB8AC3E}">
        <p14:creationId xmlns:p14="http://schemas.microsoft.com/office/powerpoint/2010/main" val="18998492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8415"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8"/>
                </p:tgtEl>
              </p:cMediaNode>
            </p:video>
            <p:seq concurrent="1" nextAc="seek">
              <p:cTn id="8" restart="whenNotActive" fill="hold" evtFilter="cancelBubble" nodeType="interactiveSeq">
                <p:stCondLst>
                  <p:cond evt="onClick" delay="0">
                    <p:tgtEl>
                      <p:spTgt spid="8"/>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8"/>
                                        </p:tgtEl>
                                      </p:cBhvr>
                                    </p:cmd>
                                  </p:childTnLst>
                                </p:cTn>
                              </p:par>
                            </p:childTnLst>
                          </p:cTn>
                        </p:par>
                      </p:childTnLst>
                    </p:cTn>
                  </p:par>
                </p:childTnLst>
              </p:cTn>
              <p:nextCondLst>
                <p:cond evt="onClick" delay="0">
                  <p:tgtEl>
                    <p:spTgt spid="8"/>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Data Science</a:t>
            </a:r>
          </a:p>
        </p:txBody>
      </p:sp>
      <p:pic>
        <p:nvPicPr>
          <p:cNvPr id="3" name="Picture 2">
            <a:extLst>
              <a:ext uri="{FF2B5EF4-FFF2-40B4-BE49-F238E27FC236}">
                <a16:creationId xmlns:a16="http://schemas.microsoft.com/office/drawing/2014/main" id="{7CF8EA2D-7B5B-6990-FBA8-FC189BBE5D78}"/>
              </a:ext>
            </a:extLst>
          </p:cNvPr>
          <p:cNvPicPr>
            <a:picLocks noChangeAspect="1"/>
          </p:cNvPicPr>
          <p:nvPr/>
        </p:nvPicPr>
        <p:blipFill>
          <a:blip r:embed="rId2"/>
          <a:stretch>
            <a:fillRect/>
          </a:stretch>
        </p:blipFill>
        <p:spPr>
          <a:xfrm>
            <a:off x="611188" y="1131888"/>
            <a:ext cx="4439217" cy="3998736"/>
          </a:xfrm>
          <a:prstGeom prst="rect">
            <a:avLst/>
          </a:prstGeom>
        </p:spPr>
      </p:pic>
      <p:pic>
        <p:nvPicPr>
          <p:cNvPr id="5" name="Picture 4">
            <a:extLst>
              <a:ext uri="{FF2B5EF4-FFF2-40B4-BE49-F238E27FC236}">
                <a16:creationId xmlns:a16="http://schemas.microsoft.com/office/drawing/2014/main" id="{CD91D21B-5369-5311-5B23-83A1DFFBFF08}"/>
              </a:ext>
            </a:extLst>
          </p:cNvPr>
          <p:cNvPicPr>
            <a:picLocks noChangeAspect="1"/>
          </p:cNvPicPr>
          <p:nvPr/>
        </p:nvPicPr>
        <p:blipFill>
          <a:blip r:embed="rId3"/>
          <a:stretch>
            <a:fillRect/>
          </a:stretch>
        </p:blipFill>
        <p:spPr>
          <a:xfrm>
            <a:off x="5245757" y="3436492"/>
            <a:ext cx="3096344" cy="977048"/>
          </a:xfrm>
          <a:prstGeom prst="rect">
            <a:avLst/>
          </a:prstGeom>
        </p:spPr>
      </p:pic>
      <p:pic>
        <p:nvPicPr>
          <p:cNvPr id="6" name="Picture 5">
            <a:extLst>
              <a:ext uri="{FF2B5EF4-FFF2-40B4-BE49-F238E27FC236}">
                <a16:creationId xmlns:a16="http://schemas.microsoft.com/office/drawing/2014/main" id="{99BF01E7-7A77-6552-36FE-461E19D95CD5}"/>
              </a:ext>
            </a:extLst>
          </p:cNvPr>
          <p:cNvPicPr>
            <a:picLocks noChangeAspect="1"/>
          </p:cNvPicPr>
          <p:nvPr/>
        </p:nvPicPr>
        <p:blipFill>
          <a:blip r:embed="rId4"/>
          <a:stretch>
            <a:fillRect/>
          </a:stretch>
        </p:blipFill>
        <p:spPr>
          <a:xfrm>
            <a:off x="5185627" y="1131888"/>
            <a:ext cx="3216605" cy="2088704"/>
          </a:xfrm>
          <a:prstGeom prst="rect">
            <a:avLst/>
          </a:prstGeom>
        </p:spPr>
      </p:pic>
    </p:spTree>
    <p:extLst>
      <p:ext uri="{BB962C8B-B14F-4D97-AF65-F5344CB8AC3E}">
        <p14:creationId xmlns:p14="http://schemas.microsoft.com/office/powerpoint/2010/main" val="2473911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AI Investment</a:t>
            </a:r>
          </a:p>
        </p:txBody>
      </p:sp>
      <p:pic>
        <p:nvPicPr>
          <p:cNvPr id="8" name="Picture 7">
            <a:extLst>
              <a:ext uri="{FF2B5EF4-FFF2-40B4-BE49-F238E27FC236}">
                <a16:creationId xmlns:a16="http://schemas.microsoft.com/office/drawing/2014/main" id="{64A1EDFE-DDE6-7010-6530-0E53B2F0BF2C}"/>
              </a:ext>
            </a:extLst>
          </p:cNvPr>
          <p:cNvPicPr>
            <a:picLocks noChangeAspect="1"/>
          </p:cNvPicPr>
          <p:nvPr/>
        </p:nvPicPr>
        <p:blipFill>
          <a:blip r:embed="rId2"/>
          <a:stretch>
            <a:fillRect/>
          </a:stretch>
        </p:blipFill>
        <p:spPr>
          <a:xfrm>
            <a:off x="635128" y="916848"/>
            <a:ext cx="5809080" cy="3800107"/>
          </a:xfrm>
          <a:prstGeom prst="rect">
            <a:avLst/>
          </a:prstGeom>
        </p:spPr>
      </p:pic>
      <p:sp>
        <p:nvSpPr>
          <p:cNvPr id="12" name="TextBox 11">
            <a:extLst>
              <a:ext uri="{FF2B5EF4-FFF2-40B4-BE49-F238E27FC236}">
                <a16:creationId xmlns:a16="http://schemas.microsoft.com/office/drawing/2014/main" id="{A7A6F43D-CC68-D5F0-5FFC-A08D4C75E03F}"/>
              </a:ext>
            </a:extLst>
          </p:cNvPr>
          <p:cNvSpPr txBox="1"/>
          <p:nvPr/>
        </p:nvSpPr>
        <p:spPr>
          <a:xfrm>
            <a:off x="6444208" y="1193688"/>
            <a:ext cx="2088605" cy="3477875"/>
          </a:xfrm>
          <a:prstGeom prst="rect">
            <a:avLst/>
          </a:prstGeom>
          <a:noFill/>
        </p:spPr>
        <p:txBody>
          <a:bodyPr wrap="square">
            <a:spAutoFit/>
          </a:bodyPr>
          <a:lstStyle/>
          <a:p>
            <a:r>
              <a:rPr lang="en-GB" sz="1000" b="1" dirty="0"/>
              <a:t>Global artificial intelligence market size 2021-2030 </a:t>
            </a:r>
          </a:p>
          <a:p>
            <a:r>
              <a:rPr lang="en-GB" sz="1000" dirty="0"/>
              <a:t>(May 2023)</a:t>
            </a:r>
          </a:p>
          <a:p>
            <a:endParaRPr lang="en-GB" sz="1000" dirty="0"/>
          </a:p>
          <a:p>
            <a:r>
              <a:rPr lang="en-GB" sz="1000" dirty="0"/>
              <a:t>According to </a:t>
            </a:r>
            <a:r>
              <a:rPr lang="en-GB" sz="1000" dirty="0">
                <a:hlinkClick r:id="rId3"/>
              </a:rPr>
              <a:t>Next Move Strategy Consulting</a:t>
            </a:r>
            <a:r>
              <a:rPr lang="en-GB" sz="1000" dirty="0"/>
              <a:t> the market for artificial intelligence (AI) is expected to grow from nearly 100 billion U.S up to nearly two trillion U.S. dollars. </a:t>
            </a:r>
          </a:p>
          <a:p>
            <a:endParaRPr lang="en-GB" sz="1000" dirty="0"/>
          </a:p>
          <a:p>
            <a:r>
              <a:rPr lang="en-GB" sz="1000" dirty="0"/>
              <a:t>The AI market covers a vast amount of industries. Everything from supply chains, marketing, product making, research, analysis, and more are fields that will in some aspect adopt artificial intelligence within their business structures. </a:t>
            </a:r>
          </a:p>
        </p:txBody>
      </p:sp>
    </p:spTree>
    <p:extLst>
      <p:ext uri="{BB962C8B-B14F-4D97-AF65-F5344CB8AC3E}">
        <p14:creationId xmlns:p14="http://schemas.microsoft.com/office/powerpoint/2010/main" val="108339883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AI Investment</a:t>
            </a:r>
          </a:p>
        </p:txBody>
      </p:sp>
      <p:pic>
        <p:nvPicPr>
          <p:cNvPr id="3" name="Picture 2">
            <a:extLst>
              <a:ext uri="{FF2B5EF4-FFF2-40B4-BE49-F238E27FC236}">
                <a16:creationId xmlns:a16="http://schemas.microsoft.com/office/drawing/2014/main" id="{6A492E35-0395-9494-57A8-A4424F01DA18}"/>
              </a:ext>
            </a:extLst>
          </p:cNvPr>
          <p:cNvPicPr>
            <a:picLocks noChangeAspect="1"/>
          </p:cNvPicPr>
          <p:nvPr/>
        </p:nvPicPr>
        <p:blipFill>
          <a:blip r:embed="rId2"/>
          <a:stretch>
            <a:fillRect/>
          </a:stretch>
        </p:blipFill>
        <p:spPr>
          <a:xfrm>
            <a:off x="611188" y="1149038"/>
            <a:ext cx="4761546" cy="3853976"/>
          </a:xfrm>
          <a:prstGeom prst="rect">
            <a:avLst/>
          </a:prstGeom>
        </p:spPr>
      </p:pic>
      <p:sp>
        <p:nvSpPr>
          <p:cNvPr id="5" name="TextBox 4">
            <a:extLst>
              <a:ext uri="{FF2B5EF4-FFF2-40B4-BE49-F238E27FC236}">
                <a16:creationId xmlns:a16="http://schemas.microsoft.com/office/drawing/2014/main" id="{932A9202-0A4D-A381-C1D7-B8F62F354DE5}"/>
              </a:ext>
            </a:extLst>
          </p:cNvPr>
          <p:cNvSpPr txBox="1"/>
          <p:nvPr/>
        </p:nvSpPr>
        <p:spPr>
          <a:xfrm>
            <a:off x="5580112" y="1131888"/>
            <a:ext cx="2592289" cy="3046988"/>
          </a:xfrm>
          <a:prstGeom prst="rect">
            <a:avLst/>
          </a:prstGeom>
          <a:noFill/>
        </p:spPr>
        <p:txBody>
          <a:bodyPr wrap="square">
            <a:spAutoFit/>
          </a:bodyPr>
          <a:lstStyle/>
          <a:p>
            <a:r>
              <a:rPr lang="en-GB" sz="1200" b="1" dirty="0"/>
              <a:t>This McKinsey AI survey</a:t>
            </a:r>
            <a:r>
              <a:rPr lang="en-GB" sz="1200" dirty="0"/>
              <a:t> was conducted in the field from May 3 to May 27, 2022, and from August 15 to August 17, 2022, and garnered responses from 1,492 participants representing the full range of regions, industries, company sizes, functional specialties, and tenures. Of those respondents, 744 said their organizations had adopted AI in at least one function and were asked questions about their organizations’ AI use. </a:t>
            </a:r>
            <a:endParaRPr lang="en-US" sz="1200" dirty="0"/>
          </a:p>
        </p:txBody>
      </p:sp>
      <p:sp>
        <p:nvSpPr>
          <p:cNvPr id="7" name="TextBox 6">
            <a:extLst>
              <a:ext uri="{FF2B5EF4-FFF2-40B4-BE49-F238E27FC236}">
                <a16:creationId xmlns:a16="http://schemas.microsoft.com/office/drawing/2014/main" id="{2D9522B8-71DE-D47E-0D11-C5E394C0ECEA}"/>
              </a:ext>
            </a:extLst>
          </p:cNvPr>
          <p:cNvSpPr txBox="1"/>
          <p:nvPr/>
        </p:nvSpPr>
        <p:spPr>
          <a:xfrm>
            <a:off x="5292452" y="4732338"/>
            <a:ext cx="3240360" cy="369332"/>
          </a:xfrm>
          <a:prstGeom prst="rect">
            <a:avLst/>
          </a:prstGeom>
          <a:solidFill>
            <a:schemeClr val="bg1"/>
          </a:solidFill>
        </p:spPr>
        <p:txBody>
          <a:bodyPr wrap="square">
            <a:spAutoFit/>
          </a:bodyPr>
          <a:lstStyle/>
          <a:p>
            <a:pPr algn="r"/>
            <a:r>
              <a:rPr lang="en-US" sz="600" dirty="0">
                <a:hlinkClick r:id="rId3"/>
              </a:rPr>
              <a:t>https://www.mckinsey.com/capabilities/quantumblack/our-insights/the-state-of-ai-in-2022-and-a-half-decade-in-review#research</a:t>
            </a:r>
            <a:endParaRPr lang="en-US" sz="600" dirty="0"/>
          </a:p>
          <a:p>
            <a:pPr algn="r"/>
            <a:endParaRPr lang="en-US" sz="600" dirty="0"/>
          </a:p>
        </p:txBody>
      </p:sp>
    </p:spTree>
    <p:extLst>
      <p:ext uri="{BB962C8B-B14F-4D97-AF65-F5344CB8AC3E}">
        <p14:creationId xmlns:p14="http://schemas.microsoft.com/office/powerpoint/2010/main" val="39375934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AI Regulation</a:t>
            </a:r>
          </a:p>
        </p:txBody>
      </p:sp>
      <p:pic>
        <p:nvPicPr>
          <p:cNvPr id="3" name="Picture 2" descr="AI Act: A Risk-Based Policy Approach for Excellence and Trust in AI | by  Giuliano Liguori | CodeX | Medium">
            <a:extLst>
              <a:ext uri="{FF2B5EF4-FFF2-40B4-BE49-F238E27FC236}">
                <a16:creationId xmlns:a16="http://schemas.microsoft.com/office/drawing/2014/main" id="{3D657010-2C6D-79C7-DE53-656B9EDC4022}"/>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2684" r="21963"/>
          <a:stretch/>
        </p:blipFill>
        <p:spPr bwMode="auto">
          <a:xfrm>
            <a:off x="611188" y="1131888"/>
            <a:ext cx="3347865" cy="3404435"/>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a:extLst>
              <a:ext uri="{FF2B5EF4-FFF2-40B4-BE49-F238E27FC236}">
                <a16:creationId xmlns:a16="http://schemas.microsoft.com/office/drawing/2014/main" id="{35C399FD-E033-F878-18A2-802F58D0AC96}"/>
              </a:ext>
            </a:extLst>
          </p:cNvPr>
          <p:cNvPicPr>
            <a:picLocks noChangeAspect="1"/>
          </p:cNvPicPr>
          <p:nvPr/>
        </p:nvPicPr>
        <p:blipFill>
          <a:blip r:embed="rId3"/>
          <a:stretch>
            <a:fillRect/>
          </a:stretch>
        </p:blipFill>
        <p:spPr>
          <a:xfrm>
            <a:off x="4067944" y="1275606"/>
            <a:ext cx="4795948" cy="829374"/>
          </a:xfrm>
          <a:prstGeom prst="rect">
            <a:avLst/>
          </a:prstGeom>
        </p:spPr>
      </p:pic>
      <p:pic>
        <p:nvPicPr>
          <p:cNvPr id="4098" name="Picture 2" descr="Image">
            <a:extLst>
              <a:ext uri="{FF2B5EF4-FFF2-40B4-BE49-F238E27FC236}">
                <a16:creationId xmlns:a16="http://schemas.microsoft.com/office/drawing/2014/main" id="{3CB644DF-203F-5202-2D81-94E8706698C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67944" y="2385523"/>
            <a:ext cx="4812420" cy="177040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531064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B8F1E-027C-6440-9E6A-40BB8DAAAB65}"/>
              </a:ext>
            </a:extLst>
          </p:cNvPr>
          <p:cNvSpPr>
            <a:spLocks noGrp="1"/>
          </p:cNvSpPr>
          <p:nvPr>
            <p:ph type="title"/>
          </p:nvPr>
        </p:nvSpPr>
        <p:spPr/>
        <p:txBody>
          <a:bodyPr/>
          <a:lstStyle/>
          <a:p>
            <a:r>
              <a:rPr lang="en-US" dirty="0"/>
              <a:t>PART B</a:t>
            </a:r>
          </a:p>
        </p:txBody>
      </p:sp>
      <p:sp>
        <p:nvSpPr>
          <p:cNvPr id="3" name="TextBox 2">
            <a:extLst>
              <a:ext uri="{FF2B5EF4-FFF2-40B4-BE49-F238E27FC236}">
                <a16:creationId xmlns:a16="http://schemas.microsoft.com/office/drawing/2014/main" id="{63132F41-5235-6647-AE60-DA2A6069816C}"/>
              </a:ext>
            </a:extLst>
          </p:cNvPr>
          <p:cNvSpPr txBox="1"/>
          <p:nvPr/>
        </p:nvSpPr>
        <p:spPr>
          <a:xfrm>
            <a:off x="611188" y="2067247"/>
            <a:ext cx="7777162" cy="720403"/>
          </a:xfrm>
          <a:prstGeom prst="rect">
            <a:avLst/>
          </a:prstGeom>
          <a:noFill/>
        </p:spPr>
        <p:txBody>
          <a:bodyPr wrap="square" rtlCol="0" anchor="b" anchorCtr="0">
            <a:noAutofit/>
          </a:bodyPr>
          <a:lstStyle/>
          <a:p>
            <a:pPr algn="ctr"/>
            <a:r>
              <a:rPr lang="en-US" sz="2000" b="1" dirty="0"/>
              <a:t>Challenges &amp; Risks in AI/ML</a:t>
            </a:r>
          </a:p>
        </p:txBody>
      </p:sp>
    </p:spTree>
    <p:extLst>
      <p:ext uri="{BB962C8B-B14F-4D97-AF65-F5344CB8AC3E}">
        <p14:creationId xmlns:p14="http://schemas.microsoft.com/office/powerpoint/2010/main" val="220813770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369F95-7626-4B44-BDBF-F8A2619365C3}"/>
              </a:ext>
            </a:extLst>
          </p:cNvPr>
          <p:cNvSpPr>
            <a:spLocks noGrp="1"/>
          </p:cNvSpPr>
          <p:nvPr>
            <p:ph type="title"/>
          </p:nvPr>
        </p:nvSpPr>
        <p:spPr/>
        <p:txBody>
          <a:bodyPr/>
          <a:lstStyle/>
          <a:p>
            <a:r>
              <a:rPr lang="en-US" dirty="0"/>
              <a:t>The Hype Around AI</a:t>
            </a:r>
          </a:p>
        </p:txBody>
      </p:sp>
      <p:pic>
        <p:nvPicPr>
          <p:cNvPr id="3" name="Picture 2">
            <a:extLst>
              <a:ext uri="{FF2B5EF4-FFF2-40B4-BE49-F238E27FC236}">
                <a16:creationId xmlns:a16="http://schemas.microsoft.com/office/drawing/2014/main" id="{CD5ED6DC-7E46-7645-9301-9039DED702CC}"/>
              </a:ext>
            </a:extLst>
          </p:cNvPr>
          <p:cNvPicPr>
            <a:picLocks noChangeAspect="1"/>
          </p:cNvPicPr>
          <p:nvPr/>
        </p:nvPicPr>
        <p:blipFill>
          <a:blip r:embed="rId2"/>
          <a:stretch>
            <a:fillRect/>
          </a:stretch>
        </p:blipFill>
        <p:spPr>
          <a:xfrm>
            <a:off x="4515524" y="1131888"/>
            <a:ext cx="4017289" cy="3600450"/>
          </a:xfrm>
          <a:prstGeom prst="rect">
            <a:avLst/>
          </a:prstGeom>
        </p:spPr>
      </p:pic>
      <p:sp>
        <p:nvSpPr>
          <p:cNvPr id="4" name="Rectangle 3">
            <a:extLst>
              <a:ext uri="{FF2B5EF4-FFF2-40B4-BE49-F238E27FC236}">
                <a16:creationId xmlns:a16="http://schemas.microsoft.com/office/drawing/2014/main" id="{79810212-28D9-2742-98DB-5EDEEF78C340}"/>
              </a:ext>
            </a:extLst>
          </p:cNvPr>
          <p:cNvSpPr/>
          <p:nvPr/>
        </p:nvSpPr>
        <p:spPr>
          <a:xfrm>
            <a:off x="619166" y="4745608"/>
            <a:ext cx="5382344" cy="184666"/>
          </a:xfrm>
          <a:prstGeom prst="rect">
            <a:avLst/>
          </a:prstGeom>
          <a:solidFill>
            <a:schemeClr val="bg1"/>
          </a:solidFill>
        </p:spPr>
        <p:txBody>
          <a:bodyPr wrap="square">
            <a:spAutoFit/>
          </a:bodyPr>
          <a:lstStyle/>
          <a:p>
            <a:r>
              <a:rPr lang="en-US" sz="600" dirty="0">
                <a:hlinkClick r:id="rId3"/>
              </a:rPr>
              <a:t>https://www.technologyreview.com/2020/11/03/1011616/ai-godfather-geoffrey-hinton-deep-learning-will-do-everything</a:t>
            </a:r>
            <a:endParaRPr lang="en-US" sz="600" dirty="0"/>
          </a:p>
        </p:txBody>
      </p:sp>
      <p:pic>
        <p:nvPicPr>
          <p:cNvPr id="5" name="Picture 4">
            <a:extLst>
              <a:ext uri="{FF2B5EF4-FFF2-40B4-BE49-F238E27FC236}">
                <a16:creationId xmlns:a16="http://schemas.microsoft.com/office/drawing/2014/main" id="{B74EC1B5-E67F-1E45-80C8-5756C4180ADE}"/>
              </a:ext>
            </a:extLst>
          </p:cNvPr>
          <p:cNvPicPr>
            <a:picLocks noChangeAspect="1"/>
          </p:cNvPicPr>
          <p:nvPr/>
        </p:nvPicPr>
        <p:blipFill rotWithShape="1">
          <a:blip r:embed="rId4"/>
          <a:srcRect t="3477" b="1"/>
          <a:stretch/>
        </p:blipFill>
        <p:spPr>
          <a:xfrm>
            <a:off x="619166" y="1131888"/>
            <a:ext cx="3736810" cy="463382"/>
          </a:xfrm>
          <a:prstGeom prst="rect">
            <a:avLst/>
          </a:prstGeom>
        </p:spPr>
      </p:pic>
    </p:spTree>
    <p:extLst>
      <p:ext uri="{BB962C8B-B14F-4D97-AF65-F5344CB8AC3E}">
        <p14:creationId xmlns:p14="http://schemas.microsoft.com/office/powerpoint/2010/main" val="99603933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A8FD7056-254A-DD4E-9485-C477D70363A9}"/>
              </a:ext>
            </a:extLst>
          </p:cNvPr>
          <p:cNvSpPr/>
          <p:nvPr/>
        </p:nvSpPr>
        <p:spPr>
          <a:xfrm>
            <a:off x="4716463" y="3363838"/>
            <a:ext cx="3671887" cy="1152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4C303DD-BC77-FA49-8A18-9E884AF355F8}"/>
              </a:ext>
            </a:extLst>
          </p:cNvPr>
          <p:cNvSpPr>
            <a:spLocks noGrp="1"/>
          </p:cNvSpPr>
          <p:nvPr>
            <p:ph type="title"/>
          </p:nvPr>
        </p:nvSpPr>
        <p:spPr/>
        <p:txBody>
          <a:bodyPr/>
          <a:lstStyle/>
          <a:p>
            <a:r>
              <a:rPr lang="en-US" dirty="0"/>
              <a:t>We are wrong about AI in many ways</a:t>
            </a:r>
          </a:p>
        </p:txBody>
      </p:sp>
      <p:pic>
        <p:nvPicPr>
          <p:cNvPr id="3" name="Picture 2">
            <a:extLst>
              <a:ext uri="{FF2B5EF4-FFF2-40B4-BE49-F238E27FC236}">
                <a16:creationId xmlns:a16="http://schemas.microsoft.com/office/drawing/2014/main" id="{DDC53D7C-CEDC-944E-B95A-24EB8DD0E75C}"/>
              </a:ext>
            </a:extLst>
          </p:cNvPr>
          <p:cNvPicPr>
            <a:picLocks noChangeAspect="1"/>
          </p:cNvPicPr>
          <p:nvPr/>
        </p:nvPicPr>
        <p:blipFill>
          <a:blip r:embed="rId3"/>
          <a:stretch>
            <a:fillRect/>
          </a:stretch>
        </p:blipFill>
        <p:spPr>
          <a:xfrm>
            <a:off x="4716463" y="1131888"/>
            <a:ext cx="3671887" cy="2038810"/>
          </a:xfrm>
          <a:prstGeom prst="rect">
            <a:avLst/>
          </a:prstGeom>
          <a:ln>
            <a:noFill/>
          </a:ln>
          <a:effectLst>
            <a:outerShdw blurRad="292100" dist="139700" dir="2700000" algn="tl" rotWithShape="0">
              <a:srgbClr val="333333">
                <a:alpha val="65000"/>
              </a:srgbClr>
            </a:outerShdw>
          </a:effectLst>
        </p:spPr>
      </p:pic>
      <p:sp>
        <p:nvSpPr>
          <p:cNvPr id="4" name="Rectangle 3">
            <a:extLst>
              <a:ext uri="{FF2B5EF4-FFF2-40B4-BE49-F238E27FC236}">
                <a16:creationId xmlns:a16="http://schemas.microsoft.com/office/drawing/2014/main" id="{D0DD3A66-5EE2-9A4B-B138-EDBBE8163D1B}"/>
              </a:ext>
            </a:extLst>
          </p:cNvPr>
          <p:cNvSpPr/>
          <p:nvPr/>
        </p:nvSpPr>
        <p:spPr>
          <a:xfrm>
            <a:off x="611188" y="4740093"/>
            <a:ext cx="1510350" cy="276999"/>
          </a:xfrm>
          <a:prstGeom prst="rect">
            <a:avLst/>
          </a:prstGeom>
          <a:solidFill>
            <a:schemeClr val="bg1"/>
          </a:solidFill>
        </p:spPr>
        <p:txBody>
          <a:bodyPr wrap="none">
            <a:spAutoFit/>
          </a:bodyPr>
          <a:lstStyle/>
          <a:p>
            <a:r>
              <a:rPr lang="en-US" sz="600" dirty="0">
                <a:hlinkClick r:id="rId4"/>
              </a:rPr>
              <a:t>https://arxiv.org/abs/2104.12871</a:t>
            </a:r>
            <a:endParaRPr lang="en-US" sz="600" dirty="0"/>
          </a:p>
          <a:p>
            <a:endParaRPr lang="en-US" sz="600" dirty="0"/>
          </a:p>
        </p:txBody>
      </p:sp>
      <p:sp>
        <p:nvSpPr>
          <p:cNvPr id="6" name="Rectangle 5">
            <a:extLst>
              <a:ext uri="{FF2B5EF4-FFF2-40B4-BE49-F238E27FC236}">
                <a16:creationId xmlns:a16="http://schemas.microsoft.com/office/drawing/2014/main" id="{434538D4-77C3-D24A-BE85-606680D207A3}"/>
              </a:ext>
            </a:extLst>
          </p:cNvPr>
          <p:cNvSpPr/>
          <p:nvPr/>
        </p:nvSpPr>
        <p:spPr>
          <a:xfrm>
            <a:off x="6300192" y="3397703"/>
            <a:ext cx="2088158" cy="1077218"/>
          </a:xfrm>
          <a:prstGeom prst="rect">
            <a:avLst/>
          </a:prstGeom>
        </p:spPr>
        <p:txBody>
          <a:bodyPr wrap="square">
            <a:spAutoFit/>
          </a:bodyPr>
          <a:lstStyle/>
          <a:p>
            <a:r>
              <a:rPr lang="en-US" sz="800" i="1" dirty="0"/>
              <a:t>Melanie Mitchell is a professor of computer science at Portland State University. She has worked at the Santa Fe Institute and Los Alamos National Laboratory. Her major work has been in the areas of analogical reasoning, complex systems, genetic algorithms and cellular automata.</a:t>
            </a:r>
          </a:p>
        </p:txBody>
      </p:sp>
      <p:pic>
        <p:nvPicPr>
          <p:cNvPr id="1026" name="Picture 2" descr="Melanie Mitchell">
            <a:extLst>
              <a:ext uri="{FF2B5EF4-FFF2-40B4-BE49-F238E27FC236}">
                <a16:creationId xmlns:a16="http://schemas.microsoft.com/office/drawing/2014/main" id="{D3A1A17D-750B-7241-915C-11BAE4C1927C}"/>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35228"/>
          <a:stretch/>
        </p:blipFill>
        <p:spPr bwMode="auto">
          <a:xfrm>
            <a:off x="5004048" y="3472561"/>
            <a:ext cx="1145564" cy="927502"/>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D3C28576-3173-744E-885C-DB09482F0D74}"/>
              </a:ext>
            </a:extLst>
          </p:cNvPr>
          <p:cNvSpPr/>
          <p:nvPr/>
        </p:nvSpPr>
        <p:spPr>
          <a:xfrm>
            <a:off x="626859" y="1131888"/>
            <a:ext cx="3939023" cy="3108543"/>
          </a:xfrm>
          <a:prstGeom prst="rect">
            <a:avLst/>
          </a:prstGeom>
        </p:spPr>
        <p:txBody>
          <a:bodyPr wrap="square">
            <a:spAutoFit/>
          </a:bodyPr>
          <a:lstStyle/>
          <a:p>
            <a:pPr marL="285750" indent="-285750">
              <a:buFont typeface="System Font Regular"/>
              <a:buChar char="✘"/>
            </a:pPr>
            <a:r>
              <a:rPr lang="en-US" sz="1400" dirty="0"/>
              <a:t>Narrow intelligence is on a continuum with general intelligence: </a:t>
            </a:r>
            <a:r>
              <a:rPr lang="en-US" sz="1400" dirty="0">
                <a:solidFill>
                  <a:srgbClr val="D1026A"/>
                </a:solidFill>
              </a:rPr>
              <a:t>No!</a:t>
            </a:r>
          </a:p>
          <a:p>
            <a:pPr marL="285750" indent="-285750">
              <a:buFont typeface="System Font Regular"/>
              <a:buChar char="✘"/>
            </a:pPr>
            <a:endParaRPr lang="en-US" sz="1400" dirty="0"/>
          </a:p>
          <a:p>
            <a:pPr marL="285750" indent="-285750">
              <a:buFont typeface="System Font Regular"/>
              <a:buChar char="✘"/>
            </a:pPr>
            <a:r>
              <a:rPr lang="en-GB" sz="1400" dirty="0"/>
              <a:t>Easy things are hard and hard things are easy (e.g. picking up a box v beating a grandmaster at chess): </a:t>
            </a:r>
            <a:r>
              <a:rPr lang="en-GB" sz="1400" dirty="0">
                <a:solidFill>
                  <a:srgbClr val="D1026A"/>
                </a:solidFill>
              </a:rPr>
              <a:t>No!</a:t>
            </a:r>
          </a:p>
          <a:p>
            <a:pPr marL="285750" indent="-285750">
              <a:buFont typeface="System Font Regular"/>
              <a:buChar char="✘"/>
            </a:pPr>
            <a:endParaRPr lang="en-GB" sz="1400" dirty="0"/>
          </a:p>
          <a:p>
            <a:pPr marL="285750" indent="-285750">
              <a:buFont typeface="System Font Regular"/>
              <a:buChar char="✘"/>
            </a:pPr>
            <a:r>
              <a:rPr lang="en-GB" sz="1400" dirty="0"/>
              <a:t>Machine learning resembles learning in humans (pursuit of a goal, understanding data): </a:t>
            </a:r>
            <a:r>
              <a:rPr lang="en-GB" sz="1400" dirty="0">
                <a:solidFill>
                  <a:srgbClr val="D1026A"/>
                </a:solidFill>
              </a:rPr>
              <a:t>No!</a:t>
            </a:r>
          </a:p>
          <a:p>
            <a:pPr marL="285750" indent="-285750">
              <a:buFont typeface="System Font Regular"/>
              <a:buChar char="✘"/>
            </a:pPr>
            <a:endParaRPr lang="en-GB" sz="1400" dirty="0"/>
          </a:p>
          <a:p>
            <a:pPr marL="285750" indent="-285750">
              <a:buFont typeface="System Font Regular"/>
              <a:buChar char="✘"/>
            </a:pPr>
            <a:r>
              <a:rPr lang="en-GB" sz="1400" dirty="0"/>
              <a:t>Intelligence is all in the brain (the body is not central to cognitive activities): </a:t>
            </a:r>
            <a:r>
              <a:rPr lang="en-GB" sz="1400" dirty="0">
                <a:solidFill>
                  <a:srgbClr val="D1026A"/>
                </a:solidFill>
              </a:rPr>
              <a:t>No!</a:t>
            </a:r>
            <a:endParaRPr lang="en-US" sz="1400" dirty="0"/>
          </a:p>
        </p:txBody>
      </p:sp>
    </p:spTree>
    <p:extLst>
      <p:ext uri="{BB962C8B-B14F-4D97-AF65-F5344CB8AC3E}">
        <p14:creationId xmlns:p14="http://schemas.microsoft.com/office/powerpoint/2010/main" val="413986158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0C4649-222C-0943-8978-4267CD46F87F}"/>
              </a:ext>
            </a:extLst>
          </p:cNvPr>
          <p:cNvSpPr>
            <a:spLocks noGrp="1"/>
          </p:cNvSpPr>
          <p:nvPr>
            <p:ph type="title"/>
          </p:nvPr>
        </p:nvSpPr>
        <p:spPr/>
        <p:txBody>
          <a:bodyPr/>
          <a:lstStyle/>
          <a:p>
            <a:r>
              <a:rPr lang="en-US" dirty="0"/>
              <a:t>Topics Covered in Today’s Lecture</a:t>
            </a:r>
          </a:p>
        </p:txBody>
      </p:sp>
      <p:sp>
        <p:nvSpPr>
          <p:cNvPr id="6" name="TextBox 5">
            <a:extLst>
              <a:ext uri="{FF2B5EF4-FFF2-40B4-BE49-F238E27FC236}">
                <a16:creationId xmlns:a16="http://schemas.microsoft.com/office/drawing/2014/main" id="{C5894721-95A2-7141-8609-521552539517}"/>
              </a:ext>
            </a:extLst>
          </p:cNvPr>
          <p:cNvSpPr txBox="1"/>
          <p:nvPr/>
        </p:nvSpPr>
        <p:spPr>
          <a:xfrm>
            <a:off x="611187" y="1131888"/>
            <a:ext cx="4105275" cy="1169551"/>
          </a:xfrm>
          <a:prstGeom prst="rect">
            <a:avLst/>
          </a:prstGeom>
          <a:noFill/>
        </p:spPr>
        <p:txBody>
          <a:bodyPr wrap="square" rtlCol="0">
            <a:spAutoFit/>
          </a:bodyPr>
          <a:lstStyle/>
          <a:p>
            <a:pPr marL="288000" indent="-288000">
              <a:buFont typeface="+mj-lt"/>
              <a:buAutoNum type="alphaUcPeriod"/>
            </a:pPr>
            <a:r>
              <a:rPr lang="en-US" sz="1400" dirty="0"/>
              <a:t>Latest Developments in AI/ML</a:t>
            </a:r>
          </a:p>
          <a:p>
            <a:pPr marL="288000" indent="-288000">
              <a:buFont typeface="+mj-lt"/>
              <a:buAutoNum type="alphaUcPeriod"/>
            </a:pPr>
            <a:endParaRPr lang="en-US" sz="1400" dirty="0"/>
          </a:p>
          <a:p>
            <a:pPr marL="288000" indent="-288000">
              <a:buFont typeface="+mj-lt"/>
              <a:buAutoNum type="alphaUcPeriod"/>
            </a:pPr>
            <a:r>
              <a:rPr lang="en-US" sz="1400" dirty="0"/>
              <a:t>Challenges &amp; Risks in AI/ML</a:t>
            </a:r>
          </a:p>
          <a:p>
            <a:pPr marL="288000" indent="-288000">
              <a:buFont typeface="+mj-lt"/>
              <a:buAutoNum type="alphaUcPeriod"/>
            </a:pPr>
            <a:endParaRPr lang="en-US" sz="1400" dirty="0"/>
          </a:p>
          <a:p>
            <a:pPr marL="288000" indent="-288000">
              <a:buFont typeface="+mj-lt"/>
              <a:buAutoNum type="alphaUcPeriod"/>
            </a:pPr>
            <a:r>
              <a:rPr lang="en-US" sz="1400" dirty="0"/>
              <a:t>The Future of AI/ML?</a:t>
            </a:r>
          </a:p>
        </p:txBody>
      </p:sp>
      <p:pic>
        <p:nvPicPr>
          <p:cNvPr id="9220" name="Picture 4" descr="Computers vs Humans">
            <a:extLst>
              <a:ext uri="{FF2B5EF4-FFF2-40B4-BE49-F238E27FC236}">
                <a16:creationId xmlns:a16="http://schemas.microsoft.com/office/drawing/2014/main" id="{B1068908-3460-AB4A-B557-08B1BD9161F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664476" y="2211710"/>
            <a:ext cx="4723874" cy="2304728"/>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467FD137-D614-244E-8791-A57327C0A38D}"/>
              </a:ext>
            </a:extLst>
          </p:cNvPr>
          <p:cNvSpPr/>
          <p:nvPr/>
        </p:nvSpPr>
        <p:spPr>
          <a:xfrm>
            <a:off x="611188" y="4737903"/>
            <a:ext cx="1656556" cy="276999"/>
          </a:xfrm>
          <a:prstGeom prst="rect">
            <a:avLst/>
          </a:prstGeom>
          <a:solidFill>
            <a:schemeClr val="bg1"/>
          </a:solidFill>
        </p:spPr>
        <p:txBody>
          <a:bodyPr wrap="square">
            <a:spAutoFit/>
          </a:bodyPr>
          <a:lstStyle/>
          <a:p>
            <a:r>
              <a:rPr lang="en-US" sz="600" dirty="0">
                <a:hlinkClick r:id="rId3"/>
              </a:rPr>
              <a:t>https://xkcd.com/1875/</a:t>
            </a:r>
            <a:endParaRPr lang="en-US" sz="600" dirty="0"/>
          </a:p>
          <a:p>
            <a:endParaRPr lang="en-US" sz="600" dirty="0"/>
          </a:p>
        </p:txBody>
      </p:sp>
    </p:spTree>
    <p:extLst>
      <p:ext uri="{BB962C8B-B14F-4D97-AF65-F5344CB8AC3E}">
        <p14:creationId xmlns:p14="http://schemas.microsoft.com/office/powerpoint/2010/main" val="206918059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1AEF23-C987-A343-BE1C-769A25F7596F}"/>
              </a:ext>
            </a:extLst>
          </p:cNvPr>
          <p:cNvSpPr>
            <a:spLocks noGrp="1"/>
          </p:cNvSpPr>
          <p:nvPr>
            <p:ph type="title"/>
          </p:nvPr>
        </p:nvSpPr>
        <p:spPr/>
        <p:txBody>
          <a:bodyPr/>
          <a:lstStyle/>
          <a:p>
            <a:r>
              <a:rPr lang="en-US" dirty="0"/>
              <a:t>AI Cannot be a “Brain in a Jar”</a:t>
            </a:r>
          </a:p>
        </p:txBody>
      </p:sp>
      <p:pic>
        <p:nvPicPr>
          <p:cNvPr id="3" name="Picture 2">
            <a:extLst>
              <a:ext uri="{FF2B5EF4-FFF2-40B4-BE49-F238E27FC236}">
                <a16:creationId xmlns:a16="http://schemas.microsoft.com/office/drawing/2014/main" id="{33FB194A-B8CA-7644-8BA8-C707C3FD639A}"/>
              </a:ext>
            </a:extLst>
          </p:cNvPr>
          <p:cNvPicPr>
            <a:picLocks noChangeAspect="1"/>
          </p:cNvPicPr>
          <p:nvPr/>
        </p:nvPicPr>
        <p:blipFill>
          <a:blip r:embed="rId2"/>
          <a:stretch>
            <a:fillRect/>
          </a:stretch>
        </p:blipFill>
        <p:spPr>
          <a:xfrm>
            <a:off x="611188" y="1130932"/>
            <a:ext cx="2808683" cy="1556620"/>
          </a:xfrm>
          <a:prstGeom prst="rect">
            <a:avLst/>
          </a:prstGeom>
        </p:spPr>
      </p:pic>
      <p:pic>
        <p:nvPicPr>
          <p:cNvPr id="4" name="Picture 3">
            <a:extLst>
              <a:ext uri="{FF2B5EF4-FFF2-40B4-BE49-F238E27FC236}">
                <a16:creationId xmlns:a16="http://schemas.microsoft.com/office/drawing/2014/main" id="{1B05B8C7-C7AB-A542-A41C-A24024C55125}"/>
              </a:ext>
            </a:extLst>
          </p:cNvPr>
          <p:cNvPicPr>
            <a:picLocks noChangeAspect="1"/>
          </p:cNvPicPr>
          <p:nvPr/>
        </p:nvPicPr>
        <p:blipFill>
          <a:blip r:embed="rId3"/>
          <a:stretch>
            <a:fillRect/>
          </a:stretch>
        </p:blipFill>
        <p:spPr>
          <a:xfrm>
            <a:off x="4744384" y="1131888"/>
            <a:ext cx="3752098" cy="3182520"/>
          </a:xfrm>
          <a:prstGeom prst="rect">
            <a:avLst/>
          </a:prstGeom>
          <a:ln>
            <a:noFill/>
          </a:ln>
          <a:effectLst>
            <a:outerShdw blurRad="292100" dist="139700" dir="2700000" algn="tl" rotWithShape="0">
              <a:srgbClr val="333333">
                <a:alpha val="65000"/>
              </a:srgbClr>
            </a:outerShdw>
          </a:effectLst>
        </p:spPr>
      </p:pic>
      <p:sp>
        <p:nvSpPr>
          <p:cNvPr id="5" name="Rectangle 4">
            <a:extLst>
              <a:ext uri="{FF2B5EF4-FFF2-40B4-BE49-F238E27FC236}">
                <a16:creationId xmlns:a16="http://schemas.microsoft.com/office/drawing/2014/main" id="{E5D97170-C322-F54E-92DB-1107A12CE342}"/>
              </a:ext>
            </a:extLst>
          </p:cNvPr>
          <p:cNvSpPr/>
          <p:nvPr/>
        </p:nvSpPr>
        <p:spPr>
          <a:xfrm>
            <a:off x="611188" y="4737903"/>
            <a:ext cx="2664668" cy="276999"/>
          </a:xfrm>
          <a:prstGeom prst="rect">
            <a:avLst/>
          </a:prstGeom>
          <a:solidFill>
            <a:schemeClr val="bg1"/>
          </a:solidFill>
        </p:spPr>
        <p:txBody>
          <a:bodyPr wrap="square">
            <a:spAutoFit/>
          </a:bodyPr>
          <a:lstStyle/>
          <a:p>
            <a:r>
              <a:rPr lang="en-US" sz="600" dirty="0">
                <a:solidFill>
                  <a:srgbClr val="EC5A7A"/>
                </a:solidFill>
                <a:hlinkClick r:id="rId4">
                  <a:extLst>
                    <a:ext uri="{A12FA001-AC4F-418D-AE19-62706E023703}">
                      <ahyp:hlinkClr xmlns:ahyp="http://schemas.microsoft.com/office/drawing/2018/hyperlinkcolor" val="tx"/>
                    </a:ext>
                  </a:extLst>
                </a:hlinkClick>
              </a:rPr>
              <a:t>https://twitter.com/fchollet/status/1464875867587424256</a:t>
            </a:r>
            <a:endParaRPr lang="en-US" sz="600" dirty="0">
              <a:solidFill>
                <a:srgbClr val="EC5A7A"/>
              </a:solidFill>
            </a:endParaRPr>
          </a:p>
          <a:p>
            <a:endParaRPr lang="en-US" sz="600" dirty="0">
              <a:solidFill>
                <a:srgbClr val="EC5A7A"/>
              </a:solidFill>
            </a:endParaRPr>
          </a:p>
        </p:txBody>
      </p:sp>
      <p:pic>
        <p:nvPicPr>
          <p:cNvPr id="1026" name="Picture 2">
            <a:extLst>
              <a:ext uri="{FF2B5EF4-FFF2-40B4-BE49-F238E27FC236}">
                <a16:creationId xmlns:a16="http://schemas.microsoft.com/office/drawing/2014/main" id="{3C1ECB9A-883E-0E40-A5FF-C01CACF573D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3457" y="2729169"/>
            <a:ext cx="2816413" cy="15852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9722010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223CDB-F494-D74C-A282-C28012BA5D10}"/>
              </a:ext>
            </a:extLst>
          </p:cNvPr>
          <p:cNvSpPr>
            <a:spLocks noGrp="1"/>
          </p:cNvSpPr>
          <p:nvPr>
            <p:ph type="title"/>
          </p:nvPr>
        </p:nvSpPr>
        <p:spPr/>
        <p:txBody>
          <a:bodyPr/>
          <a:lstStyle/>
          <a:p>
            <a:r>
              <a:rPr lang="en-US" dirty="0"/>
              <a:t>AI doesn’t do “Common Sense”</a:t>
            </a:r>
          </a:p>
        </p:txBody>
      </p:sp>
      <p:pic>
        <p:nvPicPr>
          <p:cNvPr id="3" name="Picture 2">
            <a:extLst>
              <a:ext uri="{FF2B5EF4-FFF2-40B4-BE49-F238E27FC236}">
                <a16:creationId xmlns:a16="http://schemas.microsoft.com/office/drawing/2014/main" id="{DFF0ED6A-8DBE-C541-B999-FDA51D1D372C}"/>
              </a:ext>
            </a:extLst>
          </p:cNvPr>
          <p:cNvPicPr>
            <a:picLocks noChangeAspect="1"/>
          </p:cNvPicPr>
          <p:nvPr/>
        </p:nvPicPr>
        <p:blipFill>
          <a:blip r:embed="rId2"/>
          <a:stretch>
            <a:fillRect/>
          </a:stretch>
        </p:blipFill>
        <p:spPr>
          <a:xfrm>
            <a:off x="611188" y="1131887"/>
            <a:ext cx="3960812" cy="803399"/>
          </a:xfrm>
          <a:prstGeom prst="rect">
            <a:avLst/>
          </a:prstGeom>
        </p:spPr>
      </p:pic>
      <p:pic>
        <p:nvPicPr>
          <p:cNvPr id="7170" name="Picture 2" descr="myth of AI book cover">
            <a:extLst>
              <a:ext uri="{FF2B5EF4-FFF2-40B4-BE49-F238E27FC236}">
                <a16:creationId xmlns:a16="http://schemas.microsoft.com/office/drawing/2014/main" id="{7300FD26-BC6E-1448-98D0-7AE130B49B2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24129" y="3054"/>
            <a:ext cx="3419872" cy="5120326"/>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152AEB8D-3C72-BA41-887B-3AC2C4509C96}"/>
              </a:ext>
            </a:extLst>
          </p:cNvPr>
          <p:cNvSpPr/>
          <p:nvPr/>
        </p:nvSpPr>
        <p:spPr>
          <a:xfrm>
            <a:off x="611188" y="4732338"/>
            <a:ext cx="4572000" cy="184666"/>
          </a:xfrm>
          <a:prstGeom prst="rect">
            <a:avLst/>
          </a:prstGeom>
          <a:solidFill>
            <a:schemeClr val="bg1"/>
          </a:solidFill>
        </p:spPr>
        <p:txBody>
          <a:bodyPr>
            <a:spAutoFit/>
          </a:bodyPr>
          <a:lstStyle/>
          <a:p>
            <a:r>
              <a:rPr lang="en-US" sz="600" dirty="0">
                <a:hlinkClick r:id="rId4"/>
              </a:rPr>
              <a:t>https://bdtechtalks.com/2021/09/20/myth-of-artificial-intelligence-erik-larson/</a:t>
            </a:r>
            <a:endParaRPr lang="en-US" sz="600" dirty="0"/>
          </a:p>
        </p:txBody>
      </p:sp>
    </p:spTree>
    <p:extLst>
      <p:ext uri="{BB962C8B-B14F-4D97-AF65-F5344CB8AC3E}">
        <p14:creationId xmlns:p14="http://schemas.microsoft.com/office/powerpoint/2010/main" val="72804540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9E8D-4323-2840-A9FB-F4246FA85C54}"/>
              </a:ext>
            </a:extLst>
          </p:cNvPr>
          <p:cNvSpPr>
            <a:spLocks noGrp="1"/>
          </p:cNvSpPr>
          <p:nvPr>
            <p:ph type="title"/>
          </p:nvPr>
        </p:nvSpPr>
        <p:spPr/>
        <p:txBody>
          <a:bodyPr/>
          <a:lstStyle/>
          <a:p>
            <a:r>
              <a:rPr lang="en-US" dirty="0"/>
              <a:t>We are far from Human-like AI</a:t>
            </a:r>
          </a:p>
        </p:txBody>
      </p:sp>
      <p:pic>
        <p:nvPicPr>
          <p:cNvPr id="3" name="Picture 2">
            <a:extLst>
              <a:ext uri="{FF2B5EF4-FFF2-40B4-BE49-F238E27FC236}">
                <a16:creationId xmlns:a16="http://schemas.microsoft.com/office/drawing/2014/main" id="{0CB66D7D-F8EF-1A42-941B-255320811E70}"/>
              </a:ext>
            </a:extLst>
          </p:cNvPr>
          <p:cNvPicPr>
            <a:picLocks noChangeAspect="1"/>
          </p:cNvPicPr>
          <p:nvPr/>
        </p:nvPicPr>
        <p:blipFill>
          <a:blip r:embed="rId2"/>
          <a:stretch>
            <a:fillRect/>
          </a:stretch>
        </p:blipFill>
        <p:spPr>
          <a:xfrm>
            <a:off x="611188" y="1144490"/>
            <a:ext cx="3816350" cy="784182"/>
          </a:xfrm>
          <a:prstGeom prst="rect">
            <a:avLst/>
          </a:prstGeom>
        </p:spPr>
      </p:pic>
      <p:pic>
        <p:nvPicPr>
          <p:cNvPr id="4" name="Picture 3">
            <a:extLst>
              <a:ext uri="{FF2B5EF4-FFF2-40B4-BE49-F238E27FC236}">
                <a16:creationId xmlns:a16="http://schemas.microsoft.com/office/drawing/2014/main" id="{88D7D15A-8DFE-5F4E-A102-66EF4A0819F1}"/>
              </a:ext>
            </a:extLst>
          </p:cNvPr>
          <p:cNvPicPr>
            <a:picLocks noChangeAspect="1"/>
          </p:cNvPicPr>
          <p:nvPr/>
        </p:nvPicPr>
        <p:blipFill>
          <a:blip r:embed="rId3"/>
          <a:stretch>
            <a:fillRect/>
          </a:stretch>
        </p:blipFill>
        <p:spPr>
          <a:xfrm>
            <a:off x="4728258" y="1144490"/>
            <a:ext cx="3816350" cy="1727143"/>
          </a:xfrm>
          <a:prstGeom prst="rect">
            <a:avLst/>
          </a:prstGeom>
        </p:spPr>
      </p:pic>
      <p:sp>
        <p:nvSpPr>
          <p:cNvPr id="5" name="Rectangle 4">
            <a:extLst>
              <a:ext uri="{FF2B5EF4-FFF2-40B4-BE49-F238E27FC236}">
                <a16:creationId xmlns:a16="http://schemas.microsoft.com/office/drawing/2014/main" id="{DC0D69EF-B874-B94B-A457-49C781539231}"/>
              </a:ext>
            </a:extLst>
          </p:cNvPr>
          <p:cNvSpPr/>
          <p:nvPr/>
        </p:nvSpPr>
        <p:spPr>
          <a:xfrm>
            <a:off x="611188" y="4732338"/>
            <a:ext cx="1745991" cy="276999"/>
          </a:xfrm>
          <a:prstGeom prst="rect">
            <a:avLst/>
          </a:prstGeom>
          <a:solidFill>
            <a:schemeClr val="bg1"/>
          </a:solidFill>
        </p:spPr>
        <p:txBody>
          <a:bodyPr wrap="none">
            <a:spAutoFit/>
          </a:bodyPr>
          <a:lstStyle/>
          <a:p>
            <a:r>
              <a:rPr lang="en-US" sz="600" dirty="0">
                <a:hlinkClick r:id="rId4"/>
              </a:rPr>
              <a:t>https://mbm.cds.nyu.edu/#landingPage</a:t>
            </a:r>
            <a:endParaRPr lang="en-US" sz="600" dirty="0"/>
          </a:p>
          <a:p>
            <a:endParaRPr lang="en-US" sz="600" dirty="0"/>
          </a:p>
        </p:txBody>
      </p:sp>
      <p:pic>
        <p:nvPicPr>
          <p:cNvPr id="6" name="Picture 5">
            <a:extLst>
              <a:ext uri="{FF2B5EF4-FFF2-40B4-BE49-F238E27FC236}">
                <a16:creationId xmlns:a16="http://schemas.microsoft.com/office/drawing/2014/main" id="{1F80CD7C-4E5F-274F-BB1E-D102BC20C8E0}"/>
              </a:ext>
            </a:extLst>
          </p:cNvPr>
          <p:cNvPicPr>
            <a:picLocks noChangeAspect="1"/>
          </p:cNvPicPr>
          <p:nvPr/>
        </p:nvPicPr>
        <p:blipFill>
          <a:blip r:embed="rId5"/>
          <a:stretch>
            <a:fillRect/>
          </a:stretch>
        </p:blipFill>
        <p:spPr>
          <a:xfrm>
            <a:off x="4780725" y="2898936"/>
            <a:ext cx="3600326" cy="1185822"/>
          </a:xfrm>
          <a:prstGeom prst="rect">
            <a:avLst/>
          </a:prstGeom>
        </p:spPr>
      </p:pic>
    </p:spTree>
    <p:extLst>
      <p:ext uri="{BB962C8B-B14F-4D97-AF65-F5344CB8AC3E}">
        <p14:creationId xmlns:p14="http://schemas.microsoft.com/office/powerpoint/2010/main" val="322447129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AEAC96-36FE-3A41-A9B3-4B7D6B228F40}"/>
              </a:ext>
            </a:extLst>
          </p:cNvPr>
          <p:cNvSpPr>
            <a:spLocks noGrp="1"/>
          </p:cNvSpPr>
          <p:nvPr>
            <p:ph type="title"/>
          </p:nvPr>
        </p:nvSpPr>
        <p:spPr/>
        <p:txBody>
          <a:bodyPr/>
          <a:lstStyle/>
          <a:p>
            <a:r>
              <a:rPr lang="en-US" dirty="0"/>
              <a:t>Generalization is Hard</a:t>
            </a:r>
          </a:p>
        </p:txBody>
      </p:sp>
      <p:pic>
        <p:nvPicPr>
          <p:cNvPr id="3" name="robotJam.mp4" descr="robotJam.mp4">
            <a:hlinkClick r:id="" action="ppaction://media"/>
            <a:extLst>
              <a:ext uri="{FF2B5EF4-FFF2-40B4-BE49-F238E27FC236}">
                <a16:creationId xmlns:a16="http://schemas.microsoft.com/office/drawing/2014/main" id="{5EF64E90-20AF-454A-961C-0B1FC1183172}"/>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3825854" y="1131889"/>
            <a:ext cx="4572000" cy="2593362"/>
          </a:xfrm>
          <a:prstGeom prst="rect">
            <a:avLst/>
          </a:prstGeom>
        </p:spPr>
      </p:pic>
      <p:sp>
        <p:nvSpPr>
          <p:cNvPr id="4" name="Rectangle 3">
            <a:extLst>
              <a:ext uri="{FF2B5EF4-FFF2-40B4-BE49-F238E27FC236}">
                <a16:creationId xmlns:a16="http://schemas.microsoft.com/office/drawing/2014/main" id="{529927B4-883A-E24D-9A89-15BF9295BE16}"/>
              </a:ext>
            </a:extLst>
          </p:cNvPr>
          <p:cNvSpPr/>
          <p:nvPr/>
        </p:nvSpPr>
        <p:spPr>
          <a:xfrm>
            <a:off x="611188" y="4739113"/>
            <a:ext cx="4572000" cy="276999"/>
          </a:xfrm>
          <a:prstGeom prst="rect">
            <a:avLst/>
          </a:prstGeom>
          <a:solidFill>
            <a:schemeClr val="bg1"/>
          </a:solidFill>
        </p:spPr>
        <p:txBody>
          <a:bodyPr>
            <a:spAutoFit/>
          </a:bodyPr>
          <a:lstStyle/>
          <a:p>
            <a:r>
              <a:rPr lang="en-US" sz="600" dirty="0">
                <a:solidFill>
                  <a:srgbClr val="EB5979"/>
                </a:solidFill>
                <a:hlinkClick r:id="rId5">
                  <a:extLst>
                    <a:ext uri="{A12FA001-AC4F-418D-AE19-62706E023703}">
                      <ahyp:hlinkClr xmlns:ahyp="http://schemas.microsoft.com/office/drawing/2018/hyperlinkcolor" val="tx"/>
                    </a:ext>
                  </a:extLst>
                </a:hlinkClick>
              </a:rPr>
              <a:t>https://twitter.com/</a:t>
            </a:r>
            <a:r>
              <a:rPr lang="en-US" sz="600" dirty="0">
                <a:solidFill>
                  <a:srgbClr val="EC5A7A"/>
                </a:solidFill>
                <a:hlinkClick r:id="rId5">
                  <a:extLst>
                    <a:ext uri="{A12FA001-AC4F-418D-AE19-62706E023703}">
                      <ahyp:hlinkClr xmlns:ahyp="http://schemas.microsoft.com/office/drawing/2018/hyperlinkcolor" val="tx"/>
                    </a:ext>
                  </a:extLst>
                </a:hlinkClick>
              </a:rPr>
              <a:t>Kukicat7/status/1466328532250943491</a:t>
            </a:r>
            <a:endParaRPr lang="en-US" sz="600" dirty="0">
              <a:solidFill>
                <a:srgbClr val="EC5A7A"/>
              </a:solidFill>
            </a:endParaRPr>
          </a:p>
          <a:p>
            <a:endParaRPr lang="en-US" sz="600" dirty="0">
              <a:solidFill>
                <a:schemeClr val="bg1"/>
              </a:solidFill>
            </a:endParaRPr>
          </a:p>
        </p:txBody>
      </p:sp>
      <p:pic>
        <p:nvPicPr>
          <p:cNvPr id="5" name="Picture 4">
            <a:extLst>
              <a:ext uri="{FF2B5EF4-FFF2-40B4-BE49-F238E27FC236}">
                <a16:creationId xmlns:a16="http://schemas.microsoft.com/office/drawing/2014/main" id="{9B6FAC81-BAED-C84C-B90A-9E1111BFA7E6}"/>
              </a:ext>
            </a:extLst>
          </p:cNvPr>
          <p:cNvPicPr>
            <a:picLocks noChangeAspect="1"/>
          </p:cNvPicPr>
          <p:nvPr/>
        </p:nvPicPr>
        <p:blipFill>
          <a:blip r:embed="rId6"/>
          <a:stretch>
            <a:fillRect/>
          </a:stretch>
        </p:blipFill>
        <p:spPr>
          <a:xfrm>
            <a:off x="611187" y="1131888"/>
            <a:ext cx="3024709" cy="965223"/>
          </a:xfrm>
          <a:prstGeom prst="rect">
            <a:avLst/>
          </a:prstGeom>
        </p:spPr>
      </p:pic>
      <p:pic>
        <p:nvPicPr>
          <p:cNvPr id="6" name="Picture 5">
            <a:extLst>
              <a:ext uri="{FF2B5EF4-FFF2-40B4-BE49-F238E27FC236}">
                <a16:creationId xmlns:a16="http://schemas.microsoft.com/office/drawing/2014/main" id="{463988BF-D5D7-994E-9815-CCFB7A4BA54E}"/>
              </a:ext>
            </a:extLst>
          </p:cNvPr>
          <p:cNvPicPr>
            <a:picLocks noChangeAspect="1"/>
          </p:cNvPicPr>
          <p:nvPr/>
        </p:nvPicPr>
        <p:blipFill>
          <a:blip r:embed="rId7"/>
          <a:stretch>
            <a:fillRect/>
          </a:stretch>
        </p:blipFill>
        <p:spPr>
          <a:xfrm>
            <a:off x="611188" y="2140726"/>
            <a:ext cx="1198563" cy="274370"/>
          </a:xfrm>
          <a:prstGeom prst="rect">
            <a:avLst/>
          </a:prstGeom>
        </p:spPr>
      </p:pic>
    </p:spTree>
    <p:extLst>
      <p:ext uri="{BB962C8B-B14F-4D97-AF65-F5344CB8AC3E}">
        <p14:creationId xmlns:p14="http://schemas.microsoft.com/office/powerpoint/2010/main" val="588028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1429"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DE1F739-5728-E64F-9C49-0BF16A79E519}"/>
              </a:ext>
            </a:extLst>
          </p:cNvPr>
          <p:cNvSpPr/>
          <p:nvPr/>
        </p:nvSpPr>
        <p:spPr>
          <a:xfrm>
            <a:off x="3851920" y="0"/>
            <a:ext cx="1152128" cy="51435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2" descr="Logo&#10;&#10;Description automatically generated with medium confidence">
            <a:extLst>
              <a:ext uri="{FF2B5EF4-FFF2-40B4-BE49-F238E27FC236}">
                <a16:creationId xmlns:a16="http://schemas.microsoft.com/office/drawing/2014/main" id="{8320909B-F699-804D-A9DE-B2B57343518F}"/>
              </a:ext>
            </a:extLst>
          </p:cNvPr>
          <p:cNvPicPr>
            <a:picLocks noChangeAspect="1"/>
          </p:cNvPicPr>
          <p:nvPr/>
        </p:nvPicPr>
        <p:blipFill rotWithShape="1">
          <a:blip r:embed="rId2">
            <a:extLst>
              <a:ext uri="{28A0092B-C50C-407E-A947-70E740481C1C}">
                <a14:useLocalDpi xmlns:a14="http://schemas.microsoft.com/office/drawing/2010/main" val="0"/>
              </a:ext>
            </a:extLst>
          </a:blip>
          <a:srcRect l="7707" t="15980" r="6386" b="21650"/>
          <a:stretch/>
        </p:blipFill>
        <p:spPr>
          <a:xfrm>
            <a:off x="7236296" y="359443"/>
            <a:ext cx="1584176" cy="268091"/>
          </a:xfrm>
          <a:prstGeom prst="rect">
            <a:avLst/>
          </a:prstGeom>
        </p:spPr>
      </p:pic>
      <p:pic>
        <p:nvPicPr>
          <p:cNvPr id="2" name="Picture 1">
            <a:extLst>
              <a:ext uri="{FF2B5EF4-FFF2-40B4-BE49-F238E27FC236}">
                <a16:creationId xmlns:a16="http://schemas.microsoft.com/office/drawing/2014/main" id="{A19FF7B0-0806-B846-AD1A-E20230BCA96E}"/>
              </a:ext>
            </a:extLst>
          </p:cNvPr>
          <p:cNvPicPr>
            <a:picLocks noChangeAspect="1"/>
          </p:cNvPicPr>
          <p:nvPr/>
        </p:nvPicPr>
        <p:blipFill rotWithShape="1">
          <a:blip r:embed="rId3"/>
          <a:srcRect t="8321" b="4423"/>
          <a:stretch/>
        </p:blipFill>
        <p:spPr>
          <a:xfrm>
            <a:off x="0" y="0"/>
            <a:ext cx="4433943" cy="5134886"/>
          </a:xfrm>
          <a:prstGeom prst="rect">
            <a:avLst/>
          </a:prstGeom>
        </p:spPr>
      </p:pic>
      <p:pic>
        <p:nvPicPr>
          <p:cNvPr id="3" name="Picture 2">
            <a:extLst>
              <a:ext uri="{FF2B5EF4-FFF2-40B4-BE49-F238E27FC236}">
                <a16:creationId xmlns:a16="http://schemas.microsoft.com/office/drawing/2014/main" id="{ECDE6469-1031-2145-8D0C-1F71AEA7568C}"/>
              </a:ext>
            </a:extLst>
          </p:cNvPr>
          <p:cNvPicPr>
            <a:picLocks noChangeAspect="1"/>
          </p:cNvPicPr>
          <p:nvPr/>
        </p:nvPicPr>
        <p:blipFill rotWithShape="1">
          <a:blip r:embed="rId4"/>
          <a:srcRect t="3807" b="12044"/>
          <a:stretch/>
        </p:blipFill>
        <p:spPr>
          <a:xfrm>
            <a:off x="4652069" y="0"/>
            <a:ext cx="4491931" cy="5134886"/>
          </a:xfrm>
          <a:prstGeom prst="rect">
            <a:avLst/>
          </a:prstGeom>
        </p:spPr>
      </p:pic>
      <p:sp>
        <p:nvSpPr>
          <p:cNvPr id="4" name="TextBox 3">
            <a:extLst>
              <a:ext uri="{FF2B5EF4-FFF2-40B4-BE49-F238E27FC236}">
                <a16:creationId xmlns:a16="http://schemas.microsoft.com/office/drawing/2014/main" id="{721AD069-02F1-5C4F-AAD4-1B0FD2D4DF9A}"/>
              </a:ext>
            </a:extLst>
          </p:cNvPr>
          <p:cNvSpPr txBox="1"/>
          <p:nvPr/>
        </p:nvSpPr>
        <p:spPr>
          <a:xfrm>
            <a:off x="6846009" y="-29732"/>
            <a:ext cx="2364750" cy="523220"/>
          </a:xfrm>
          <a:prstGeom prst="rect">
            <a:avLst/>
          </a:prstGeom>
          <a:noFill/>
        </p:spPr>
        <p:txBody>
          <a:bodyPr wrap="none" rtlCol="0">
            <a:spAutoFit/>
          </a:bodyPr>
          <a:lstStyle/>
          <a:p>
            <a:r>
              <a:rPr lang="en-US" sz="2800" dirty="0">
                <a:solidFill>
                  <a:schemeClr val="bg1"/>
                </a:solidFill>
                <a:latin typeface="Helvetica" pitchFamily="2" charset="0"/>
              </a:rPr>
              <a:t>October 2021</a:t>
            </a:r>
          </a:p>
        </p:txBody>
      </p:sp>
    </p:spTree>
    <p:extLst>
      <p:ext uri="{BB962C8B-B14F-4D97-AF65-F5344CB8AC3E}">
        <p14:creationId xmlns:p14="http://schemas.microsoft.com/office/powerpoint/2010/main" val="347811559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418C6-7D06-8B4E-BA0F-6E1FF93A4827}"/>
              </a:ext>
            </a:extLst>
          </p:cNvPr>
          <p:cNvSpPr>
            <a:spLocks noGrp="1"/>
          </p:cNvSpPr>
          <p:nvPr>
            <p:ph type="title"/>
          </p:nvPr>
        </p:nvSpPr>
        <p:spPr/>
        <p:txBody>
          <a:bodyPr/>
          <a:lstStyle/>
          <a:p>
            <a:r>
              <a:rPr lang="en-US" dirty="0"/>
              <a:t>Not just Dumb but Dangerous</a:t>
            </a:r>
          </a:p>
        </p:txBody>
      </p:sp>
      <p:pic>
        <p:nvPicPr>
          <p:cNvPr id="3" name="Picture 2">
            <a:extLst>
              <a:ext uri="{FF2B5EF4-FFF2-40B4-BE49-F238E27FC236}">
                <a16:creationId xmlns:a16="http://schemas.microsoft.com/office/drawing/2014/main" id="{BB5ECAF3-5F0D-D94D-B46E-4E675F1B4AAB}"/>
              </a:ext>
            </a:extLst>
          </p:cNvPr>
          <p:cNvPicPr>
            <a:picLocks noChangeAspect="1"/>
          </p:cNvPicPr>
          <p:nvPr/>
        </p:nvPicPr>
        <p:blipFill>
          <a:blip r:embed="rId2"/>
          <a:stretch>
            <a:fillRect/>
          </a:stretch>
        </p:blipFill>
        <p:spPr>
          <a:xfrm>
            <a:off x="603805" y="1131889"/>
            <a:ext cx="3608155" cy="411834"/>
          </a:xfrm>
          <a:prstGeom prst="rect">
            <a:avLst/>
          </a:prstGeom>
        </p:spPr>
      </p:pic>
      <p:pic>
        <p:nvPicPr>
          <p:cNvPr id="9218" name="Picture 2" descr="Image">
            <a:extLst>
              <a:ext uri="{FF2B5EF4-FFF2-40B4-BE49-F238E27FC236}">
                <a16:creationId xmlns:a16="http://schemas.microsoft.com/office/drawing/2014/main" id="{E1462A6A-BC74-CE41-8AEE-EAB5BD35346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1131888"/>
            <a:ext cx="3960813" cy="3407604"/>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1EB6D289-54F1-C142-AD16-5F316572F069}"/>
              </a:ext>
            </a:extLst>
          </p:cNvPr>
          <p:cNvSpPr/>
          <p:nvPr/>
        </p:nvSpPr>
        <p:spPr>
          <a:xfrm>
            <a:off x="611188" y="4739543"/>
            <a:ext cx="2934072" cy="184666"/>
          </a:xfrm>
          <a:prstGeom prst="rect">
            <a:avLst/>
          </a:prstGeom>
          <a:solidFill>
            <a:schemeClr val="bg1"/>
          </a:solidFill>
        </p:spPr>
        <p:txBody>
          <a:bodyPr wrap="square">
            <a:spAutoFit/>
          </a:bodyPr>
          <a:lstStyle/>
          <a:p>
            <a:r>
              <a:rPr lang="en-US" sz="600" dirty="0">
                <a:hlinkClick r:id="rId4"/>
              </a:rPr>
              <a:t>https://twitter.com/verge/status/1448661683530977295</a:t>
            </a:r>
            <a:endParaRPr lang="en-US" sz="600" dirty="0"/>
          </a:p>
        </p:txBody>
      </p:sp>
    </p:spTree>
    <p:extLst>
      <p:ext uri="{BB962C8B-B14F-4D97-AF65-F5344CB8AC3E}">
        <p14:creationId xmlns:p14="http://schemas.microsoft.com/office/powerpoint/2010/main" val="247493205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1CBADB-5CEF-7C49-B075-C237B5481844}"/>
              </a:ext>
            </a:extLst>
          </p:cNvPr>
          <p:cNvSpPr>
            <a:spLocks noGrp="1"/>
          </p:cNvSpPr>
          <p:nvPr>
            <p:ph type="title"/>
          </p:nvPr>
        </p:nvSpPr>
        <p:spPr/>
        <p:txBody>
          <a:bodyPr/>
          <a:lstStyle/>
          <a:p>
            <a:r>
              <a:rPr lang="en-US" dirty="0"/>
              <a:t>Misuse of ML is Undermining Democracy</a:t>
            </a:r>
          </a:p>
        </p:txBody>
      </p:sp>
      <p:sp>
        <p:nvSpPr>
          <p:cNvPr id="3" name="Rectangle 2">
            <a:extLst>
              <a:ext uri="{FF2B5EF4-FFF2-40B4-BE49-F238E27FC236}">
                <a16:creationId xmlns:a16="http://schemas.microsoft.com/office/drawing/2014/main" id="{160B5268-D5A1-594B-A969-9D74F228BB25}"/>
              </a:ext>
            </a:extLst>
          </p:cNvPr>
          <p:cNvSpPr/>
          <p:nvPr/>
        </p:nvSpPr>
        <p:spPr>
          <a:xfrm>
            <a:off x="611188" y="1129024"/>
            <a:ext cx="4752900" cy="3108543"/>
          </a:xfrm>
          <a:prstGeom prst="rect">
            <a:avLst/>
          </a:prstGeom>
        </p:spPr>
        <p:txBody>
          <a:bodyPr wrap="square">
            <a:spAutoFit/>
          </a:bodyPr>
          <a:lstStyle/>
          <a:p>
            <a:r>
              <a:rPr lang="en-US" sz="1400" dirty="0"/>
              <a:t>What we have discovered since 2016 is that the </a:t>
            </a:r>
            <a:r>
              <a:rPr lang="en-US" sz="1400" dirty="0">
                <a:solidFill>
                  <a:srgbClr val="D1026A"/>
                </a:solidFill>
              </a:rPr>
              <a:t>micro-targeting</a:t>
            </a:r>
            <a:r>
              <a:rPr lang="en-US" sz="1400" dirty="0"/>
              <a:t> enabled by ML algorithms deployed by </a:t>
            </a:r>
            <a:r>
              <a:rPr lang="en-US" sz="1400" b="1" dirty="0"/>
              <a:t>social media companies </a:t>
            </a:r>
            <a:r>
              <a:rPr lang="en-US" sz="1400" dirty="0"/>
              <a:t>has weakened or undermined some of the institutions on which a functioning democracy depends. </a:t>
            </a:r>
          </a:p>
          <a:p>
            <a:endParaRPr lang="en-US" sz="1400" dirty="0"/>
          </a:p>
          <a:p>
            <a:r>
              <a:rPr lang="en-US" sz="1400" dirty="0"/>
              <a:t>It has, produced a polluted public sphere in which mis- and disinformation compete with more accurate news. </a:t>
            </a:r>
          </a:p>
          <a:p>
            <a:endParaRPr lang="en-US" sz="1400" dirty="0"/>
          </a:p>
          <a:p>
            <a:r>
              <a:rPr lang="en-US" sz="1400" dirty="0"/>
              <a:t>And it has created digital echo-chambers and led people to viral conspiracy theories such as </a:t>
            </a:r>
            <a:r>
              <a:rPr lang="en-US" sz="1400" dirty="0" err="1"/>
              <a:t>Qanon</a:t>
            </a:r>
            <a:r>
              <a:rPr lang="en-US" sz="1400" dirty="0"/>
              <a:t> and malicious content orchestrated by foreign powers and domestic ideologues.</a:t>
            </a:r>
          </a:p>
        </p:txBody>
      </p:sp>
      <p:sp>
        <p:nvSpPr>
          <p:cNvPr id="4" name="Rectangle 3">
            <a:extLst>
              <a:ext uri="{FF2B5EF4-FFF2-40B4-BE49-F238E27FC236}">
                <a16:creationId xmlns:a16="http://schemas.microsoft.com/office/drawing/2014/main" id="{7417A982-CFA1-8746-BC63-9DCDA307E0E0}"/>
              </a:ext>
            </a:extLst>
          </p:cNvPr>
          <p:cNvSpPr/>
          <p:nvPr/>
        </p:nvSpPr>
        <p:spPr>
          <a:xfrm>
            <a:off x="611187" y="4732338"/>
            <a:ext cx="7273181" cy="276999"/>
          </a:xfrm>
          <a:prstGeom prst="rect">
            <a:avLst/>
          </a:prstGeom>
          <a:solidFill>
            <a:schemeClr val="bg1"/>
          </a:solidFill>
        </p:spPr>
        <p:txBody>
          <a:bodyPr wrap="square">
            <a:spAutoFit/>
          </a:bodyPr>
          <a:lstStyle/>
          <a:p>
            <a:r>
              <a:rPr lang="en-US" sz="600" dirty="0">
                <a:hlinkClick r:id="rId2"/>
              </a:rPr>
              <a:t>https://www.theguardian.com/technology/2020/sep/06/from-viral-conspiracies-to-exam-fiascos-algorithms-come-with-serious-side-effects?CMP=Share_iOSApp_Other</a:t>
            </a:r>
            <a:endParaRPr lang="en-US" sz="600" dirty="0"/>
          </a:p>
          <a:p>
            <a:endParaRPr lang="en-US" sz="600" dirty="0"/>
          </a:p>
        </p:txBody>
      </p:sp>
      <p:pic>
        <p:nvPicPr>
          <p:cNvPr id="5" name="Picture 4">
            <a:extLst>
              <a:ext uri="{FF2B5EF4-FFF2-40B4-BE49-F238E27FC236}">
                <a16:creationId xmlns:a16="http://schemas.microsoft.com/office/drawing/2014/main" id="{531F89BC-F0CB-444D-935B-4A2E65D32CA9}"/>
              </a:ext>
            </a:extLst>
          </p:cNvPr>
          <p:cNvPicPr>
            <a:picLocks noChangeAspect="1"/>
          </p:cNvPicPr>
          <p:nvPr/>
        </p:nvPicPr>
        <p:blipFill>
          <a:blip r:embed="rId3"/>
          <a:stretch>
            <a:fillRect/>
          </a:stretch>
        </p:blipFill>
        <p:spPr>
          <a:xfrm>
            <a:off x="5610668" y="1129024"/>
            <a:ext cx="2922144" cy="2378830"/>
          </a:xfrm>
          <a:prstGeom prst="rect">
            <a:avLst/>
          </a:prstGeom>
        </p:spPr>
      </p:pic>
    </p:spTree>
    <p:extLst>
      <p:ext uri="{BB962C8B-B14F-4D97-AF65-F5344CB8AC3E}">
        <p14:creationId xmlns:p14="http://schemas.microsoft.com/office/powerpoint/2010/main" val="107675815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4D5E18-B3C8-F748-ADED-3CC07B8AC693}"/>
              </a:ext>
            </a:extLst>
          </p:cNvPr>
          <p:cNvSpPr>
            <a:spLocks noGrp="1"/>
          </p:cNvSpPr>
          <p:nvPr>
            <p:ph type="title"/>
          </p:nvPr>
        </p:nvSpPr>
        <p:spPr/>
        <p:txBody>
          <a:bodyPr/>
          <a:lstStyle/>
          <a:p>
            <a:r>
              <a:rPr lang="en-US" dirty="0"/>
              <a:t>Lack of Diversity is a Real Problem</a:t>
            </a:r>
          </a:p>
        </p:txBody>
      </p:sp>
      <p:pic>
        <p:nvPicPr>
          <p:cNvPr id="3" name="Picture 2">
            <a:extLst>
              <a:ext uri="{FF2B5EF4-FFF2-40B4-BE49-F238E27FC236}">
                <a16:creationId xmlns:a16="http://schemas.microsoft.com/office/drawing/2014/main" id="{4DE66DA7-512F-9541-A508-BA2FE53CAF86}"/>
              </a:ext>
            </a:extLst>
          </p:cNvPr>
          <p:cNvPicPr>
            <a:picLocks noChangeAspect="1"/>
          </p:cNvPicPr>
          <p:nvPr/>
        </p:nvPicPr>
        <p:blipFill rotWithShape="1">
          <a:blip r:embed="rId2"/>
          <a:srcRect t="9308" b="19947"/>
          <a:stretch/>
        </p:blipFill>
        <p:spPr>
          <a:xfrm>
            <a:off x="755650" y="1131888"/>
            <a:ext cx="2689778" cy="3384550"/>
          </a:xfrm>
          <a:prstGeom prst="rect">
            <a:avLst/>
          </a:prstGeom>
          <a:ln>
            <a:noFill/>
          </a:ln>
          <a:effectLst>
            <a:outerShdw blurRad="292100" dist="139700" dir="2700000" algn="tl" rotWithShape="0">
              <a:srgbClr val="333333">
                <a:alpha val="65000"/>
              </a:srgbClr>
            </a:outerShdw>
          </a:effectLst>
        </p:spPr>
      </p:pic>
      <p:pic>
        <p:nvPicPr>
          <p:cNvPr id="5" name="Picture 4">
            <a:extLst>
              <a:ext uri="{FF2B5EF4-FFF2-40B4-BE49-F238E27FC236}">
                <a16:creationId xmlns:a16="http://schemas.microsoft.com/office/drawing/2014/main" id="{8EEE872B-ACBE-6049-8E7E-6DA0B402B8D8}"/>
              </a:ext>
            </a:extLst>
          </p:cNvPr>
          <p:cNvPicPr>
            <a:picLocks noChangeAspect="1"/>
          </p:cNvPicPr>
          <p:nvPr/>
        </p:nvPicPr>
        <p:blipFill>
          <a:blip r:embed="rId3"/>
          <a:stretch>
            <a:fillRect/>
          </a:stretch>
        </p:blipFill>
        <p:spPr>
          <a:xfrm>
            <a:off x="3888172" y="1131888"/>
            <a:ext cx="4457891" cy="3384550"/>
          </a:xfrm>
          <a:prstGeom prst="rect">
            <a:avLst/>
          </a:prstGeom>
          <a:ln>
            <a:noFill/>
          </a:ln>
          <a:effectLst>
            <a:outerShdw blurRad="292100" dist="139700" dir="2700000" algn="tl" rotWithShape="0">
              <a:srgbClr val="333333">
                <a:alpha val="65000"/>
              </a:srgbClr>
            </a:outerShdw>
          </a:effectLst>
        </p:spPr>
      </p:pic>
      <p:sp>
        <p:nvSpPr>
          <p:cNvPr id="6" name="Rectangle 5">
            <a:extLst>
              <a:ext uri="{FF2B5EF4-FFF2-40B4-BE49-F238E27FC236}">
                <a16:creationId xmlns:a16="http://schemas.microsoft.com/office/drawing/2014/main" id="{8B7E0D0B-A79B-314E-B370-AE77B915C8AB}"/>
              </a:ext>
            </a:extLst>
          </p:cNvPr>
          <p:cNvSpPr/>
          <p:nvPr/>
        </p:nvSpPr>
        <p:spPr>
          <a:xfrm>
            <a:off x="597828" y="4737903"/>
            <a:ext cx="5022304" cy="276999"/>
          </a:xfrm>
          <a:prstGeom prst="rect">
            <a:avLst/>
          </a:prstGeom>
          <a:solidFill>
            <a:schemeClr val="bg1"/>
          </a:solidFill>
        </p:spPr>
        <p:txBody>
          <a:bodyPr wrap="square">
            <a:spAutoFit/>
          </a:bodyPr>
          <a:lstStyle/>
          <a:p>
            <a:r>
              <a:rPr lang="en-US" sz="600" dirty="0">
                <a:hlinkClick r:id="rId4"/>
              </a:rPr>
              <a:t>https://www.euronews.com/2021/05/26/google-s-new-ai-skincare-tool-may-not-work-on-patients-with-darker-skin-tones</a:t>
            </a:r>
            <a:endParaRPr lang="en-US" sz="600" dirty="0"/>
          </a:p>
          <a:p>
            <a:endParaRPr lang="en-US" sz="600" dirty="0"/>
          </a:p>
        </p:txBody>
      </p:sp>
    </p:spTree>
    <p:extLst>
      <p:ext uri="{BB962C8B-B14F-4D97-AF65-F5344CB8AC3E}">
        <p14:creationId xmlns:p14="http://schemas.microsoft.com/office/powerpoint/2010/main" val="361391766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BACC28-143E-AF46-9F19-72E7EEFA2184}"/>
              </a:ext>
            </a:extLst>
          </p:cNvPr>
          <p:cNvSpPr>
            <a:spLocks noGrp="1"/>
          </p:cNvSpPr>
          <p:nvPr>
            <p:ph type="title"/>
          </p:nvPr>
        </p:nvSpPr>
        <p:spPr>
          <a:xfrm>
            <a:off x="611189" y="123478"/>
            <a:ext cx="5184948" cy="648891"/>
          </a:xfrm>
        </p:spPr>
        <p:txBody>
          <a:bodyPr/>
          <a:lstStyle/>
          <a:p>
            <a:r>
              <a:rPr lang="en-US" dirty="0"/>
              <a:t>Training large deep-learning models is highly energy intensive </a:t>
            </a:r>
          </a:p>
        </p:txBody>
      </p:sp>
      <p:sp>
        <p:nvSpPr>
          <p:cNvPr id="3" name="Rectangle 2">
            <a:extLst>
              <a:ext uri="{FF2B5EF4-FFF2-40B4-BE49-F238E27FC236}">
                <a16:creationId xmlns:a16="http://schemas.microsoft.com/office/drawing/2014/main" id="{64A920E0-25F4-C544-A143-490ABB68044F}"/>
              </a:ext>
            </a:extLst>
          </p:cNvPr>
          <p:cNvSpPr/>
          <p:nvPr/>
        </p:nvSpPr>
        <p:spPr>
          <a:xfrm>
            <a:off x="611188" y="1139914"/>
            <a:ext cx="2952700" cy="2462213"/>
          </a:xfrm>
          <a:prstGeom prst="rect">
            <a:avLst/>
          </a:prstGeom>
        </p:spPr>
        <p:txBody>
          <a:bodyPr wrap="square">
            <a:spAutoFit/>
          </a:bodyPr>
          <a:lstStyle/>
          <a:p>
            <a:pPr marL="285750" indent="-285750">
              <a:buFont typeface="Wingdings" pitchFamily="2" charset="2"/>
              <a:buChar char="§"/>
            </a:pPr>
            <a:r>
              <a:rPr lang="en-GB" sz="1400" dirty="0"/>
              <a:t>In 2019 researchers at Uni. Amherst estimated that training one version a big language model, could </a:t>
            </a:r>
            <a:r>
              <a:rPr lang="en-GB" sz="1400" b="1" dirty="0"/>
              <a:t>cost as much as $3m</a:t>
            </a:r>
            <a:r>
              <a:rPr lang="en-GB" sz="1400" dirty="0"/>
              <a:t>. </a:t>
            </a:r>
          </a:p>
          <a:p>
            <a:endParaRPr lang="en-GB" sz="1400" dirty="0"/>
          </a:p>
          <a:p>
            <a:pPr marL="285750" indent="-285750">
              <a:buFont typeface="Wingdings" pitchFamily="2" charset="2"/>
              <a:buChar char="§"/>
            </a:pPr>
            <a:r>
              <a:rPr lang="en-GB" sz="1400" dirty="0"/>
              <a:t>Facebook’s head of AI, says that one round of training for the biggest models can cost “millions of dollars” in </a:t>
            </a:r>
            <a:r>
              <a:rPr lang="en-GB" sz="1400" b="1" dirty="0">
                <a:solidFill>
                  <a:srgbClr val="EC5A7A"/>
                </a:solidFill>
              </a:rPr>
              <a:t>electricity consumption</a:t>
            </a:r>
            <a:r>
              <a:rPr lang="en-GB" sz="1400" dirty="0"/>
              <a:t>.</a:t>
            </a:r>
            <a:endParaRPr lang="en-US" sz="1400" dirty="0"/>
          </a:p>
        </p:txBody>
      </p:sp>
      <p:sp>
        <p:nvSpPr>
          <p:cNvPr id="4" name="Rectangle 3">
            <a:extLst>
              <a:ext uri="{FF2B5EF4-FFF2-40B4-BE49-F238E27FC236}">
                <a16:creationId xmlns:a16="http://schemas.microsoft.com/office/drawing/2014/main" id="{AC9A27EB-B4AC-0A42-B7B9-66BE1C1AEC4B}"/>
              </a:ext>
            </a:extLst>
          </p:cNvPr>
          <p:cNvSpPr/>
          <p:nvPr/>
        </p:nvSpPr>
        <p:spPr>
          <a:xfrm>
            <a:off x="611188" y="4747685"/>
            <a:ext cx="4896916" cy="276999"/>
          </a:xfrm>
          <a:prstGeom prst="rect">
            <a:avLst/>
          </a:prstGeom>
          <a:solidFill>
            <a:schemeClr val="bg1"/>
          </a:solidFill>
        </p:spPr>
        <p:txBody>
          <a:bodyPr wrap="square">
            <a:spAutoFit/>
          </a:bodyPr>
          <a:lstStyle/>
          <a:p>
            <a:r>
              <a:rPr lang="en-US" sz="600" dirty="0">
                <a:hlinkClick r:id="rId2"/>
              </a:rPr>
              <a:t>https://www.wired.com/story/ai-great-things-burn-planet/</a:t>
            </a:r>
            <a:endParaRPr lang="en-US" sz="600" dirty="0"/>
          </a:p>
          <a:p>
            <a:endParaRPr lang="en-US" sz="600" dirty="0"/>
          </a:p>
        </p:txBody>
      </p:sp>
      <p:pic>
        <p:nvPicPr>
          <p:cNvPr id="5" name="Picture 2" descr="Billowing smoke emerging from power plant smoke stacks ">
            <a:extLst>
              <a:ext uri="{FF2B5EF4-FFF2-40B4-BE49-F238E27FC236}">
                <a16:creationId xmlns:a16="http://schemas.microsoft.com/office/drawing/2014/main" id="{26B4BA6B-43DC-F643-ABDD-C5874682966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16463" y="1139914"/>
            <a:ext cx="3671887" cy="2447925"/>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6F834AD4-51BD-9345-B657-E18CCE947BA3}"/>
              </a:ext>
            </a:extLst>
          </p:cNvPr>
          <p:cNvSpPr/>
          <p:nvPr/>
        </p:nvSpPr>
        <p:spPr>
          <a:xfrm>
            <a:off x="611188" y="3702384"/>
            <a:ext cx="7777162" cy="738664"/>
          </a:xfrm>
          <a:prstGeom prst="rect">
            <a:avLst/>
          </a:prstGeom>
        </p:spPr>
        <p:txBody>
          <a:bodyPr wrap="square">
            <a:spAutoFit/>
          </a:bodyPr>
          <a:lstStyle/>
          <a:p>
            <a:pPr marL="285750" indent="-285750">
              <a:buFont typeface="Wingdings" pitchFamily="2" charset="2"/>
              <a:buChar char="§"/>
            </a:pPr>
            <a:r>
              <a:rPr lang="en-US" sz="1400" dirty="0"/>
              <a:t>In 2020 an algorithm capable of learning, through trial and error, how to manipulate the pieces of a Rubik's Cube using a robotic hand consumed about </a:t>
            </a:r>
            <a:r>
              <a:rPr lang="en-US" sz="1400" b="1" dirty="0"/>
              <a:t>2.8 gigawatt-hours of electricity </a:t>
            </a:r>
            <a:r>
              <a:rPr lang="en-US" sz="1400" dirty="0"/>
              <a:t>in its training</a:t>
            </a:r>
          </a:p>
        </p:txBody>
      </p:sp>
    </p:spTree>
    <p:extLst>
      <p:ext uri="{BB962C8B-B14F-4D97-AF65-F5344CB8AC3E}">
        <p14:creationId xmlns:p14="http://schemas.microsoft.com/office/powerpoint/2010/main" val="212536288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EAFFE3-528F-5044-A2DE-EF7A26CCBC8A}"/>
              </a:ext>
            </a:extLst>
          </p:cNvPr>
          <p:cNvSpPr>
            <a:spLocks noGrp="1"/>
          </p:cNvSpPr>
          <p:nvPr>
            <p:ph type="title"/>
          </p:nvPr>
        </p:nvSpPr>
        <p:spPr/>
        <p:txBody>
          <a:bodyPr/>
          <a:lstStyle/>
          <a:p>
            <a:r>
              <a:rPr lang="en-US" dirty="0"/>
              <a:t>Regulation is Weak (so far…)</a:t>
            </a:r>
          </a:p>
        </p:txBody>
      </p:sp>
      <p:sp>
        <p:nvSpPr>
          <p:cNvPr id="4" name="Rectangle 3">
            <a:extLst>
              <a:ext uri="{FF2B5EF4-FFF2-40B4-BE49-F238E27FC236}">
                <a16:creationId xmlns:a16="http://schemas.microsoft.com/office/drawing/2014/main" id="{7E1BA860-53AC-7C43-9855-7627A0AE0181}"/>
              </a:ext>
            </a:extLst>
          </p:cNvPr>
          <p:cNvSpPr/>
          <p:nvPr/>
        </p:nvSpPr>
        <p:spPr>
          <a:xfrm>
            <a:off x="611188" y="4732338"/>
            <a:ext cx="4572000" cy="276999"/>
          </a:xfrm>
          <a:prstGeom prst="rect">
            <a:avLst/>
          </a:prstGeom>
          <a:solidFill>
            <a:schemeClr val="bg1"/>
          </a:solidFill>
        </p:spPr>
        <p:txBody>
          <a:bodyPr>
            <a:spAutoFit/>
          </a:bodyPr>
          <a:lstStyle/>
          <a:p>
            <a:r>
              <a:rPr lang="en-US" sz="600" dirty="0">
                <a:hlinkClick r:id="rId2"/>
              </a:rPr>
              <a:t>https://hbr.org/2021/04/new-ai-regulations-are-coming-is-your-organization-ready</a:t>
            </a:r>
            <a:endParaRPr lang="en-US" sz="600" dirty="0"/>
          </a:p>
          <a:p>
            <a:endParaRPr lang="en-US" sz="600" dirty="0"/>
          </a:p>
        </p:txBody>
      </p:sp>
      <p:pic>
        <p:nvPicPr>
          <p:cNvPr id="5" name="Picture 4">
            <a:extLst>
              <a:ext uri="{FF2B5EF4-FFF2-40B4-BE49-F238E27FC236}">
                <a16:creationId xmlns:a16="http://schemas.microsoft.com/office/drawing/2014/main" id="{2AC44AC0-3684-B542-8F8E-E78F76B58C4B}"/>
              </a:ext>
            </a:extLst>
          </p:cNvPr>
          <p:cNvPicPr>
            <a:picLocks noChangeAspect="1"/>
          </p:cNvPicPr>
          <p:nvPr/>
        </p:nvPicPr>
        <p:blipFill>
          <a:blip r:embed="rId3"/>
          <a:stretch>
            <a:fillRect/>
          </a:stretch>
        </p:blipFill>
        <p:spPr>
          <a:xfrm>
            <a:off x="5270943" y="1131888"/>
            <a:ext cx="2685433" cy="3384550"/>
          </a:xfrm>
          <a:prstGeom prst="rect">
            <a:avLst/>
          </a:prstGeom>
          <a:ln>
            <a:noFill/>
          </a:ln>
          <a:effectLst>
            <a:outerShdw blurRad="292100" dist="139700" dir="2700000" algn="tl" rotWithShape="0">
              <a:srgbClr val="333333">
                <a:alpha val="65000"/>
              </a:srgbClr>
            </a:outerShdw>
          </a:effectLst>
        </p:spPr>
      </p:pic>
      <p:pic>
        <p:nvPicPr>
          <p:cNvPr id="6" name="Picture 5">
            <a:extLst>
              <a:ext uri="{FF2B5EF4-FFF2-40B4-BE49-F238E27FC236}">
                <a16:creationId xmlns:a16="http://schemas.microsoft.com/office/drawing/2014/main" id="{436397BE-918B-8043-ACCD-EB34177815A2}"/>
              </a:ext>
            </a:extLst>
          </p:cNvPr>
          <p:cNvPicPr>
            <a:picLocks noChangeAspect="1"/>
          </p:cNvPicPr>
          <p:nvPr/>
        </p:nvPicPr>
        <p:blipFill rotWithShape="1">
          <a:blip r:embed="rId4"/>
          <a:srcRect t="6270" b="66958"/>
          <a:stretch/>
        </p:blipFill>
        <p:spPr>
          <a:xfrm>
            <a:off x="512479" y="1247956"/>
            <a:ext cx="3915059" cy="1864264"/>
          </a:xfrm>
          <a:prstGeom prst="rect">
            <a:avLst/>
          </a:prstGeom>
        </p:spPr>
      </p:pic>
      <p:sp>
        <p:nvSpPr>
          <p:cNvPr id="7" name="Rectangle 6">
            <a:extLst>
              <a:ext uri="{FF2B5EF4-FFF2-40B4-BE49-F238E27FC236}">
                <a16:creationId xmlns:a16="http://schemas.microsoft.com/office/drawing/2014/main" id="{A458632E-D6FA-E747-A37D-09E89383F3C7}"/>
              </a:ext>
            </a:extLst>
          </p:cNvPr>
          <p:cNvSpPr/>
          <p:nvPr/>
        </p:nvSpPr>
        <p:spPr>
          <a:xfrm>
            <a:off x="728504" y="3381698"/>
            <a:ext cx="3699034" cy="890594"/>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i="1" dirty="0">
                <a:solidFill>
                  <a:schemeClr val="tx1"/>
                </a:solidFill>
              </a:rPr>
              <a:t>April 2021</a:t>
            </a:r>
            <a:r>
              <a:rPr lang="en-US" sz="1200" i="1" dirty="0">
                <a:solidFill>
                  <a:schemeClr val="tx1"/>
                </a:solidFill>
              </a:rPr>
              <a:t>: President of the European Commission announces new EU rules for the use of Artificial Intelligence </a:t>
            </a:r>
          </a:p>
        </p:txBody>
      </p:sp>
      <p:pic>
        <p:nvPicPr>
          <p:cNvPr id="8" name="Picture 7">
            <a:extLst>
              <a:ext uri="{FF2B5EF4-FFF2-40B4-BE49-F238E27FC236}">
                <a16:creationId xmlns:a16="http://schemas.microsoft.com/office/drawing/2014/main" id="{EB092160-5115-DB44-AB16-6C7E416CB298}"/>
              </a:ext>
            </a:extLst>
          </p:cNvPr>
          <p:cNvPicPr>
            <a:picLocks noChangeAspect="1"/>
          </p:cNvPicPr>
          <p:nvPr/>
        </p:nvPicPr>
        <p:blipFill>
          <a:blip r:embed="rId5"/>
          <a:stretch>
            <a:fillRect/>
          </a:stretch>
        </p:blipFill>
        <p:spPr>
          <a:xfrm>
            <a:off x="7236296" y="1707654"/>
            <a:ext cx="609887" cy="385192"/>
          </a:xfrm>
          <a:prstGeom prst="rect">
            <a:avLst/>
          </a:prstGeom>
        </p:spPr>
      </p:pic>
    </p:spTree>
    <p:extLst>
      <p:ext uri="{BB962C8B-B14F-4D97-AF65-F5344CB8AC3E}">
        <p14:creationId xmlns:p14="http://schemas.microsoft.com/office/powerpoint/2010/main" val="19576569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B8F1E-027C-6440-9E6A-40BB8DAAAB65}"/>
              </a:ext>
            </a:extLst>
          </p:cNvPr>
          <p:cNvSpPr>
            <a:spLocks noGrp="1"/>
          </p:cNvSpPr>
          <p:nvPr>
            <p:ph type="title"/>
          </p:nvPr>
        </p:nvSpPr>
        <p:spPr/>
        <p:txBody>
          <a:bodyPr/>
          <a:lstStyle/>
          <a:p>
            <a:r>
              <a:rPr lang="en-US" dirty="0"/>
              <a:t>PART A</a:t>
            </a:r>
          </a:p>
        </p:txBody>
      </p:sp>
      <p:sp>
        <p:nvSpPr>
          <p:cNvPr id="3" name="TextBox 2">
            <a:extLst>
              <a:ext uri="{FF2B5EF4-FFF2-40B4-BE49-F238E27FC236}">
                <a16:creationId xmlns:a16="http://schemas.microsoft.com/office/drawing/2014/main" id="{63132F41-5235-6647-AE60-DA2A6069816C}"/>
              </a:ext>
            </a:extLst>
          </p:cNvPr>
          <p:cNvSpPr txBox="1"/>
          <p:nvPr/>
        </p:nvSpPr>
        <p:spPr>
          <a:xfrm>
            <a:off x="611188" y="2067247"/>
            <a:ext cx="7777162" cy="720403"/>
          </a:xfrm>
          <a:prstGeom prst="rect">
            <a:avLst/>
          </a:prstGeom>
          <a:noFill/>
        </p:spPr>
        <p:txBody>
          <a:bodyPr wrap="square" rtlCol="0" anchor="b" anchorCtr="0">
            <a:noAutofit/>
          </a:bodyPr>
          <a:lstStyle/>
          <a:p>
            <a:pPr algn="ctr"/>
            <a:r>
              <a:rPr lang="en-US" sz="2000" b="1" dirty="0"/>
              <a:t>Latest Developments in AI/ML</a:t>
            </a:r>
          </a:p>
        </p:txBody>
      </p:sp>
      <p:sp>
        <p:nvSpPr>
          <p:cNvPr id="4" name="Rectangle 3">
            <a:extLst>
              <a:ext uri="{FF2B5EF4-FFF2-40B4-BE49-F238E27FC236}">
                <a16:creationId xmlns:a16="http://schemas.microsoft.com/office/drawing/2014/main" id="{CFEB371B-7441-DA4C-A58B-85676E934783}"/>
              </a:ext>
            </a:extLst>
          </p:cNvPr>
          <p:cNvSpPr/>
          <p:nvPr/>
        </p:nvSpPr>
        <p:spPr>
          <a:xfrm>
            <a:off x="611188" y="4737903"/>
            <a:ext cx="1362874" cy="276999"/>
          </a:xfrm>
          <a:prstGeom prst="rect">
            <a:avLst/>
          </a:prstGeom>
          <a:solidFill>
            <a:schemeClr val="bg1"/>
          </a:solidFill>
        </p:spPr>
        <p:txBody>
          <a:bodyPr wrap="none">
            <a:spAutoFit/>
          </a:bodyPr>
          <a:lstStyle/>
          <a:p>
            <a:r>
              <a:rPr lang="en-US" sz="600" dirty="0">
                <a:hlinkClick r:id="rId3"/>
              </a:rPr>
              <a:t>https://twitter.com/hslu_aiml</a:t>
            </a:r>
            <a:endParaRPr lang="en-US" sz="600" dirty="0"/>
          </a:p>
          <a:p>
            <a:endParaRPr lang="en-US" sz="600" dirty="0"/>
          </a:p>
        </p:txBody>
      </p:sp>
      <p:sp>
        <p:nvSpPr>
          <p:cNvPr id="5" name="Rectangle 4">
            <a:extLst>
              <a:ext uri="{FF2B5EF4-FFF2-40B4-BE49-F238E27FC236}">
                <a16:creationId xmlns:a16="http://schemas.microsoft.com/office/drawing/2014/main" id="{00CA3C54-1FBF-8074-4EAE-CDB093E7ABAA}"/>
              </a:ext>
            </a:extLst>
          </p:cNvPr>
          <p:cNvSpPr/>
          <p:nvPr/>
        </p:nvSpPr>
        <p:spPr>
          <a:xfrm>
            <a:off x="7380312" y="267097"/>
            <a:ext cx="1224136" cy="4324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3162786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90BC6-33B6-AA49-9F86-4AFD0D56244B}"/>
              </a:ext>
            </a:extLst>
          </p:cNvPr>
          <p:cNvSpPr>
            <a:spLocks noGrp="1"/>
          </p:cNvSpPr>
          <p:nvPr>
            <p:ph type="title"/>
          </p:nvPr>
        </p:nvSpPr>
        <p:spPr/>
        <p:txBody>
          <a:bodyPr/>
          <a:lstStyle/>
          <a:p>
            <a:r>
              <a:rPr lang="en-US" dirty="0"/>
              <a:t>Some progress being made in AI-Reg</a:t>
            </a:r>
          </a:p>
        </p:txBody>
      </p:sp>
      <p:pic>
        <p:nvPicPr>
          <p:cNvPr id="3" name="Picture 2">
            <a:extLst>
              <a:ext uri="{FF2B5EF4-FFF2-40B4-BE49-F238E27FC236}">
                <a16:creationId xmlns:a16="http://schemas.microsoft.com/office/drawing/2014/main" id="{3A5996B7-2018-F748-842B-012B6F38A72A}"/>
              </a:ext>
            </a:extLst>
          </p:cNvPr>
          <p:cNvPicPr>
            <a:picLocks noChangeAspect="1"/>
          </p:cNvPicPr>
          <p:nvPr/>
        </p:nvPicPr>
        <p:blipFill rotWithShape="1">
          <a:blip r:embed="rId2"/>
          <a:srcRect t="7778"/>
          <a:stretch/>
        </p:blipFill>
        <p:spPr>
          <a:xfrm>
            <a:off x="611189" y="1131888"/>
            <a:ext cx="3960812" cy="588955"/>
          </a:xfrm>
          <a:prstGeom prst="rect">
            <a:avLst/>
          </a:prstGeom>
        </p:spPr>
      </p:pic>
      <p:pic>
        <p:nvPicPr>
          <p:cNvPr id="4" name="Picture 3">
            <a:extLst>
              <a:ext uri="{FF2B5EF4-FFF2-40B4-BE49-F238E27FC236}">
                <a16:creationId xmlns:a16="http://schemas.microsoft.com/office/drawing/2014/main" id="{8FC4E8B2-DCE8-C24D-927B-6B3E972EB6C0}"/>
              </a:ext>
            </a:extLst>
          </p:cNvPr>
          <p:cNvPicPr>
            <a:picLocks noChangeAspect="1"/>
          </p:cNvPicPr>
          <p:nvPr/>
        </p:nvPicPr>
        <p:blipFill>
          <a:blip r:embed="rId3"/>
          <a:stretch>
            <a:fillRect/>
          </a:stretch>
        </p:blipFill>
        <p:spPr>
          <a:xfrm>
            <a:off x="5004419" y="1136745"/>
            <a:ext cx="3528392" cy="695202"/>
          </a:xfrm>
          <a:prstGeom prst="rect">
            <a:avLst/>
          </a:prstGeom>
        </p:spPr>
      </p:pic>
      <p:pic>
        <p:nvPicPr>
          <p:cNvPr id="5122" name="Picture 2" descr="The new German government, Nov 2021">
            <a:extLst>
              <a:ext uri="{FF2B5EF4-FFF2-40B4-BE49-F238E27FC236}">
                <a16:creationId xmlns:a16="http://schemas.microsoft.com/office/drawing/2014/main" id="{BC25CC9B-6B9D-6C4B-BEB0-7FC29EC6601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50622" y="1898459"/>
            <a:ext cx="3482189" cy="145998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9F9968CD-0C3C-AA40-9583-E95BA2EA38C2}"/>
              </a:ext>
            </a:extLst>
          </p:cNvPr>
          <p:cNvPicPr>
            <a:picLocks noChangeAspect="1"/>
          </p:cNvPicPr>
          <p:nvPr/>
        </p:nvPicPr>
        <p:blipFill>
          <a:blip r:embed="rId5"/>
          <a:stretch>
            <a:fillRect/>
          </a:stretch>
        </p:blipFill>
        <p:spPr>
          <a:xfrm>
            <a:off x="5050619" y="3568708"/>
            <a:ext cx="3482191" cy="438047"/>
          </a:xfrm>
          <a:prstGeom prst="rect">
            <a:avLst/>
          </a:prstGeom>
        </p:spPr>
      </p:pic>
      <p:sp>
        <p:nvSpPr>
          <p:cNvPr id="7" name="Rectangle 6">
            <a:extLst>
              <a:ext uri="{FF2B5EF4-FFF2-40B4-BE49-F238E27FC236}">
                <a16:creationId xmlns:a16="http://schemas.microsoft.com/office/drawing/2014/main" id="{DD394D55-B79A-4A40-A969-567D258DBBF1}"/>
              </a:ext>
            </a:extLst>
          </p:cNvPr>
          <p:cNvSpPr/>
          <p:nvPr/>
        </p:nvSpPr>
        <p:spPr>
          <a:xfrm>
            <a:off x="619610" y="4732338"/>
            <a:ext cx="5464557" cy="184666"/>
          </a:xfrm>
          <a:prstGeom prst="rect">
            <a:avLst/>
          </a:prstGeom>
          <a:solidFill>
            <a:schemeClr val="bg1"/>
          </a:solidFill>
        </p:spPr>
        <p:txBody>
          <a:bodyPr wrap="square">
            <a:spAutoFit/>
          </a:bodyPr>
          <a:lstStyle/>
          <a:p>
            <a:r>
              <a:rPr lang="en-US" sz="600" dirty="0">
                <a:hlinkClick r:id="rId6"/>
              </a:rPr>
              <a:t>https://www.euractiv.com/section/data-protection/news/new-german-government-to-ban-facial-recognition-and-mass-surveillance/</a:t>
            </a:r>
            <a:endParaRPr lang="en-US" sz="600" dirty="0"/>
          </a:p>
        </p:txBody>
      </p:sp>
    </p:spTree>
    <p:extLst>
      <p:ext uri="{BB962C8B-B14F-4D97-AF65-F5344CB8AC3E}">
        <p14:creationId xmlns:p14="http://schemas.microsoft.com/office/powerpoint/2010/main" val="32296068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F363D33-18BF-9A47-AB32-2B5F7F60E848}"/>
              </a:ext>
            </a:extLst>
          </p:cNvPr>
          <p:cNvSpPr/>
          <p:nvPr/>
        </p:nvSpPr>
        <p:spPr>
          <a:xfrm>
            <a:off x="3419946" y="1131888"/>
            <a:ext cx="4608438" cy="580342"/>
          </a:xfrm>
          <a:prstGeom prst="rect">
            <a:avLst/>
          </a:prstGeom>
          <a:solidFill>
            <a:srgbClr val="FFF1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23EAFFE3-528F-5044-A2DE-EF7A26CCBC8A}"/>
              </a:ext>
            </a:extLst>
          </p:cNvPr>
          <p:cNvSpPr>
            <a:spLocks noGrp="1"/>
          </p:cNvSpPr>
          <p:nvPr>
            <p:ph type="title"/>
          </p:nvPr>
        </p:nvSpPr>
        <p:spPr/>
        <p:txBody>
          <a:bodyPr/>
          <a:lstStyle/>
          <a:p>
            <a:r>
              <a:rPr lang="en-US" dirty="0"/>
              <a:t>Recommendations to Build Trust in AI/ML </a:t>
            </a:r>
          </a:p>
        </p:txBody>
      </p:sp>
      <p:sp>
        <p:nvSpPr>
          <p:cNvPr id="3" name="Rectangle 2">
            <a:extLst>
              <a:ext uri="{FF2B5EF4-FFF2-40B4-BE49-F238E27FC236}">
                <a16:creationId xmlns:a16="http://schemas.microsoft.com/office/drawing/2014/main" id="{7C31CF7B-7B95-894A-A395-8E0D032F5159}"/>
              </a:ext>
            </a:extLst>
          </p:cNvPr>
          <p:cNvSpPr/>
          <p:nvPr/>
        </p:nvSpPr>
        <p:spPr>
          <a:xfrm>
            <a:off x="766833" y="1935922"/>
            <a:ext cx="6984702" cy="2285241"/>
          </a:xfrm>
          <a:prstGeom prst="rect">
            <a:avLst/>
          </a:prstGeom>
        </p:spPr>
        <p:txBody>
          <a:bodyPr wrap="square">
            <a:spAutoFit/>
          </a:bodyPr>
          <a:lstStyle/>
          <a:p>
            <a:pPr marL="342900" indent="-342900">
              <a:buFont typeface="+mj-lt"/>
              <a:buAutoNum type="arabicPeriod"/>
            </a:pPr>
            <a:r>
              <a:rPr lang="en-GB" dirty="0"/>
              <a:t>Teams that develop AI systems must be as diverse as possible to reduce the risk of bias. </a:t>
            </a:r>
          </a:p>
          <a:p>
            <a:pPr marL="342900" indent="-342900">
              <a:buFont typeface="+mj-lt"/>
              <a:buAutoNum type="arabicPeriod"/>
            </a:pPr>
            <a:endParaRPr lang="en-GB" dirty="0"/>
          </a:p>
          <a:p>
            <a:pPr marL="342900" indent="-342900">
              <a:buFont typeface="+mj-lt"/>
              <a:buAutoNum type="arabicPeriod"/>
            </a:pPr>
            <a:r>
              <a:rPr lang="en-GB" dirty="0"/>
              <a:t>Complex AI systems should never be deployed in any field unless they offer a demonstrable improvement on what already exists. </a:t>
            </a:r>
          </a:p>
          <a:p>
            <a:pPr marL="342900" indent="-342900">
              <a:buFont typeface="+mj-lt"/>
              <a:buAutoNum type="arabicPeriod"/>
            </a:pPr>
            <a:endParaRPr lang="en-GB" dirty="0"/>
          </a:p>
          <a:p>
            <a:pPr marL="342900" indent="-342900">
              <a:buFont typeface="+mj-lt"/>
              <a:buAutoNum type="arabicPeriod"/>
            </a:pPr>
            <a:r>
              <a:rPr lang="en-GB" dirty="0"/>
              <a:t>Algorithms that companies and governments deploy in sensitive areas such as healthcare, education, policing, justice and workplace monitoring should be subject to audit and comprehension by outside experts. </a:t>
            </a:r>
          </a:p>
        </p:txBody>
      </p:sp>
      <p:sp>
        <p:nvSpPr>
          <p:cNvPr id="4" name="Rectangle 3">
            <a:extLst>
              <a:ext uri="{FF2B5EF4-FFF2-40B4-BE49-F238E27FC236}">
                <a16:creationId xmlns:a16="http://schemas.microsoft.com/office/drawing/2014/main" id="{7E1BA860-53AC-7C43-9855-7627A0AE0181}"/>
              </a:ext>
            </a:extLst>
          </p:cNvPr>
          <p:cNvSpPr/>
          <p:nvPr/>
        </p:nvSpPr>
        <p:spPr>
          <a:xfrm>
            <a:off x="611188" y="4732338"/>
            <a:ext cx="4572000" cy="276999"/>
          </a:xfrm>
          <a:prstGeom prst="rect">
            <a:avLst/>
          </a:prstGeom>
          <a:solidFill>
            <a:schemeClr val="bg1"/>
          </a:solidFill>
        </p:spPr>
        <p:txBody>
          <a:bodyPr>
            <a:spAutoFit/>
          </a:bodyPr>
          <a:lstStyle/>
          <a:p>
            <a:r>
              <a:rPr lang="en-US" sz="600" dirty="0">
                <a:hlinkClick r:id="rId2"/>
              </a:rPr>
              <a:t>https://www.ft.com/content/85b0882e-3e93-42e7-8411-54f4e24c7f87</a:t>
            </a:r>
            <a:endParaRPr lang="en-US" sz="600" dirty="0"/>
          </a:p>
          <a:p>
            <a:endParaRPr lang="en-US" sz="600" dirty="0"/>
          </a:p>
        </p:txBody>
      </p:sp>
      <p:pic>
        <p:nvPicPr>
          <p:cNvPr id="5" name="Picture 4">
            <a:extLst>
              <a:ext uri="{FF2B5EF4-FFF2-40B4-BE49-F238E27FC236}">
                <a16:creationId xmlns:a16="http://schemas.microsoft.com/office/drawing/2014/main" id="{6CC00BFF-D434-834B-90D9-4FD794CD684D}"/>
              </a:ext>
            </a:extLst>
          </p:cNvPr>
          <p:cNvPicPr>
            <a:picLocks noChangeAspect="1"/>
          </p:cNvPicPr>
          <p:nvPr/>
        </p:nvPicPr>
        <p:blipFill>
          <a:blip r:embed="rId3"/>
          <a:stretch>
            <a:fillRect/>
          </a:stretch>
        </p:blipFill>
        <p:spPr>
          <a:xfrm>
            <a:off x="755650" y="1131888"/>
            <a:ext cx="2664296" cy="580342"/>
          </a:xfrm>
          <a:prstGeom prst="rect">
            <a:avLst/>
          </a:prstGeom>
        </p:spPr>
      </p:pic>
      <p:pic>
        <p:nvPicPr>
          <p:cNvPr id="6" name="Picture 5">
            <a:extLst>
              <a:ext uri="{FF2B5EF4-FFF2-40B4-BE49-F238E27FC236}">
                <a16:creationId xmlns:a16="http://schemas.microsoft.com/office/drawing/2014/main" id="{0D2C431D-D7A2-5E4D-A696-39A51EB3A8A9}"/>
              </a:ext>
            </a:extLst>
          </p:cNvPr>
          <p:cNvPicPr>
            <a:picLocks noChangeAspect="1"/>
          </p:cNvPicPr>
          <p:nvPr/>
        </p:nvPicPr>
        <p:blipFill>
          <a:blip r:embed="rId4"/>
          <a:stretch>
            <a:fillRect/>
          </a:stretch>
        </p:blipFill>
        <p:spPr>
          <a:xfrm>
            <a:off x="5436096" y="1256466"/>
            <a:ext cx="2160240" cy="287586"/>
          </a:xfrm>
          <a:prstGeom prst="rect">
            <a:avLst/>
          </a:prstGeom>
        </p:spPr>
      </p:pic>
    </p:spTree>
    <p:extLst>
      <p:ext uri="{BB962C8B-B14F-4D97-AF65-F5344CB8AC3E}">
        <p14:creationId xmlns:p14="http://schemas.microsoft.com/office/powerpoint/2010/main" val="156652226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DA25EE-D7CA-574C-9EC9-8A4AD61E0528}"/>
              </a:ext>
            </a:extLst>
          </p:cNvPr>
          <p:cNvSpPr>
            <a:spLocks noGrp="1"/>
          </p:cNvSpPr>
          <p:nvPr>
            <p:ph type="title"/>
          </p:nvPr>
        </p:nvSpPr>
        <p:spPr/>
        <p:txBody>
          <a:bodyPr/>
          <a:lstStyle/>
          <a:p>
            <a:r>
              <a:rPr lang="en-US" dirty="0"/>
              <a:t>The Limits of AI</a:t>
            </a:r>
          </a:p>
        </p:txBody>
      </p:sp>
      <p:pic>
        <p:nvPicPr>
          <p:cNvPr id="3" name="Picture 2">
            <a:extLst>
              <a:ext uri="{FF2B5EF4-FFF2-40B4-BE49-F238E27FC236}">
                <a16:creationId xmlns:a16="http://schemas.microsoft.com/office/drawing/2014/main" id="{E33E3BAC-86B4-B542-B66F-7F38EADD9588}"/>
              </a:ext>
            </a:extLst>
          </p:cNvPr>
          <p:cNvPicPr>
            <a:picLocks noChangeAspect="1"/>
          </p:cNvPicPr>
          <p:nvPr/>
        </p:nvPicPr>
        <p:blipFill rotWithShape="1">
          <a:blip r:embed="rId2"/>
          <a:srcRect l="4304"/>
          <a:stretch/>
        </p:blipFill>
        <p:spPr>
          <a:xfrm>
            <a:off x="2555776" y="1156059"/>
            <a:ext cx="5976664" cy="3359907"/>
          </a:xfrm>
          <a:prstGeom prst="rect">
            <a:avLst/>
          </a:prstGeom>
        </p:spPr>
      </p:pic>
      <p:sp>
        <p:nvSpPr>
          <p:cNvPr id="4" name="Rectangle 3">
            <a:extLst>
              <a:ext uri="{FF2B5EF4-FFF2-40B4-BE49-F238E27FC236}">
                <a16:creationId xmlns:a16="http://schemas.microsoft.com/office/drawing/2014/main" id="{A39878A2-329E-D445-9956-DF02837E49B3}"/>
              </a:ext>
            </a:extLst>
          </p:cNvPr>
          <p:cNvSpPr/>
          <p:nvPr/>
        </p:nvSpPr>
        <p:spPr>
          <a:xfrm>
            <a:off x="611188" y="4732338"/>
            <a:ext cx="3006080" cy="276999"/>
          </a:xfrm>
          <a:prstGeom prst="rect">
            <a:avLst/>
          </a:prstGeom>
          <a:solidFill>
            <a:schemeClr val="bg1"/>
          </a:solidFill>
        </p:spPr>
        <p:txBody>
          <a:bodyPr wrap="square">
            <a:spAutoFit/>
          </a:bodyPr>
          <a:lstStyle/>
          <a:p>
            <a:r>
              <a:rPr lang="en-US" sz="600" dirty="0">
                <a:hlinkClick r:id="rId3"/>
              </a:rPr>
              <a:t>https://www.economist.com/technology-quarterly/2020-06-13</a:t>
            </a:r>
            <a:endParaRPr lang="en-US" sz="600" dirty="0"/>
          </a:p>
          <a:p>
            <a:endParaRPr lang="en-US" sz="600" dirty="0"/>
          </a:p>
        </p:txBody>
      </p:sp>
      <p:sp>
        <p:nvSpPr>
          <p:cNvPr id="5" name="TextBox 4">
            <a:extLst>
              <a:ext uri="{FF2B5EF4-FFF2-40B4-BE49-F238E27FC236}">
                <a16:creationId xmlns:a16="http://schemas.microsoft.com/office/drawing/2014/main" id="{082331F0-1B9B-3B4A-9B63-E70EC9D7527C}"/>
              </a:ext>
            </a:extLst>
          </p:cNvPr>
          <p:cNvSpPr txBox="1"/>
          <p:nvPr/>
        </p:nvSpPr>
        <p:spPr>
          <a:xfrm>
            <a:off x="611188" y="1156059"/>
            <a:ext cx="1584548" cy="3119414"/>
          </a:xfrm>
          <a:prstGeom prst="rect">
            <a:avLst/>
          </a:prstGeom>
          <a:noFill/>
        </p:spPr>
        <p:txBody>
          <a:bodyPr wrap="square" tIns="46800" rIns="0" rtlCol="0">
            <a:noAutofit/>
          </a:bodyPr>
          <a:lstStyle/>
          <a:p>
            <a:r>
              <a:rPr lang="en-GB" sz="1400" dirty="0"/>
              <a:t>For a more complete picture on the limitations of AI and Machine Learning please read:</a:t>
            </a:r>
          </a:p>
          <a:p>
            <a:endParaRPr lang="en-GB" sz="1400" dirty="0"/>
          </a:p>
          <a:p>
            <a:r>
              <a:rPr lang="en-GB" sz="1400" b="1" dirty="0"/>
              <a:t>Economist Technology Quarterly</a:t>
            </a:r>
          </a:p>
          <a:p>
            <a:endParaRPr lang="en-GB" sz="1400" b="1" dirty="0"/>
          </a:p>
          <a:p>
            <a:r>
              <a:rPr lang="en-GB" sz="1400" dirty="0"/>
              <a:t>June 2020</a:t>
            </a:r>
          </a:p>
          <a:p>
            <a:endParaRPr lang="en-GB" sz="1400" dirty="0"/>
          </a:p>
        </p:txBody>
      </p:sp>
    </p:spTree>
    <p:extLst>
      <p:ext uri="{BB962C8B-B14F-4D97-AF65-F5344CB8AC3E}">
        <p14:creationId xmlns:p14="http://schemas.microsoft.com/office/powerpoint/2010/main" val="281895716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B8F1E-027C-6440-9E6A-40BB8DAAAB65}"/>
              </a:ext>
            </a:extLst>
          </p:cNvPr>
          <p:cNvSpPr>
            <a:spLocks noGrp="1"/>
          </p:cNvSpPr>
          <p:nvPr>
            <p:ph type="title"/>
          </p:nvPr>
        </p:nvSpPr>
        <p:spPr/>
        <p:txBody>
          <a:bodyPr/>
          <a:lstStyle/>
          <a:p>
            <a:r>
              <a:rPr lang="en-US" dirty="0"/>
              <a:t>PART C</a:t>
            </a:r>
          </a:p>
        </p:txBody>
      </p:sp>
      <p:sp>
        <p:nvSpPr>
          <p:cNvPr id="3" name="TextBox 2">
            <a:extLst>
              <a:ext uri="{FF2B5EF4-FFF2-40B4-BE49-F238E27FC236}">
                <a16:creationId xmlns:a16="http://schemas.microsoft.com/office/drawing/2014/main" id="{63132F41-5235-6647-AE60-DA2A6069816C}"/>
              </a:ext>
            </a:extLst>
          </p:cNvPr>
          <p:cNvSpPr txBox="1"/>
          <p:nvPr/>
        </p:nvSpPr>
        <p:spPr>
          <a:xfrm>
            <a:off x="611188" y="2067247"/>
            <a:ext cx="7777162" cy="720403"/>
          </a:xfrm>
          <a:prstGeom prst="rect">
            <a:avLst/>
          </a:prstGeom>
          <a:noFill/>
        </p:spPr>
        <p:txBody>
          <a:bodyPr wrap="square" rtlCol="0" anchor="b" anchorCtr="0">
            <a:noAutofit/>
          </a:bodyPr>
          <a:lstStyle/>
          <a:p>
            <a:pPr algn="ctr"/>
            <a:r>
              <a:rPr lang="en-US" sz="2000" b="1" dirty="0"/>
              <a:t>The Future of AI/ML</a:t>
            </a:r>
          </a:p>
        </p:txBody>
      </p:sp>
    </p:spTree>
    <p:extLst>
      <p:ext uri="{BB962C8B-B14F-4D97-AF65-F5344CB8AC3E}">
        <p14:creationId xmlns:p14="http://schemas.microsoft.com/office/powerpoint/2010/main" val="94546513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8E3190-DD57-C84E-BFB4-75F20C7CC74A}"/>
              </a:ext>
            </a:extLst>
          </p:cNvPr>
          <p:cNvSpPr>
            <a:spLocks noGrp="1"/>
          </p:cNvSpPr>
          <p:nvPr>
            <p:ph type="title"/>
          </p:nvPr>
        </p:nvSpPr>
        <p:spPr/>
        <p:txBody>
          <a:bodyPr/>
          <a:lstStyle/>
          <a:p>
            <a:endParaRPr lang="en-US"/>
          </a:p>
        </p:txBody>
      </p:sp>
      <p:pic>
        <p:nvPicPr>
          <p:cNvPr id="6146" name="Picture 2" descr="Image">
            <a:extLst>
              <a:ext uri="{FF2B5EF4-FFF2-40B4-BE49-F238E27FC236}">
                <a16:creationId xmlns:a16="http://schemas.microsoft.com/office/drawing/2014/main" id="{433B9A02-0551-7D40-9C32-84E8E1A94327}"/>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22005" b="15002"/>
          <a:stretch/>
        </p:blipFill>
        <p:spPr bwMode="auto">
          <a:xfrm>
            <a:off x="288032" y="0"/>
            <a:ext cx="8892480" cy="5148770"/>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F75E32B1-DD57-6F47-8F02-BB8EB1C46A3E}"/>
              </a:ext>
            </a:extLst>
          </p:cNvPr>
          <p:cNvSpPr/>
          <p:nvPr/>
        </p:nvSpPr>
        <p:spPr>
          <a:xfrm>
            <a:off x="0" y="0"/>
            <a:ext cx="539552" cy="5143500"/>
          </a:xfrm>
          <a:prstGeom prst="rect">
            <a:avLst/>
          </a:prstGeom>
          <a:solidFill>
            <a:srgbClr val="F6F7F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a:extLst>
              <a:ext uri="{FF2B5EF4-FFF2-40B4-BE49-F238E27FC236}">
                <a16:creationId xmlns:a16="http://schemas.microsoft.com/office/drawing/2014/main" id="{2ACB9A7E-921F-E046-800F-F74D16CB3D36}"/>
              </a:ext>
            </a:extLst>
          </p:cNvPr>
          <p:cNvPicPr>
            <a:picLocks noChangeAspect="1"/>
          </p:cNvPicPr>
          <p:nvPr/>
        </p:nvPicPr>
        <p:blipFill>
          <a:blip r:embed="rId3"/>
          <a:stretch>
            <a:fillRect/>
          </a:stretch>
        </p:blipFill>
        <p:spPr>
          <a:xfrm>
            <a:off x="5165439" y="144153"/>
            <a:ext cx="3779912" cy="245887"/>
          </a:xfrm>
          <a:prstGeom prst="rect">
            <a:avLst/>
          </a:prstGeom>
        </p:spPr>
      </p:pic>
      <p:pic>
        <p:nvPicPr>
          <p:cNvPr id="5" name="Picture 4">
            <a:extLst>
              <a:ext uri="{FF2B5EF4-FFF2-40B4-BE49-F238E27FC236}">
                <a16:creationId xmlns:a16="http://schemas.microsoft.com/office/drawing/2014/main" id="{15D2572A-A7CB-C44A-B878-08683F245D67}"/>
              </a:ext>
            </a:extLst>
          </p:cNvPr>
          <p:cNvPicPr>
            <a:picLocks noChangeAspect="1"/>
          </p:cNvPicPr>
          <p:nvPr/>
        </p:nvPicPr>
        <p:blipFill>
          <a:blip r:embed="rId4"/>
          <a:stretch>
            <a:fillRect/>
          </a:stretch>
        </p:blipFill>
        <p:spPr>
          <a:xfrm>
            <a:off x="8008143" y="380699"/>
            <a:ext cx="1049337" cy="306987"/>
          </a:xfrm>
          <a:prstGeom prst="rect">
            <a:avLst/>
          </a:prstGeom>
        </p:spPr>
      </p:pic>
    </p:spTree>
    <p:extLst>
      <p:ext uri="{BB962C8B-B14F-4D97-AF65-F5344CB8AC3E}">
        <p14:creationId xmlns:p14="http://schemas.microsoft.com/office/powerpoint/2010/main" val="254239975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76F05D-36EF-1643-A6A0-E2F452CCB71B}"/>
              </a:ext>
            </a:extLst>
          </p:cNvPr>
          <p:cNvSpPr>
            <a:spLocks noGrp="1"/>
          </p:cNvSpPr>
          <p:nvPr>
            <p:ph type="title"/>
          </p:nvPr>
        </p:nvSpPr>
        <p:spPr/>
        <p:txBody>
          <a:bodyPr/>
          <a:lstStyle/>
          <a:p>
            <a:r>
              <a:rPr lang="en-US" dirty="0"/>
              <a:t>Models are Getting Bigger</a:t>
            </a:r>
          </a:p>
        </p:txBody>
      </p:sp>
      <p:pic>
        <p:nvPicPr>
          <p:cNvPr id="3" name="Picture 2">
            <a:extLst>
              <a:ext uri="{FF2B5EF4-FFF2-40B4-BE49-F238E27FC236}">
                <a16:creationId xmlns:a16="http://schemas.microsoft.com/office/drawing/2014/main" id="{00679F83-B3D7-A74D-B721-C264945C7179}"/>
              </a:ext>
            </a:extLst>
          </p:cNvPr>
          <p:cNvPicPr>
            <a:picLocks noChangeAspect="1"/>
          </p:cNvPicPr>
          <p:nvPr/>
        </p:nvPicPr>
        <p:blipFill>
          <a:blip r:embed="rId2"/>
          <a:stretch>
            <a:fillRect/>
          </a:stretch>
        </p:blipFill>
        <p:spPr>
          <a:xfrm>
            <a:off x="611188" y="1131888"/>
            <a:ext cx="3744788" cy="725318"/>
          </a:xfrm>
          <a:prstGeom prst="rect">
            <a:avLst/>
          </a:prstGeom>
        </p:spPr>
      </p:pic>
      <p:pic>
        <p:nvPicPr>
          <p:cNvPr id="7" name="Picture 6">
            <a:extLst>
              <a:ext uri="{FF2B5EF4-FFF2-40B4-BE49-F238E27FC236}">
                <a16:creationId xmlns:a16="http://schemas.microsoft.com/office/drawing/2014/main" id="{4ADE7B64-DCCF-B442-97A3-88AC3336D466}"/>
              </a:ext>
            </a:extLst>
          </p:cNvPr>
          <p:cNvPicPr>
            <a:picLocks noChangeAspect="1"/>
          </p:cNvPicPr>
          <p:nvPr/>
        </p:nvPicPr>
        <p:blipFill rotWithShape="1">
          <a:blip r:embed="rId3"/>
          <a:srcRect b="30843"/>
          <a:stretch/>
        </p:blipFill>
        <p:spPr>
          <a:xfrm>
            <a:off x="4572000" y="1131888"/>
            <a:ext cx="3981837" cy="1655886"/>
          </a:xfrm>
          <a:prstGeom prst="rect">
            <a:avLst/>
          </a:prstGeom>
        </p:spPr>
      </p:pic>
      <p:pic>
        <p:nvPicPr>
          <p:cNvPr id="9" name="Picture 8">
            <a:extLst>
              <a:ext uri="{FF2B5EF4-FFF2-40B4-BE49-F238E27FC236}">
                <a16:creationId xmlns:a16="http://schemas.microsoft.com/office/drawing/2014/main" id="{CC3B875C-578E-DC4C-9E92-C8FB95490824}"/>
              </a:ext>
            </a:extLst>
          </p:cNvPr>
          <p:cNvPicPr>
            <a:picLocks noChangeAspect="1"/>
          </p:cNvPicPr>
          <p:nvPr/>
        </p:nvPicPr>
        <p:blipFill>
          <a:blip r:embed="rId4"/>
          <a:stretch>
            <a:fillRect/>
          </a:stretch>
        </p:blipFill>
        <p:spPr>
          <a:xfrm>
            <a:off x="4555154" y="2822843"/>
            <a:ext cx="3916362" cy="883489"/>
          </a:xfrm>
          <a:prstGeom prst="rect">
            <a:avLst/>
          </a:prstGeom>
        </p:spPr>
      </p:pic>
      <p:pic>
        <p:nvPicPr>
          <p:cNvPr id="10" name="Picture 9">
            <a:extLst>
              <a:ext uri="{FF2B5EF4-FFF2-40B4-BE49-F238E27FC236}">
                <a16:creationId xmlns:a16="http://schemas.microsoft.com/office/drawing/2014/main" id="{D9262306-265A-AB4B-BB14-A06A34B6B4D8}"/>
              </a:ext>
            </a:extLst>
          </p:cNvPr>
          <p:cNvPicPr>
            <a:picLocks noChangeAspect="1"/>
          </p:cNvPicPr>
          <p:nvPr/>
        </p:nvPicPr>
        <p:blipFill>
          <a:blip r:embed="rId5"/>
          <a:stretch>
            <a:fillRect/>
          </a:stretch>
        </p:blipFill>
        <p:spPr>
          <a:xfrm>
            <a:off x="4565650" y="2533650"/>
            <a:ext cx="12700" cy="76200"/>
          </a:xfrm>
          <a:prstGeom prst="rect">
            <a:avLst/>
          </a:prstGeom>
        </p:spPr>
      </p:pic>
      <p:pic>
        <p:nvPicPr>
          <p:cNvPr id="10242" name="Picture 2" descr="Using DeepSpeed and Megatron to Train Megatron-Turing NLG 530B, the World&amp;#39;s  Largest and Most Powerful Generative Language Model - Microsoft Research">
            <a:extLst>
              <a:ext uri="{FF2B5EF4-FFF2-40B4-BE49-F238E27FC236}">
                <a16:creationId xmlns:a16="http://schemas.microsoft.com/office/drawing/2014/main" id="{0EA161CD-07B9-F94E-A78A-93C664693AE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41167" y="2415736"/>
            <a:ext cx="4019948" cy="210070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487587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B69284-FCF1-9145-B37C-983CC9FB473D}"/>
              </a:ext>
            </a:extLst>
          </p:cNvPr>
          <p:cNvSpPr>
            <a:spLocks noGrp="1"/>
          </p:cNvSpPr>
          <p:nvPr>
            <p:ph type="title"/>
          </p:nvPr>
        </p:nvSpPr>
        <p:spPr/>
        <p:txBody>
          <a:bodyPr/>
          <a:lstStyle/>
          <a:p>
            <a:r>
              <a:rPr lang="en-US" dirty="0"/>
              <a:t>Custom Silicon for </a:t>
            </a:r>
            <a:r>
              <a:rPr lang="en-US" dirty="0" err="1"/>
              <a:t>AI+Machine</a:t>
            </a:r>
            <a:r>
              <a:rPr lang="en-US" dirty="0"/>
              <a:t> Learning</a:t>
            </a:r>
          </a:p>
        </p:txBody>
      </p:sp>
      <p:pic>
        <p:nvPicPr>
          <p:cNvPr id="3" name="Picture 2">
            <a:extLst>
              <a:ext uri="{FF2B5EF4-FFF2-40B4-BE49-F238E27FC236}">
                <a16:creationId xmlns:a16="http://schemas.microsoft.com/office/drawing/2014/main" id="{5CB13E4F-6361-354D-9CF9-64D4206BBE5C}"/>
              </a:ext>
            </a:extLst>
          </p:cNvPr>
          <p:cNvPicPr>
            <a:picLocks noChangeAspect="1"/>
          </p:cNvPicPr>
          <p:nvPr/>
        </p:nvPicPr>
        <p:blipFill>
          <a:blip r:embed="rId2"/>
          <a:stretch>
            <a:fillRect/>
          </a:stretch>
        </p:blipFill>
        <p:spPr>
          <a:xfrm>
            <a:off x="683122" y="1131888"/>
            <a:ext cx="3744416" cy="1288966"/>
          </a:xfrm>
          <a:prstGeom prst="rect">
            <a:avLst/>
          </a:prstGeom>
        </p:spPr>
      </p:pic>
      <p:pic>
        <p:nvPicPr>
          <p:cNvPr id="4" name="Picture 3">
            <a:extLst>
              <a:ext uri="{FF2B5EF4-FFF2-40B4-BE49-F238E27FC236}">
                <a16:creationId xmlns:a16="http://schemas.microsoft.com/office/drawing/2014/main" id="{CB05C873-5D18-E34A-AD18-D1A85B974FEA}"/>
              </a:ext>
            </a:extLst>
          </p:cNvPr>
          <p:cNvPicPr>
            <a:picLocks noChangeAspect="1"/>
          </p:cNvPicPr>
          <p:nvPr/>
        </p:nvPicPr>
        <p:blipFill>
          <a:blip r:embed="rId3"/>
          <a:stretch>
            <a:fillRect/>
          </a:stretch>
        </p:blipFill>
        <p:spPr>
          <a:xfrm>
            <a:off x="5188588" y="1131590"/>
            <a:ext cx="3404972" cy="2787302"/>
          </a:xfrm>
          <a:prstGeom prst="rect">
            <a:avLst/>
          </a:prstGeom>
        </p:spPr>
      </p:pic>
      <p:sp>
        <p:nvSpPr>
          <p:cNvPr id="5" name="Rectangle 4">
            <a:extLst>
              <a:ext uri="{FF2B5EF4-FFF2-40B4-BE49-F238E27FC236}">
                <a16:creationId xmlns:a16="http://schemas.microsoft.com/office/drawing/2014/main" id="{D0630385-A253-6B4D-A6AE-83DF5C0CFEF1}"/>
              </a:ext>
            </a:extLst>
          </p:cNvPr>
          <p:cNvSpPr/>
          <p:nvPr/>
        </p:nvSpPr>
        <p:spPr>
          <a:xfrm>
            <a:off x="599490" y="4732338"/>
            <a:ext cx="6276765" cy="276999"/>
          </a:xfrm>
          <a:prstGeom prst="rect">
            <a:avLst/>
          </a:prstGeom>
          <a:solidFill>
            <a:schemeClr val="bg1"/>
          </a:solidFill>
        </p:spPr>
        <p:txBody>
          <a:bodyPr wrap="square">
            <a:spAutoFit/>
          </a:bodyPr>
          <a:lstStyle/>
          <a:p>
            <a:r>
              <a:rPr lang="en-US" sz="600" dirty="0">
                <a:hlinkClick r:id="rId4"/>
              </a:rPr>
              <a:t>https://www.forbes.com/sites/robtoews/2020/05/10/artificial-intelligence-is-driving-a-silicon-renaissance/#7ffd4a99553c</a:t>
            </a:r>
            <a:endParaRPr lang="en-US" sz="600" dirty="0"/>
          </a:p>
          <a:p>
            <a:endParaRPr lang="en-US" sz="600" dirty="0"/>
          </a:p>
        </p:txBody>
      </p:sp>
      <p:sp>
        <p:nvSpPr>
          <p:cNvPr id="6" name="Rectangle 5">
            <a:extLst>
              <a:ext uri="{FF2B5EF4-FFF2-40B4-BE49-F238E27FC236}">
                <a16:creationId xmlns:a16="http://schemas.microsoft.com/office/drawing/2014/main" id="{1BAD7F7C-73CD-2349-BE5B-5B6A63195673}"/>
              </a:ext>
            </a:extLst>
          </p:cNvPr>
          <p:cNvSpPr/>
          <p:nvPr/>
        </p:nvSpPr>
        <p:spPr>
          <a:xfrm>
            <a:off x="611188" y="2715748"/>
            <a:ext cx="4105275" cy="1169551"/>
          </a:xfrm>
          <a:prstGeom prst="rect">
            <a:avLst/>
          </a:prstGeom>
        </p:spPr>
        <p:txBody>
          <a:bodyPr wrap="square">
            <a:spAutoFit/>
          </a:bodyPr>
          <a:lstStyle/>
          <a:p>
            <a:r>
              <a:rPr lang="en-GB" sz="1400" dirty="0"/>
              <a:t>In recent years, a new crop of entrepreneurs and technologists has set out to reimagine the computer chip, optimizing it from the ground up in order to unlock the potential of AI. </a:t>
            </a:r>
          </a:p>
        </p:txBody>
      </p:sp>
      <p:sp>
        <p:nvSpPr>
          <p:cNvPr id="7" name="Rectangle 6">
            <a:extLst>
              <a:ext uri="{FF2B5EF4-FFF2-40B4-BE49-F238E27FC236}">
                <a16:creationId xmlns:a16="http://schemas.microsoft.com/office/drawing/2014/main" id="{252DD8E6-466F-3240-BDB7-E2467B81B077}"/>
              </a:ext>
            </a:extLst>
          </p:cNvPr>
          <p:cNvSpPr/>
          <p:nvPr/>
        </p:nvSpPr>
        <p:spPr>
          <a:xfrm>
            <a:off x="616587" y="4083918"/>
            <a:ext cx="7916225" cy="523220"/>
          </a:xfrm>
          <a:prstGeom prst="rect">
            <a:avLst/>
          </a:prstGeom>
          <a:solidFill>
            <a:schemeClr val="accent2">
              <a:lumMod val="20000"/>
              <a:lumOff val="80000"/>
            </a:schemeClr>
          </a:solidFill>
        </p:spPr>
        <p:txBody>
          <a:bodyPr wrap="square">
            <a:spAutoFit/>
          </a:bodyPr>
          <a:lstStyle/>
          <a:p>
            <a:r>
              <a:rPr lang="en-GB" sz="1400" dirty="0"/>
              <a:t>GPUs are not optimized for an AI workload. The GPU has been adopted by the AI community, but it was not born for AI. Purpose built Hardware is the next frontier.</a:t>
            </a:r>
            <a:endParaRPr lang="en-US" sz="1400" dirty="0"/>
          </a:p>
        </p:txBody>
      </p:sp>
    </p:spTree>
    <p:extLst>
      <p:ext uri="{BB962C8B-B14F-4D97-AF65-F5344CB8AC3E}">
        <p14:creationId xmlns:p14="http://schemas.microsoft.com/office/powerpoint/2010/main" val="85446844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26821F0-9C86-1B4E-9E5A-AD0B50BD36B4}"/>
              </a:ext>
            </a:extLst>
          </p:cNvPr>
          <p:cNvSpPr>
            <a:spLocks noGrp="1"/>
          </p:cNvSpPr>
          <p:nvPr>
            <p:ph type="title"/>
          </p:nvPr>
        </p:nvSpPr>
        <p:spPr/>
        <p:txBody>
          <a:bodyPr/>
          <a:lstStyle/>
          <a:p>
            <a:r>
              <a:rPr lang="en-US" dirty="0"/>
              <a:t>How to get even Bigger?</a:t>
            </a:r>
          </a:p>
        </p:txBody>
      </p:sp>
      <p:pic>
        <p:nvPicPr>
          <p:cNvPr id="3" name="Picture 2">
            <a:extLst>
              <a:ext uri="{FF2B5EF4-FFF2-40B4-BE49-F238E27FC236}">
                <a16:creationId xmlns:a16="http://schemas.microsoft.com/office/drawing/2014/main" id="{D440BB7F-0D0F-EC4F-A562-B968964F4103}"/>
              </a:ext>
            </a:extLst>
          </p:cNvPr>
          <p:cNvPicPr>
            <a:picLocks noChangeAspect="1"/>
          </p:cNvPicPr>
          <p:nvPr/>
        </p:nvPicPr>
        <p:blipFill>
          <a:blip r:embed="rId2"/>
          <a:stretch>
            <a:fillRect/>
          </a:stretch>
        </p:blipFill>
        <p:spPr>
          <a:xfrm>
            <a:off x="617363" y="1132333"/>
            <a:ext cx="3954637" cy="462849"/>
          </a:xfrm>
          <a:prstGeom prst="rect">
            <a:avLst/>
          </a:prstGeom>
        </p:spPr>
      </p:pic>
      <p:pic>
        <p:nvPicPr>
          <p:cNvPr id="4" name="Picture 3">
            <a:extLst>
              <a:ext uri="{FF2B5EF4-FFF2-40B4-BE49-F238E27FC236}">
                <a16:creationId xmlns:a16="http://schemas.microsoft.com/office/drawing/2014/main" id="{013E83F2-BCF9-4043-B90F-1E4410B684B8}"/>
              </a:ext>
            </a:extLst>
          </p:cNvPr>
          <p:cNvPicPr>
            <a:picLocks noChangeAspect="1"/>
          </p:cNvPicPr>
          <p:nvPr/>
        </p:nvPicPr>
        <p:blipFill rotWithShape="1">
          <a:blip r:embed="rId3"/>
          <a:srcRect b="46361"/>
          <a:stretch/>
        </p:blipFill>
        <p:spPr>
          <a:xfrm>
            <a:off x="4712903" y="1137954"/>
            <a:ext cx="3675447" cy="1649820"/>
          </a:xfrm>
          <a:prstGeom prst="rect">
            <a:avLst/>
          </a:prstGeom>
        </p:spPr>
      </p:pic>
      <p:pic>
        <p:nvPicPr>
          <p:cNvPr id="5" name="Picture 4">
            <a:extLst>
              <a:ext uri="{FF2B5EF4-FFF2-40B4-BE49-F238E27FC236}">
                <a16:creationId xmlns:a16="http://schemas.microsoft.com/office/drawing/2014/main" id="{F0FAFEDA-5900-2748-AE13-06F0F347B828}"/>
              </a:ext>
            </a:extLst>
          </p:cNvPr>
          <p:cNvPicPr>
            <a:picLocks noChangeAspect="1"/>
          </p:cNvPicPr>
          <p:nvPr/>
        </p:nvPicPr>
        <p:blipFill>
          <a:blip r:embed="rId4"/>
          <a:stretch>
            <a:fillRect/>
          </a:stretch>
        </p:blipFill>
        <p:spPr>
          <a:xfrm>
            <a:off x="4783907" y="2875740"/>
            <a:ext cx="3604443" cy="1086270"/>
          </a:xfrm>
          <a:prstGeom prst="rect">
            <a:avLst/>
          </a:prstGeom>
        </p:spPr>
      </p:pic>
      <p:sp>
        <p:nvSpPr>
          <p:cNvPr id="6" name="Rectangle 5">
            <a:extLst>
              <a:ext uri="{FF2B5EF4-FFF2-40B4-BE49-F238E27FC236}">
                <a16:creationId xmlns:a16="http://schemas.microsoft.com/office/drawing/2014/main" id="{CC53DD8E-C75E-3C47-A8EF-82E7BAD4FEDC}"/>
              </a:ext>
            </a:extLst>
          </p:cNvPr>
          <p:cNvSpPr/>
          <p:nvPr/>
        </p:nvSpPr>
        <p:spPr>
          <a:xfrm>
            <a:off x="611188" y="4739113"/>
            <a:ext cx="4572000" cy="276999"/>
          </a:xfrm>
          <a:prstGeom prst="rect">
            <a:avLst/>
          </a:prstGeom>
          <a:solidFill>
            <a:schemeClr val="bg1"/>
          </a:solidFill>
        </p:spPr>
        <p:txBody>
          <a:bodyPr>
            <a:spAutoFit/>
          </a:bodyPr>
          <a:lstStyle/>
          <a:p>
            <a:r>
              <a:rPr lang="en-US" sz="600" dirty="0">
                <a:hlinkClick r:id="rId5"/>
              </a:rPr>
              <a:t>https://read.nxtbook.com/ieee/spectrum/spectrum_na_december_2021/ohm_s_law_kirchhoff_s_current.html</a:t>
            </a:r>
            <a:endParaRPr lang="en-US" sz="600" dirty="0"/>
          </a:p>
          <a:p>
            <a:endParaRPr lang="en-US" sz="600" dirty="0"/>
          </a:p>
        </p:txBody>
      </p:sp>
      <p:pic>
        <p:nvPicPr>
          <p:cNvPr id="4098" name="Picture 2">
            <a:extLst>
              <a:ext uri="{FF2B5EF4-FFF2-40B4-BE49-F238E27FC236}">
                <a16:creationId xmlns:a16="http://schemas.microsoft.com/office/drawing/2014/main" id="{573039A3-9A6A-AC4D-B1FA-1A423B1F10B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30231" y="2768642"/>
            <a:ext cx="3421078" cy="12870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1751252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A6043C-819F-6D43-91A5-B99E401AE3A5}"/>
              </a:ext>
            </a:extLst>
          </p:cNvPr>
          <p:cNvSpPr>
            <a:spLocks noGrp="1"/>
          </p:cNvSpPr>
          <p:nvPr>
            <p:ph type="title"/>
          </p:nvPr>
        </p:nvSpPr>
        <p:spPr/>
        <p:txBody>
          <a:bodyPr/>
          <a:lstStyle/>
          <a:p>
            <a:r>
              <a:rPr lang="en-US" dirty="0"/>
              <a:t>Explainable AI (XAI)</a:t>
            </a:r>
          </a:p>
        </p:txBody>
      </p:sp>
      <p:pic>
        <p:nvPicPr>
          <p:cNvPr id="6146" name="Picture 2" descr="Explainable Artificial Intelligence">
            <a:extLst>
              <a:ext uri="{FF2B5EF4-FFF2-40B4-BE49-F238E27FC236}">
                <a16:creationId xmlns:a16="http://schemas.microsoft.com/office/drawing/2014/main" id="{B54396EC-BE85-B148-A749-66AE0C8B3E3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311768" y="1131590"/>
            <a:ext cx="5088249" cy="2866380"/>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F928A507-AEE0-DA4A-BDE1-B7BF6EDF9DA2}"/>
              </a:ext>
            </a:extLst>
          </p:cNvPr>
          <p:cNvSpPr/>
          <p:nvPr/>
        </p:nvSpPr>
        <p:spPr>
          <a:xfrm>
            <a:off x="611516" y="1203598"/>
            <a:ext cx="2448315" cy="2658420"/>
          </a:xfrm>
          <a:prstGeom prst="rect">
            <a:avLst/>
          </a:prstGeom>
        </p:spPr>
        <p:txBody>
          <a:bodyPr wrap="square">
            <a:spAutoFit/>
          </a:bodyPr>
          <a:lstStyle/>
          <a:p>
            <a:pPr marL="216000" indent="-216000">
              <a:spcAft>
                <a:spcPts val="600"/>
              </a:spcAft>
              <a:buFont typeface="Wingdings" pitchFamily="2" charset="2"/>
              <a:buChar char="§"/>
            </a:pPr>
            <a:r>
              <a:rPr lang="en-US" dirty="0"/>
              <a:t>Many ML models are </a:t>
            </a:r>
            <a:r>
              <a:rPr lang="en-US" b="1" dirty="0"/>
              <a:t>black boxes</a:t>
            </a:r>
          </a:p>
          <a:p>
            <a:pPr marL="216000" indent="-216000">
              <a:spcAft>
                <a:spcPts val="600"/>
              </a:spcAft>
              <a:buFont typeface="Wingdings" pitchFamily="2" charset="2"/>
              <a:buChar char="§"/>
            </a:pPr>
            <a:r>
              <a:rPr lang="en-US" dirty="0"/>
              <a:t>We </a:t>
            </a:r>
            <a:r>
              <a:rPr lang="en-US" b="1" dirty="0">
                <a:solidFill>
                  <a:srgbClr val="D1026A"/>
                </a:solidFill>
              </a:rPr>
              <a:t>cannot explain </a:t>
            </a:r>
            <a:r>
              <a:rPr lang="en-US" dirty="0"/>
              <a:t>the predictions they make</a:t>
            </a:r>
          </a:p>
          <a:p>
            <a:pPr marL="216000" indent="-216000">
              <a:spcAft>
                <a:spcPts val="600"/>
              </a:spcAft>
              <a:buFont typeface="Wingdings" pitchFamily="2" charset="2"/>
              <a:buChar char="§"/>
            </a:pPr>
            <a:r>
              <a:rPr lang="en-US" dirty="0"/>
              <a:t>This is often the single biggest </a:t>
            </a:r>
            <a:r>
              <a:rPr lang="en-US" b="1" dirty="0"/>
              <a:t>impediment</a:t>
            </a:r>
            <a:r>
              <a:rPr lang="en-US" dirty="0"/>
              <a:t> to ML use in sensitive areas such as legal or medical applications</a:t>
            </a:r>
          </a:p>
        </p:txBody>
      </p:sp>
      <p:sp>
        <p:nvSpPr>
          <p:cNvPr id="6" name="Rectangle 5">
            <a:extLst>
              <a:ext uri="{FF2B5EF4-FFF2-40B4-BE49-F238E27FC236}">
                <a16:creationId xmlns:a16="http://schemas.microsoft.com/office/drawing/2014/main" id="{BB24B80D-F1AB-444A-BEF6-1ABF4F903E5E}"/>
              </a:ext>
            </a:extLst>
          </p:cNvPr>
          <p:cNvSpPr/>
          <p:nvPr/>
        </p:nvSpPr>
        <p:spPr>
          <a:xfrm>
            <a:off x="616587" y="4064754"/>
            <a:ext cx="7916225" cy="523220"/>
          </a:xfrm>
          <a:prstGeom prst="rect">
            <a:avLst/>
          </a:prstGeom>
          <a:solidFill>
            <a:schemeClr val="accent2">
              <a:lumMod val="20000"/>
              <a:lumOff val="80000"/>
            </a:schemeClr>
          </a:solidFill>
        </p:spPr>
        <p:txBody>
          <a:bodyPr wrap="square">
            <a:spAutoFit/>
          </a:bodyPr>
          <a:lstStyle/>
          <a:p>
            <a:r>
              <a:rPr lang="en-GB" sz="1400" dirty="0"/>
              <a:t>If we can couple the power of models such as deep learning, with the interpretability of models like decision trees, AI will become  fundamentally ubiquitous</a:t>
            </a:r>
            <a:endParaRPr lang="en-US" sz="1400" dirty="0"/>
          </a:p>
        </p:txBody>
      </p:sp>
      <p:sp>
        <p:nvSpPr>
          <p:cNvPr id="4" name="Rectangle 3">
            <a:extLst>
              <a:ext uri="{FF2B5EF4-FFF2-40B4-BE49-F238E27FC236}">
                <a16:creationId xmlns:a16="http://schemas.microsoft.com/office/drawing/2014/main" id="{CF9FDCC4-5FC5-A54E-9144-1AEEE606F1DE}"/>
              </a:ext>
            </a:extLst>
          </p:cNvPr>
          <p:cNvSpPr/>
          <p:nvPr/>
        </p:nvSpPr>
        <p:spPr>
          <a:xfrm>
            <a:off x="615421" y="4739308"/>
            <a:ext cx="2934072" cy="276999"/>
          </a:xfrm>
          <a:prstGeom prst="rect">
            <a:avLst/>
          </a:prstGeom>
          <a:solidFill>
            <a:schemeClr val="bg1"/>
          </a:solidFill>
        </p:spPr>
        <p:txBody>
          <a:bodyPr wrap="square">
            <a:spAutoFit/>
          </a:bodyPr>
          <a:lstStyle/>
          <a:p>
            <a:r>
              <a:rPr lang="en-US" sz="600" dirty="0">
                <a:hlinkClick r:id="rId3"/>
              </a:rPr>
              <a:t>https://www.darpa.mil/program/explainable-artificial-intelligence</a:t>
            </a:r>
            <a:endParaRPr lang="en-US" sz="600" dirty="0"/>
          </a:p>
          <a:p>
            <a:endParaRPr lang="en-US" sz="600" dirty="0"/>
          </a:p>
        </p:txBody>
      </p:sp>
    </p:spTree>
    <p:extLst>
      <p:ext uri="{BB962C8B-B14F-4D97-AF65-F5344CB8AC3E}">
        <p14:creationId xmlns:p14="http://schemas.microsoft.com/office/powerpoint/2010/main" val="186562196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9ED8EB-D8AF-9644-A730-9EF1B4C2AF65}"/>
              </a:ext>
            </a:extLst>
          </p:cNvPr>
          <p:cNvSpPr>
            <a:spLocks noGrp="1"/>
          </p:cNvSpPr>
          <p:nvPr>
            <p:ph type="title"/>
          </p:nvPr>
        </p:nvSpPr>
        <p:spPr/>
        <p:txBody>
          <a:bodyPr/>
          <a:lstStyle/>
          <a:p>
            <a:r>
              <a:rPr lang="en-US" dirty="0"/>
              <a:t>Data-Centric AI</a:t>
            </a:r>
          </a:p>
        </p:txBody>
      </p:sp>
      <p:pic>
        <p:nvPicPr>
          <p:cNvPr id="3" name="Picture 2">
            <a:extLst>
              <a:ext uri="{FF2B5EF4-FFF2-40B4-BE49-F238E27FC236}">
                <a16:creationId xmlns:a16="http://schemas.microsoft.com/office/drawing/2014/main" id="{FB7E51FC-E52F-6343-AFFA-7AB269677D32}"/>
              </a:ext>
            </a:extLst>
          </p:cNvPr>
          <p:cNvPicPr>
            <a:picLocks noChangeAspect="1"/>
          </p:cNvPicPr>
          <p:nvPr/>
        </p:nvPicPr>
        <p:blipFill>
          <a:blip r:embed="rId3"/>
          <a:stretch>
            <a:fillRect/>
          </a:stretch>
        </p:blipFill>
        <p:spPr>
          <a:xfrm>
            <a:off x="611560" y="1131888"/>
            <a:ext cx="3843446" cy="2880022"/>
          </a:xfrm>
          <a:prstGeom prst="rect">
            <a:avLst/>
          </a:prstGeom>
        </p:spPr>
      </p:pic>
      <p:sp>
        <p:nvSpPr>
          <p:cNvPr id="4" name="Rectangle 3">
            <a:extLst>
              <a:ext uri="{FF2B5EF4-FFF2-40B4-BE49-F238E27FC236}">
                <a16:creationId xmlns:a16="http://schemas.microsoft.com/office/drawing/2014/main" id="{D0AAA00E-6F4D-684E-ADEE-CB0B278D5AEF}"/>
              </a:ext>
            </a:extLst>
          </p:cNvPr>
          <p:cNvSpPr/>
          <p:nvPr/>
        </p:nvSpPr>
        <p:spPr>
          <a:xfrm>
            <a:off x="624136" y="4732338"/>
            <a:ext cx="2790056" cy="276999"/>
          </a:xfrm>
          <a:prstGeom prst="rect">
            <a:avLst/>
          </a:prstGeom>
          <a:solidFill>
            <a:schemeClr val="bg1"/>
          </a:solidFill>
        </p:spPr>
        <p:txBody>
          <a:bodyPr wrap="square">
            <a:spAutoFit/>
          </a:bodyPr>
          <a:lstStyle/>
          <a:p>
            <a:r>
              <a:rPr lang="en-US" sz="600" dirty="0">
                <a:hlinkClick r:id="rId4"/>
              </a:rPr>
              <a:t>https://twitter.com/AndrewYNg/status/1396922136808202241</a:t>
            </a:r>
            <a:endParaRPr lang="en-US" sz="600" dirty="0"/>
          </a:p>
          <a:p>
            <a:endParaRPr lang="en-US" sz="600" dirty="0"/>
          </a:p>
        </p:txBody>
      </p:sp>
      <p:pic>
        <p:nvPicPr>
          <p:cNvPr id="5" name="Picture 4">
            <a:extLst>
              <a:ext uri="{FF2B5EF4-FFF2-40B4-BE49-F238E27FC236}">
                <a16:creationId xmlns:a16="http://schemas.microsoft.com/office/drawing/2014/main" id="{E1B9FD18-5CFC-B644-A9B2-5E43FF475A87}"/>
              </a:ext>
            </a:extLst>
          </p:cNvPr>
          <p:cNvPicPr>
            <a:picLocks noChangeAspect="1"/>
          </p:cNvPicPr>
          <p:nvPr/>
        </p:nvPicPr>
        <p:blipFill>
          <a:blip r:embed="rId5"/>
          <a:stretch>
            <a:fillRect/>
          </a:stretch>
        </p:blipFill>
        <p:spPr>
          <a:xfrm>
            <a:off x="1259632" y="4121230"/>
            <a:ext cx="2369066" cy="242380"/>
          </a:xfrm>
          <a:prstGeom prst="rect">
            <a:avLst/>
          </a:prstGeom>
        </p:spPr>
      </p:pic>
      <p:pic>
        <p:nvPicPr>
          <p:cNvPr id="6" name="Picture 5">
            <a:extLst>
              <a:ext uri="{FF2B5EF4-FFF2-40B4-BE49-F238E27FC236}">
                <a16:creationId xmlns:a16="http://schemas.microsoft.com/office/drawing/2014/main" id="{C9306B20-AFA9-9541-805E-D9FC8AA48A21}"/>
              </a:ext>
            </a:extLst>
          </p:cNvPr>
          <p:cNvPicPr>
            <a:picLocks noChangeAspect="1"/>
          </p:cNvPicPr>
          <p:nvPr/>
        </p:nvPicPr>
        <p:blipFill rotWithShape="1">
          <a:blip r:embed="rId6"/>
          <a:srcRect b="33242"/>
          <a:stretch/>
        </p:blipFill>
        <p:spPr>
          <a:xfrm>
            <a:off x="4824462" y="1203599"/>
            <a:ext cx="3563888" cy="792088"/>
          </a:xfrm>
          <a:prstGeom prst="rect">
            <a:avLst/>
          </a:prstGeom>
        </p:spPr>
      </p:pic>
      <p:pic>
        <p:nvPicPr>
          <p:cNvPr id="7170" name="Picture 2" descr="Feature Engineering: What Powers Machine Learning | by Will Koehrsen |  Towards Data Science">
            <a:extLst>
              <a:ext uri="{FF2B5EF4-FFF2-40B4-BE49-F238E27FC236}">
                <a16:creationId xmlns:a16="http://schemas.microsoft.com/office/drawing/2014/main" id="{C8110DC9-99C3-5F4E-9A79-32F795DFF6BF}"/>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932040" y="2269560"/>
            <a:ext cx="3432562" cy="20940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6748008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Language Synthesis</a:t>
            </a:r>
          </a:p>
        </p:txBody>
      </p:sp>
      <p:pic>
        <p:nvPicPr>
          <p:cNvPr id="1026" name="Picture 2" descr="Image">
            <a:extLst>
              <a:ext uri="{FF2B5EF4-FFF2-40B4-BE49-F238E27FC236}">
                <a16:creationId xmlns:a16="http://schemas.microsoft.com/office/drawing/2014/main" id="{0274F6FE-34E5-4959-2697-43AEF7AC1F16}"/>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9703" b="3714"/>
          <a:stretch/>
        </p:blipFill>
        <p:spPr bwMode="auto">
          <a:xfrm>
            <a:off x="611188" y="1347614"/>
            <a:ext cx="7921625" cy="299433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1509330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0331DC00-7CEF-D449-AA49-6F58DFB075A7}"/>
              </a:ext>
            </a:extLst>
          </p:cNvPr>
          <p:cNvSpPr/>
          <p:nvPr/>
        </p:nvSpPr>
        <p:spPr>
          <a:xfrm>
            <a:off x="611188" y="1131888"/>
            <a:ext cx="3960812" cy="3168054"/>
          </a:xfrm>
          <a:prstGeom prst="rect">
            <a:avLst/>
          </a:prstGeom>
          <a:solidFill>
            <a:schemeClr val="bg1"/>
          </a:solidFill>
          <a:ln>
            <a:solidFill>
              <a:schemeClr val="bg1">
                <a:lumMod val="9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69D8D93-D8C7-BA4D-A6A7-60C270CA90F2}"/>
              </a:ext>
            </a:extLst>
          </p:cNvPr>
          <p:cNvSpPr>
            <a:spLocks noGrp="1"/>
          </p:cNvSpPr>
          <p:nvPr>
            <p:ph type="title"/>
          </p:nvPr>
        </p:nvSpPr>
        <p:spPr/>
        <p:txBody>
          <a:bodyPr/>
          <a:lstStyle/>
          <a:p>
            <a:r>
              <a:rPr lang="en-US" dirty="0"/>
              <a:t>Neuro-Symbolic AI</a:t>
            </a:r>
          </a:p>
        </p:txBody>
      </p:sp>
      <p:pic>
        <p:nvPicPr>
          <p:cNvPr id="3" name="Picture 2">
            <a:extLst>
              <a:ext uri="{FF2B5EF4-FFF2-40B4-BE49-F238E27FC236}">
                <a16:creationId xmlns:a16="http://schemas.microsoft.com/office/drawing/2014/main" id="{6CA0DB93-F9B3-6443-808C-BB54C5FF6731}"/>
              </a:ext>
            </a:extLst>
          </p:cNvPr>
          <p:cNvPicPr>
            <a:picLocks noChangeAspect="1"/>
          </p:cNvPicPr>
          <p:nvPr/>
        </p:nvPicPr>
        <p:blipFill>
          <a:blip r:embed="rId3"/>
          <a:stretch>
            <a:fillRect/>
          </a:stretch>
        </p:blipFill>
        <p:spPr>
          <a:xfrm>
            <a:off x="755650" y="1234087"/>
            <a:ext cx="3697790" cy="928251"/>
          </a:xfrm>
          <a:prstGeom prst="rect">
            <a:avLst/>
          </a:prstGeom>
        </p:spPr>
      </p:pic>
      <p:pic>
        <p:nvPicPr>
          <p:cNvPr id="4" name="Picture 3">
            <a:extLst>
              <a:ext uri="{FF2B5EF4-FFF2-40B4-BE49-F238E27FC236}">
                <a16:creationId xmlns:a16="http://schemas.microsoft.com/office/drawing/2014/main" id="{948E7D0D-1D48-0948-9B5D-D2534EAFCD2D}"/>
              </a:ext>
            </a:extLst>
          </p:cNvPr>
          <p:cNvPicPr>
            <a:picLocks noChangeAspect="1"/>
          </p:cNvPicPr>
          <p:nvPr/>
        </p:nvPicPr>
        <p:blipFill>
          <a:blip r:embed="rId4"/>
          <a:stretch>
            <a:fillRect/>
          </a:stretch>
        </p:blipFill>
        <p:spPr>
          <a:xfrm>
            <a:off x="2223783" y="1990865"/>
            <a:ext cx="2132268" cy="1277496"/>
          </a:xfrm>
          <a:prstGeom prst="rect">
            <a:avLst/>
          </a:prstGeom>
        </p:spPr>
      </p:pic>
      <p:sp>
        <p:nvSpPr>
          <p:cNvPr id="5" name="Rectangle 4">
            <a:extLst>
              <a:ext uri="{FF2B5EF4-FFF2-40B4-BE49-F238E27FC236}">
                <a16:creationId xmlns:a16="http://schemas.microsoft.com/office/drawing/2014/main" id="{A8A8BBBD-BACD-5047-8A22-323C47107562}"/>
              </a:ext>
            </a:extLst>
          </p:cNvPr>
          <p:cNvSpPr/>
          <p:nvPr/>
        </p:nvSpPr>
        <p:spPr>
          <a:xfrm>
            <a:off x="5357075" y="1330910"/>
            <a:ext cx="3027745" cy="2877711"/>
          </a:xfrm>
          <a:prstGeom prst="rect">
            <a:avLst/>
          </a:prstGeom>
        </p:spPr>
        <p:txBody>
          <a:bodyPr wrap="square">
            <a:spAutoFit/>
          </a:bodyPr>
          <a:lstStyle/>
          <a:p>
            <a:pPr marL="216000" indent="-216000">
              <a:spcAft>
                <a:spcPts val="600"/>
              </a:spcAft>
              <a:buFont typeface="Wingdings" pitchFamily="2" charset="2"/>
              <a:buChar char="§"/>
            </a:pPr>
            <a:r>
              <a:rPr lang="en-US" dirty="0"/>
              <a:t>For most of AI history, symbolism has been the dominant approach. </a:t>
            </a:r>
          </a:p>
          <a:p>
            <a:pPr marL="216000" indent="-216000">
              <a:spcAft>
                <a:spcPts val="600"/>
              </a:spcAft>
              <a:buFont typeface="Wingdings" pitchFamily="2" charset="2"/>
              <a:buChar char="§"/>
            </a:pPr>
            <a:r>
              <a:rPr lang="en-US" dirty="0"/>
              <a:t>But in the past decade, a revolution in neural networks has made deep learning the main workhorse.</a:t>
            </a:r>
          </a:p>
          <a:p>
            <a:pPr marL="216000" indent="-216000">
              <a:spcAft>
                <a:spcPts val="600"/>
              </a:spcAft>
              <a:buFont typeface="Wingdings" pitchFamily="2" charset="2"/>
              <a:buChar char="§"/>
            </a:pPr>
            <a:r>
              <a:rPr lang="en-US" dirty="0"/>
              <a:t>The key to the next AI breakthrough might hinge on combining symbolist AI with neural networks.</a:t>
            </a:r>
          </a:p>
        </p:txBody>
      </p:sp>
      <p:sp>
        <p:nvSpPr>
          <p:cNvPr id="6" name="Rectangle 5">
            <a:extLst>
              <a:ext uri="{FF2B5EF4-FFF2-40B4-BE49-F238E27FC236}">
                <a16:creationId xmlns:a16="http://schemas.microsoft.com/office/drawing/2014/main" id="{0EA790B1-250F-0947-931C-3A9AFC347E67}"/>
              </a:ext>
            </a:extLst>
          </p:cNvPr>
          <p:cNvSpPr/>
          <p:nvPr/>
        </p:nvSpPr>
        <p:spPr>
          <a:xfrm>
            <a:off x="611187" y="4732338"/>
            <a:ext cx="2952701" cy="276999"/>
          </a:xfrm>
          <a:prstGeom prst="rect">
            <a:avLst/>
          </a:prstGeom>
          <a:solidFill>
            <a:schemeClr val="bg1"/>
          </a:solidFill>
        </p:spPr>
        <p:txBody>
          <a:bodyPr wrap="square">
            <a:spAutoFit/>
          </a:bodyPr>
          <a:lstStyle/>
          <a:p>
            <a:r>
              <a:rPr lang="en-US" sz="600" dirty="0">
                <a:solidFill>
                  <a:srgbClr val="D1026A"/>
                </a:solidFill>
                <a:hlinkClick r:id="rId5"/>
              </a:rPr>
              <a:t>https://bdtechtalks.com/2019/06/05/mit-ibm-hybrid-ai/</a:t>
            </a:r>
            <a:endParaRPr lang="en-US" sz="600" dirty="0">
              <a:solidFill>
                <a:srgbClr val="D1026A"/>
              </a:solidFill>
            </a:endParaRPr>
          </a:p>
          <a:p>
            <a:endParaRPr lang="en-US" sz="600" dirty="0">
              <a:solidFill>
                <a:srgbClr val="D1026A"/>
              </a:solidFill>
            </a:endParaRPr>
          </a:p>
        </p:txBody>
      </p:sp>
      <p:pic>
        <p:nvPicPr>
          <p:cNvPr id="8" name="Picture 7">
            <a:extLst>
              <a:ext uri="{FF2B5EF4-FFF2-40B4-BE49-F238E27FC236}">
                <a16:creationId xmlns:a16="http://schemas.microsoft.com/office/drawing/2014/main" id="{33C2D760-4374-534E-8F32-DEB9FCF73D66}"/>
              </a:ext>
            </a:extLst>
          </p:cNvPr>
          <p:cNvPicPr>
            <a:picLocks noChangeAspect="1"/>
          </p:cNvPicPr>
          <p:nvPr/>
        </p:nvPicPr>
        <p:blipFill>
          <a:blip r:embed="rId6"/>
          <a:stretch>
            <a:fillRect/>
          </a:stretch>
        </p:blipFill>
        <p:spPr>
          <a:xfrm>
            <a:off x="729748" y="3445287"/>
            <a:ext cx="3697790" cy="783603"/>
          </a:xfrm>
          <a:prstGeom prst="rect">
            <a:avLst/>
          </a:prstGeom>
        </p:spPr>
      </p:pic>
    </p:spTree>
    <p:extLst>
      <p:ext uri="{BB962C8B-B14F-4D97-AF65-F5344CB8AC3E}">
        <p14:creationId xmlns:p14="http://schemas.microsoft.com/office/powerpoint/2010/main" val="158225687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76383C5-8E68-4143-86A2-59FEE08EB59D}"/>
              </a:ext>
            </a:extLst>
          </p:cNvPr>
          <p:cNvPicPr>
            <a:picLocks noChangeAspect="1"/>
          </p:cNvPicPr>
          <p:nvPr/>
        </p:nvPicPr>
        <p:blipFill>
          <a:blip r:embed="rId4"/>
          <a:stretch>
            <a:fillRect/>
          </a:stretch>
        </p:blipFill>
        <p:spPr>
          <a:xfrm>
            <a:off x="1169690" y="1496171"/>
            <a:ext cx="1857673" cy="192380"/>
          </a:xfrm>
          <a:prstGeom prst="rect">
            <a:avLst/>
          </a:prstGeom>
        </p:spPr>
      </p:pic>
      <p:pic>
        <p:nvPicPr>
          <p:cNvPr id="5" name="Picture 4">
            <a:extLst>
              <a:ext uri="{FF2B5EF4-FFF2-40B4-BE49-F238E27FC236}">
                <a16:creationId xmlns:a16="http://schemas.microsoft.com/office/drawing/2014/main" id="{FB5F477D-2393-654F-99D7-8C245584F092}"/>
              </a:ext>
            </a:extLst>
          </p:cNvPr>
          <p:cNvPicPr>
            <a:picLocks noChangeAspect="1"/>
          </p:cNvPicPr>
          <p:nvPr/>
        </p:nvPicPr>
        <p:blipFill rotWithShape="1">
          <a:blip r:embed="rId5"/>
          <a:srcRect t="13601"/>
          <a:stretch/>
        </p:blipFill>
        <p:spPr>
          <a:xfrm>
            <a:off x="755650" y="1146293"/>
            <a:ext cx="2271713" cy="374973"/>
          </a:xfrm>
          <a:prstGeom prst="rect">
            <a:avLst/>
          </a:prstGeom>
        </p:spPr>
      </p:pic>
      <p:sp>
        <p:nvSpPr>
          <p:cNvPr id="7" name="Title 6">
            <a:extLst>
              <a:ext uri="{FF2B5EF4-FFF2-40B4-BE49-F238E27FC236}">
                <a16:creationId xmlns:a16="http://schemas.microsoft.com/office/drawing/2014/main" id="{36B7377B-06A9-F241-B170-B7124D0927B0}"/>
              </a:ext>
            </a:extLst>
          </p:cNvPr>
          <p:cNvSpPr>
            <a:spLocks noGrp="1"/>
          </p:cNvSpPr>
          <p:nvPr>
            <p:ph type="title"/>
          </p:nvPr>
        </p:nvSpPr>
        <p:spPr/>
        <p:txBody>
          <a:bodyPr/>
          <a:lstStyle/>
          <a:p>
            <a:r>
              <a:rPr lang="en-US" dirty="0"/>
              <a:t>Modelling </a:t>
            </a:r>
            <a:r>
              <a:rPr lang="en-US"/>
              <a:t>the Brain</a:t>
            </a:r>
            <a:endParaRPr lang="en-US" dirty="0"/>
          </a:p>
        </p:txBody>
      </p:sp>
      <p:pic>
        <p:nvPicPr>
          <p:cNvPr id="8" name="neurons.mp4" descr="neurons.mp4">
            <a:hlinkClick r:id="" action="ppaction://media"/>
            <a:extLst>
              <a:ext uri="{FF2B5EF4-FFF2-40B4-BE49-F238E27FC236}">
                <a16:creationId xmlns:a16="http://schemas.microsoft.com/office/drawing/2014/main" id="{E3D4B075-4621-484A-B8DD-E3E52A5906E3}"/>
              </a:ext>
            </a:extLst>
          </p:cNvPr>
          <p:cNvPicPr>
            <a:picLocks noChangeAspect="1"/>
          </p:cNvPicPr>
          <p:nvPr>
            <a:videoFile r:link="rId2"/>
            <p:extLst>
              <p:ext uri="{DAA4B4D4-6D71-4841-9C94-3DE7FCFB9230}">
                <p14:media xmlns:p14="http://schemas.microsoft.com/office/powerpoint/2010/main" r:embed="rId1"/>
              </p:ext>
            </p:extLst>
          </p:nvPr>
        </p:nvPicPr>
        <p:blipFill>
          <a:blip r:embed="rId6"/>
          <a:stretch>
            <a:fillRect/>
          </a:stretch>
        </p:blipFill>
        <p:spPr>
          <a:xfrm>
            <a:off x="4932363" y="1131888"/>
            <a:ext cx="3600450" cy="3600450"/>
          </a:xfrm>
          <a:prstGeom prst="rect">
            <a:avLst/>
          </a:prstGeom>
        </p:spPr>
      </p:pic>
      <p:sp>
        <p:nvSpPr>
          <p:cNvPr id="9" name="Rectangle 8">
            <a:extLst>
              <a:ext uri="{FF2B5EF4-FFF2-40B4-BE49-F238E27FC236}">
                <a16:creationId xmlns:a16="http://schemas.microsoft.com/office/drawing/2014/main" id="{892809C2-7101-7A4C-913B-1BC1B558E9BD}"/>
              </a:ext>
            </a:extLst>
          </p:cNvPr>
          <p:cNvSpPr/>
          <p:nvPr/>
        </p:nvSpPr>
        <p:spPr>
          <a:xfrm>
            <a:off x="611188" y="4737903"/>
            <a:ext cx="3024708" cy="276999"/>
          </a:xfrm>
          <a:prstGeom prst="rect">
            <a:avLst/>
          </a:prstGeom>
          <a:solidFill>
            <a:schemeClr val="bg1"/>
          </a:solidFill>
        </p:spPr>
        <p:txBody>
          <a:bodyPr wrap="square">
            <a:spAutoFit/>
          </a:bodyPr>
          <a:lstStyle/>
          <a:p>
            <a:r>
              <a:rPr lang="en-US" sz="600" dirty="0">
                <a:hlinkClick r:id="rId7"/>
              </a:rPr>
              <a:t>https://twitter.com/jblefevre60/status/1467947563672293387</a:t>
            </a:r>
            <a:endParaRPr lang="en-US" sz="600" dirty="0"/>
          </a:p>
          <a:p>
            <a:endParaRPr lang="en-US" sz="600" dirty="0"/>
          </a:p>
        </p:txBody>
      </p:sp>
    </p:spTree>
    <p:extLst>
      <p:ext uri="{BB962C8B-B14F-4D97-AF65-F5344CB8AC3E}">
        <p14:creationId xmlns:p14="http://schemas.microsoft.com/office/powerpoint/2010/main" val="19278590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8325"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8"/>
                </p:tgtEl>
              </p:cMediaNode>
            </p:video>
            <p:seq concurrent="1" nextAc="seek">
              <p:cTn id="8" restart="whenNotActive" fill="hold" evtFilter="cancelBubble" nodeType="interactiveSeq">
                <p:stCondLst>
                  <p:cond evt="onClick" delay="0">
                    <p:tgtEl>
                      <p:spTgt spid="8"/>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8"/>
                                        </p:tgtEl>
                                      </p:cBhvr>
                                    </p:cmd>
                                  </p:childTnLst>
                                </p:cTn>
                              </p:par>
                            </p:childTnLst>
                          </p:cTn>
                        </p:par>
                      </p:childTnLst>
                    </p:cTn>
                  </p:par>
                </p:childTnLst>
              </p:cTn>
              <p:nextCondLst>
                <p:cond evt="onClick" delay="0">
                  <p:tgtEl>
                    <p:spTgt spid="8"/>
                  </p:tgtEl>
                </p:cond>
              </p:nextCondLst>
            </p:seq>
          </p:childTnLst>
        </p:cTn>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94AB790-4EAC-F04B-A8D9-A2F4AB3FC5AB}"/>
              </a:ext>
            </a:extLst>
          </p:cNvPr>
          <p:cNvSpPr/>
          <p:nvPr/>
        </p:nvSpPr>
        <p:spPr>
          <a:xfrm>
            <a:off x="5292080" y="1131888"/>
            <a:ext cx="3102134" cy="3312070"/>
          </a:xfrm>
          <a:prstGeom prst="rect">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BCE566BA-69D7-094C-95B8-78852204C89D}"/>
              </a:ext>
            </a:extLst>
          </p:cNvPr>
          <p:cNvSpPr>
            <a:spLocks noGrp="1"/>
          </p:cNvSpPr>
          <p:nvPr>
            <p:ph type="title"/>
          </p:nvPr>
        </p:nvSpPr>
        <p:spPr/>
        <p:txBody>
          <a:bodyPr/>
          <a:lstStyle/>
          <a:p>
            <a:r>
              <a:rPr lang="en-US" dirty="0"/>
              <a:t>Brain-Machine Interfaces</a:t>
            </a:r>
          </a:p>
        </p:txBody>
      </p:sp>
      <p:sp>
        <p:nvSpPr>
          <p:cNvPr id="3" name="Rectangle 2">
            <a:extLst>
              <a:ext uri="{FF2B5EF4-FFF2-40B4-BE49-F238E27FC236}">
                <a16:creationId xmlns:a16="http://schemas.microsoft.com/office/drawing/2014/main" id="{D1BD6ABB-AC9A-E949-B254-CBED455535C5}"/>
              </a:ext>
            </a:extLst>
          </p:cNvPr>
          <p:cNvSpPr/>
          <p:nvPr/>
        </p:nvSpPr>
        <p:spPr>
          <a:xfrm>
            <a:off x="749786" y="1131888"/>
            <a:ext cx="4302224" cy="3600986"/>
          </a:xfrm>
          <a:prstGeom prst="rect">
            <a:avLst/>
          </a:prstGeom>
        </p:spPr>
        <p:txBody>
          <a:bodyPr wrap="square">
            <a:spAutoFit/>
          </a:bodyPr>
          <a:lstStyle/>
          <a:p>
            <a:pPr marL="216000" indent="-216000">
              <a:buFont typeface="Wingdings" pitchFamily="2" charset="2"/>
              <a:buChar char="§"/>
            </a:pPr>
            <a:r>
              <a:rPr lang="en-US" sz="1400" dirty="0"/>
              <a:t>Elon Musk launched </a:t>
            </a:r>
            <a:r>
              <a:rPr lang="en-US" sz="1400" dirty="0" err="1"/>
              <a:t>Neuralink</a:t>
            </a:r>
            <a:r>
              <a:rPr lang="en-US" sz="1400" dirty="0"/>
              <a:t> in 2016 with a half dozen researchers, professors and industry experts in 2016 </a:t>
            </a:r>
          </a:p>
          <a:p>
            <a:pPr marL="216000" indent="-216000">
              <a:buFont typeface="Wingdings" pitchFamily="2" charset="2"/>
              <a:buChar char="§"/>
            </a:pPr>
            <a:endParaRPr lang="en-US" sz="1400" dirty="0"/>
          </a:p>
          <a:p>
            <a:pPr marL="216000" indent="-216000">
              <a:buFont typeface="Wingdings" pitchFamily="2" charset="2"/>
              <a:buChar char="§"/>
            </a:pPr>
            <a:r>
              <a:rPr lang="en-US" sz="1400" dirty="0"/>
              <a:t>It will eventually implant a computer chip, roughly the size of a large coin, into the human brain via a robot surgeon. </a:t>
            </a:r>
          </a:p>
          <a:p>
            <a:pPr marL="216000" indent="-216000">
              <a:buFont typeface="Wingdings" pitchFamily="2" charset="2"/>
              <a:buChar char="§"/>
            </a:pPr>
            <a:endParaRPr lang="en-US" sz="1400" dirty="0"/>
          </a:p>
          <a:p>
            <a:pPr marL="216000" indent="-216000">
              <a:buFont typeface="Wingdings" pitchFamily="2" charset="2"/>
              <a:buChar char="§"/>
            </a:pPr>
            <a:r>
              <a:rPr lang="en-US" sz="1400" dirty="0"/>
              <a:t>The chip, which </a:t>
            </a:r>
            <a:r>
              <a:rPr lang="en-US" sz="1400" dirty="0" err="1"/>
              <a:t>Neuralink</a:t>
            </a:r>
            <a:r>
              <a:rPr lang="en-US" sz="1400" dirty="0"/>
              <a:t> calls the “Link,” will wirelessly connect the brain to the digital world, starting by connecting to a smart phone.</a:t>
            </a:r>
          </a:p>
          <a:p>
            <a:pPr marL="216000" indent="-216000">
              <a:buFont typeface="Wingdings" pitchFamily="2" charset="2"/>
              <a:buChar char="§"/>
            </a:pPr>
            <a:endParaRPr lang="en-US" sz="1400" dirty="0"/>
          </a:p>
          <a:p>
            <a:pPr marL="216000" indent="-216000">
              <a:buFont typeface="Wingdings" pitchFamily="2" charset="2"/>
              <a:buChar char="§"/>
            </a:pPr>
            <a:r>
              <a:rPr lang="en-US" sz="1400" dirty="0"/>
              <a:t>The resulting computing power, according to Musk, will allow humans to be broadly competitive with rapidly developing AI.</a:t>
            </a:r>
          </a:p>
        </p:txBody>
      </p:sp>
      <p:sp>
        <p:nvSpPr>
          <p:cNvPr id="4" name="Rectangle 3">
            <a:extLst>
              <a:ext uri="{FF2B5EF4-FFF2-40B4-BE49-F238E27FC236}">
                <a16:creationId xmlns:a16="http://schemas.microsoft.com/office/drawing/2014/main" id="{F968ACC7-7948-6941-86CE-3AB705E5B47F}"/>
              </a:ext>
            </a:extLst>
          </p:cNvPr>
          <p:cNvSpPr/>
          <p:nvPr/>
        </p:nvSpPr>
        <p:spPr>
          <a:xfrm>
            <a:off x="626759" y="4737903"/>
            <a:ext cx="4572000" cy="276999"/>
          </a:xfrm>
          <a:prstGeom prst="rect">
            <a:avLst/>
          </a:prstGeom>
          <a:solidFill>
            <a:schemeClr val="bg1"/>
          </a:solidFill>
        </p:spPr>
        <p:txBody>
          <a:bodyPr>
            <a:spAutoFit/>
          </a:bodyPr>
          <a:lstStyle/>
          <a:p>
            <a:r>
              <a:rPr lang="en-US" sz="600" dirty="0">
                <a:hlinkClick r:id="rId2"/>
              </a:rPr>
              <a:t>https://www.cnbc.com/2020/12/05/elon-musks-neuralink-bold-ideas-hurdles.html</a:t>
            </a:r>
            <a:endParaRPr lang="en-US" sz="600" dirty="0"/>
          </a:p>
          <a:p>
            <a:endParaRPr lang="en-US" sz="600" dirty="0"/>
          </a:p>
        </p:txBody>
      </p:sp>
      <p:pic>
        <p:nvPicPr>
          <p:cNvPr id="5" name="Picture 4">
            <a:extLst>
              <a:ext uri="{FF2B5EF4-FFF2-40B4-BE49-F238E27FC236}">
                <a16:creationId xmlns:a16="http://schemas.microsoft.com/office/drawing/2014/main" id="{E782B9E0-BC33-234F-B191-DE9FA1AEF610}"/>
              </a:ext>
            </a:extLst>
          </p:cNvPr>
          <p:cNvPicPr>
            <a:picLocks noChangeAspect="1"/>
          </p:cNvPicPr>
          <p:nvPr/>
        </p:nvPicPr>
        <p:blipFill>
          <a:blip r:embed="rId3"/>
          <a:stretch>
            <a:fillRect/>
          </a:stretch>
        </p:blipFill>
        <p:spPr>
          <a:xfrm>
            <a:off x="5508104" y="1347614"/>
            <a:ext cx="2686581" cy="2016344"/>
          </a:xfrm>
          <a:prstGeom prst="rect">
            <a:avLst/>
          </a:prstGeom>
        </p:spPr>
      </p:pic>
      <p:pic>
        <p:nvPicPr>
          <p:cNvPr id="6" name="Picture 5">
            <a:extLst>
              <a:ext uri="{FF2B5EF4-FFF2-40B4-BE49-F238E27FC236}">
                <a16:creationId xmlns:a16="http://schemas.microsoft.com/office/drawing/2014/main" id="{FD68AC3B-B9D7-6D44-BD65-ED5EBA6AAA3F}"/>
              </a:ext>
            </a:extLst>
          </p:cNvPr>
          <p:cNvPicPr>
            <a:picLocks noChangeAspect="1"/>
          </p:cNvPicPr>
          <p:nvPr/>
        </p:nvPicPr>
        <p:blipFill>
          <a:blip r:embed="rId4"/>
          <a:stretch>
            <a:fillRect/>
          </a:stretch>
        </p:blipFill>
        <p:spPr>
          <a:xfrm>
            <a:off x="5523531" y="3435846"/>
            <a:ext cx="2671154" cy="690400"/>
          </a:xfrm>
          <a:prstGeom prst="rect">
            <a:avLst/>
          </a:prstGeom>
        </p:spPr>
      </p:pic>
    </p:spTree>
    <p:extLst>
      <p:ext uri="{BB962C8B-B14F-4D97-AF65-F5344CB8AC3E}">
        <p14:creationId xmlns:p14="http://schemas.microsoft.com/office/powerpoint/2010/main" val="366736064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29CF2B-F15F-5C47-8121-7D165BBBA2A6}"/>
              </a:ext>
            </a:extLst>
          </p:cNvPr>
          <p:cNvSpPr>
            <a:spLocks noGrp="1"/>
          </p:cNvSpPr>
          <p:nvPr>
            <p:ph type="title"/>
          </p:nvPr>
        </p:nvSpPr>
        <p:spPr/>
        <p:txBody>
          <a:bodyPr/>
          <a:lstStyle/>
          <a:p>
            <a:r>
              <a:rPr lang="en-US" dirty="0"/>
              <a:t>Artificial General Intelligence (AGI)</a:t>
            </a:r>
          </a:p>
        </p:txBody>
      </p:sp>
      <p:sp>
        <p:nvSpPr>
          <p:cNvPr id="3" name="Rectangle 2">
            <a:extLst>
              <a:ext uri="{FF2B5EF4-FFF2-40B4-BE49-F238E27FC236}">
                <a16:creationId xmlns:a16="http://schemas.microsoft.com/office/drawing/2014/main" id="{F9FA9973-BA4D-7A42-8475-55C19F3538B4}"/>
              </a:ext>
            </a:extLst>
          </p:cNvPr>
          <p:cNvSpPr/>
          <p:nvPr/>
        </p:nvSpPr>
        <p:spPr>
          <a:xfrm>
            <a:off x="611189" y="987574"/>
            <a:ext cx="7921624" cy="1815882"/>
          </a:xfrm>
          <a:prstGeom prst="rect">
            <a:avLst/>
          </a:prstGeom>
        </p:spPr>
        <p:txBody>
          <a:bodyPr wrap="square">
            <a:spAutoFit/>
          </a:bodyPr>
          <a:lstStyle/>
          <a:p>
            <a:pPr marL="285750" indent="-285750">
              <a:buFont typeface="Wingdings" pitchFamily="2" charset="2"/>
              <a:buChar char="§"/>
            </a:pPr>
            <a:r>
              <a:rPr lang="en-US" sz="1400" b="1" dirty="0">
                <a:solidFill>
                  <a:srgbClr val="D1026A"/>
                </a:solidFill>
              </a:rPr>
              <a:t>Narrow AI </a:t>
            </a:r>
            <a:r>
              <a:rPr lang="en-US" sz="1400" dirty="0"/>
              <a:t>is a specific type of artificial intelligence in which a technology outperforms humans in some very narrowly defined task (what we covered in this module)</a:t>
            </a:r>
          </a:p>
          <a:p>
            <a:pPr marL="285750" indent="-285750">
              <a:buFont typeface="Wingdings" pitchFamily="2" charset="2"/>
              <a:buChar char="§"/>
            </a:pPr>
            <a:endParaRPr lang="en-US" sz="1400" dirty="0"/>
          </a:p>
          <a:p>
            <a:pPr marL="285750" indent="-285750">
              <a:buFont typeface="Wingdings" pitchFamily="2" charset="2"/>
              <a:buChar char="§"/>
            </a:pPr>
            <a:r>
              <a:rPr lang="en-US" sz="1400" b="1" dirty="0">
                <a:solidFill>
                  <a:srgbClr val="D1026A"/>
                </a:solidFill>
              </a:rPr>
              <a:t>Artificial general intelligence (AGI), </a:t>
            </a:r>
            <a:r>
              <a:rPr lang="en-GB" sz="1400" dirty="0"/>
              <a:t>or “strong AI,” allows a machine to apply knowledge and skills in different contexts. This more closely mirrors human intelligence by providing opportunities for autonomous learning and problem-solving</a:t>
            </a:r>
            <a:r>
              <a:rPr lang="en-US" sz="1400" dirty="0"/>
              <a:t> </a:t>
            </a:r>
          </a:p>
        </p:txBody>
      </p:sp>
      <p:pic>
        <p:nvPicPr>
          <p:cNvPr id="4" name="Picture 4" descr="Understanding Artificial Intelligence | by Selecticalinfotech | Medium">
            <a:extLst>
              <a:ext uri="{FF2B5EF4-FFF2-40B4-BE49-F238E27FC236}">
                <a16:creationId xmlns:a16="http://schemas.microsoft.com/office/drawing/2014/main" id="{4B482B65-D323-A943-91BF-307D089CCAF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483768" y="2587088"/>
            <a:ext cx="4020157" cy="2072894"/>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8D6BC5CA-ACEC-8843-A6B4-8A90F26D4E47}"/>
              </a:ext>
            </a:extLst>
          </p:cNvPr>
          <p:cNvSpPr/>
          <p:nvPr/>
        </p:nvSpPr>
        <p:spPr>
          <a:xfrm>
            <a:off x="629816" y="4732338"/>
            <a:ext cx="3942184" cy="276999"/>
          </a:xfrm>
          <a:prstGeom prst="rect">
            <a:avLst/>
          </a:prstGeom>
          <a:solidFill>
            <a:schemeClr val="bg1"/>
          </a:solidFill>
        </p:spPr>
        <p:txBody>
          <a:bodyPr wrap="square">
            <a:spAutoFit/>
          </a:bodyPr>
          <a:lstStyle/>
          <a:p>
            <a:r>
              <a:rPr lang="en-US" sz="600" dirty="0">
                <a:hlinkClick r:id="rId3"/>
              </a:rPr>
              <a:t>https://medium.com/@selecticalinfotech/understanding-artificial-intelligence-3bdcde2993c3</a:t>
            </a:r>
            <a:endParaRPr lang="en-US" sz="600" dirty="0"/>
          </a:p>
          <a:p>
            <a:endParaRPr lang="en-US" sz="600" dirty="0"/>
          </a:p>
        </p:txBody>
      </p:sp>
    </p:spTree>
    <p:extLst>
      <p:ext uri="{BB962C8B-B14F-4D97-AF65-F5344CB8AC3E}">
        <p14:creationId xmlns:p14="http://schemas.microsoft.com/office/powerpoint/2010/main" val="205594934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8CC34-E4F5-0F48-B501-BE307A9E0B4B}"/>
              </a:ext>
            </a:extLst>
          </p:cNvPr>
          <p:cNvSpPr>
            <a:spLocks noGrp="1"/>
          </p:cNvSpPr>
          <p:nvPr>
            <p:ph type="title"/>
          </p:nvPr>
        </p:nvSpPr>
        <p:spPr/>
        <p:txBody>
          <a:bodyPr/>
          <a:lstStyle/>
          <a:p>
            <a:r>
              <a:rPr lang="en-US" dirty="0"/>
              <a:t>Superintelligence</a:t>
            </a:r>
          </a:p>
        </p:txBody>
      </p:sp>
      <p:sp>
        <p:nvSpPr>
          <p:cNvPr id="3" name="Rectangle 2">
            <a:extLst>
              <a:ext uri="{FF2B5EF4-FFF2-40B4-BE49-F238E27FC236}">
                <a16:creationId xmlns:a16="http://schemas.microsoft.com/office/drawing/2014/main" id="{5B4F0E72-4FC8-C44C-A10D-CDF7062081EC}"/>
              </a:ext>
            </a:extLst>
          </p:cNvPr>
          <p:cNvSpPr/>
          <p:nvPr/>
        </p:nvSpPr>
        <p:spPr>
          <a:xfrm>
            <a:off x="611560" y="1059582"/>
            <a:ext cx="5616624" cy="3539430"/>
          </a:xfrm>
          <a:prstGeom prst="rect">
            <a:avLst/>
          </a:prstGeom>
        </p:spPr>
        <p:txBody>
          <a:bodyPr wrap="square">
            <a:spAutoFit/>
          </a:bodyPr>
          <a:lstStyle/>
          <a:p>
            <a:pPr marL="285750" indent="-285750">
              <a:buFont typeface="Wingdings" pitchFamily="2" charset="2"/>
              <a:buChar char="§"/>
            </a:pPr>
            <a:r>
              <a:rPr lang="en-GB" sz="1400" dirty="0"/>
              <a:t>We don’t know exactly when developments in AI will translate into </a:t>
            </a:r>
            <a:r>
              <a:rPr lang="en-GB" sz="1400" b="1" dirty="0"/>
              <a:t>a machine that is generally intelligent </a:t>
            </a:r>
            <a:r>
              <a:rPr lang="en-GB" sz="1400" dirty="0"/>
              <a:t>— able to compete with, or surpass, humans in all mental tasks, from composing sonatas to planning a war. </a:t>
            </a:r>
          </a:p>
          <a:p>
            <a:pPr marL="285750" indent="-285750">
              <a:buFont typeface="Wingdings" pitchFamily="2" charset="2"/>
              <a:buChar char="§"/>
            </a:pPr>
            <a:endParaRPr lang="en-GB" sz="1400" dirty="0"/>
          </a:p>
          <a:p>
            <a:pPr marL="285750" indent="-285750">
              <a:buFont typeface="Wingdings" pitchFamily="2" charset="2"/>
              <a:buChar char="§"/>
            </a:pPr>
            <a:r>
              <a:rPr lang="en-GB" sz="1400" dirty="0"/>
              <a:t>But, fantastical as it seems, </a:t>
            </a:r>
            <a:r>
              <a:rPr lang="en-GB" sz="1400" b="1" dirty="0"/>
              <a:t>nothing in science seems to forbid the creation of such a machine</a:t>
            </a:r>
            <a:r>
              <a:rPr lang="en-GB" sz="1400" dirty="0"/>
              <a:t>. We know that blind evolutionary processes can produce human-level general intelligence, since they have already done so at least once. </a:t>
            </a:r>
          </a:p>
          <a:p>
            <a:pPr marL="285750" indent="-285750">
              <a:buFont typeface="Wingdings" pitchFamily="2" charset="2"/>
              <a:buChar char="§"/>
            </a:pPr>
            <a:endParaRPr lang="en-GB" sz="1400" dirty="0"/>
          </a:p>
          <a:p>
            <a:pPr marL="285750" indent="-285750">
              <a:buFont typeface="Wingdings" pitchFamily="2" charset="2"/>
              <a:buChar char="§"/>
            </a:pPr>
            <a:r>
              <a:rPr lang="en-GB" sz="1400" dirty="0"/>
              <a:t>In other words, unless you believe that there is something magical (as opposed to merely fiendishly complicated) about how the brain works, the existence of humans is proof, in principle at least, that </a:t>
            </a:r>
            <a:r>
              <a:rPr lang="en-GB" sz="1400" b="1" dirty="0"/>
              <a:t>intelligent machines can be built</a:t>
            </a:r>
            <a:r>
              <a:rPr lang="en-GB" sz="1400" dirty="0"/>
              <a:t>.</a:t>
            </a:r>
            <a:endParaRPr lang="en-US" sz="1400" dirty="0"/>
          </a:p>
        </p:txBody>
      </p:sp>
      <p:sp>
        <p:nvSpPr>
          <p:cNvPr id="4" name="Rectangle 3">
            <a:extLst>
              <a:ext uri="{FF2B5EF4-FFF2-40B4-BE49-F238E27FC236}">
                <a16:creationId xmlns:a16="http://schemas.microsoft.com/office/drawing/2014/main" id="{814AA6AF-1110-1D40-904F-C9BFD9142CAD}"/>
              </a:ext>
            </a:extLst>
          </p:cNvPr>
          <p:cNvSpPr/>
          <p:nvPr/>
        </p:nvSpPr>
        <p:spPr>
          <a:xfrm>
            <a:off x="614247" y="4732338"/>
            <a:ext cx="3384376" cy="276999"/>
          </a:xfrm>
          <a:prstGeom prst="rect">
            <a:avLst/>
          </a:prstGeom>
          <a:solidFill>
            <a:schemeClr val="bg1"/>
          </a:solidFill>
        </p:spPr>
        <p:txBody>
          <a:bodyPr wrap="square">
            <a:spAutoFit/>
          </a:bodyPr>
          <a:lstStyle/>
          <a:p>
            <a:r>
              <a:rPr lang="en-US" sz="600" dirty="0">
                <a:hlinkClick r:id="rId2"/>
              </a:rPr>
              <a:t>https://www.economist.com/books-and-arts/2014/08/09/clever-cogs</a:t>
            </a:r>
            <a:endParaRPr lang="en-US" sz="600" dirty="0"/>
          </a:p>
          <a:p>
            <a:endParaRPr lang="en-US" sz="600" dirty="0"/>
          </a:p>
        </p:txBody>
      </p:sp>
      <p:pic>
        <p:nvPicPr>
          <p:cNvPr id="5" name="Picture 2" descr="Superintelligence: Paths, Dangers, Strategies">
            <a:extLst>
              <a:ext uri="{FF2B5EF4-FFF2-40B4-BE49-F238E27FC236}">
                <a16:creationId xmlns:a16="http://schemas.microsoft.com/office/drawing/2014/main" id="{FFB2E3A7-CF1A-A645-B1A7-F370B179C7B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r="25544"/>
          <a:stretch/>
        </p:blipFill>
        <p:spPr bwMode="auto">
          <a:xfrm>
            <a:off x="6228184" y="1047652"/>
            <a:ext cx="2304629" cy="3652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62812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2792AD-E940-244A-B474-649342A96E98}"/>
              </a:ext>
            </a:extLst>
          </p:cNvPr>
          <p:cNvSpPr>
            <a:spLocks noGrp="1"/>
          </p:cNvSpPr>
          <p:nvPr>
            <p:ph type="title"/>
          </p:nvPr>
        </p:nvSpPr>
        <p:spPr/>
        <p:txBody>
          <a:bodyPr/>
          <a:lstStyle/>
          <a:p>
            <a:r>
              <a:rPr lang="en-US" dirty="0"/>
              <a:t>How Will Human Level AI Emerge?</a:t>
            </a:r>
          </a:p>
        </p:txBody>
      </p:sp>
      <p:pic>
        <p:nvPicPr>
          <p:cNvPr id="3" name="Picture 2">
            <a:extLst>
              <a:ext uri="{FF2B5EF4-FFF2-40B4-BE49-F238E27FC236}">
                <a16:creationId xmlns:a16="http://schemas.microsoft.com/office/drawing/2014/main" id="{604D9CC3-D93A-AE4B-AD4C-5DFF29C52C94}"/>
              </a:ext>
            </a:extLst>
          </p:cNvPr>
          <p:cNvPicPr>
            <a:picLocks noChangeAspect="1"/>
          </p:cNvPicPr>
          <p:nvPr/>
        </p:nvPicPr>
        <p:blipFill rotWithShape="1">
          <a:blip r:embed="rId2"/>
          <a:srcRect l="3737" b="68556"/>
          <a:stretch/>
        </p:blipFill>
        <p:spPr>
          <a:xfrm>
            <a:off x="611188" y="1347614"/>
            <a:ext cx="2911678" cy="968834"/>
          </a:xfrm>
          <a:prstGeom prst="rect">
            <a:avLst/>
          </a:prstGeom>
          <a:ln>
            <a:noFill/>
          </a:ln>
          <a:effectLst>
            <a:outerShdw blurRad="292100" dist="139700" dir="2700000" algn="tl" rotWithShape="0">
              <a:srgbClr val="333333">
                <a:alpha val="65000"/>
              </a:srgbClr>
            </a:outerShdw>
          </a:effectLst>
        </p:spPr>
      </p:pic>
      <p:pic>
        <p:nvPicPr>
          <p:cNvPr id="4" name="Picture 3">
            <a:extLst>
              <a:ext uri="{FF2B5EF4-FFF2-40B4-BE49-F238E27FC236}">
                <a16:creationId xmlns:a16="http://schemas.microsoft.com/office/drawing/2014/main" id="{7EF5CAB1-BA23-DD40-AD24-257A07598065}"/>
              </a:ext>
            </a:extLst>
          </p:cNvPr>
          <p:cNvPicPr>
            <a:picLocks noChangeAspect="1"/>
          </p:cNvPicPr>
          <p:nvPr/>
        </p:nvPicPr>
        <p:blipFill rotWithShape="1">
          <a:blip r:embed="rId2"/>
          <a:srcRect l="19637" t="42416" r="5302" b="11234"/>
          <a:stretch/>
        </p:blipFill>
        <p:spPr>
          <a:xfrm>
            <a:off x="4067943" y="1347614"/>
            <a:ext cx="4693445" cy="2952328"/>
          </a:xfrm>
          <a:prstGeom prst="rect">
            <a:avLst/>
          </a:prstGeom>
        </p:spPr>
      </p:pic>
      <p:sp>
        <p:nvSpPr>
          <p:cNvPr id="11" name="Right Arrow 10">
            <a:extLst>
              <a:ext uri="{FF2B5EF4-FFF2-40B4-BE49-F238E27FC236}">
                <a16:creationId xmlns:a16="http://schemas.microsoft.com/office/drawing/2014/main" id="{CD70DB5D-E139-1B40-BED8-33837EF151FD}"/>
              </a:ext>
            </a:extLst>
          </p:cNvPr>
          <p:cNvSpPr/>
          <p:nvPr/>
        </p:nvSpPr>
        <p:spPr>
          <a:xfrm>
            <a:off x="3751439" y="1652011"/>
            <a:ext cx="288032" cy="360040"/>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6836565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6E270A-0427-9941-B5E9-4CB21E40E121}"/>
              </a:ext>
            </a:extLst>
          </p:cNvPr>
          <p:cNvSpPr>
            <a:spLocks noGrp="1"/>
          </p:cNvSpPr>
          <p:nvPr>
            <p:ph type="title"/>
          </p:nvPr>
        </p:nvSpPr>
        <p:spPr/>
        <p:txBody>
          <a:bodyPr/>
          <a:lstStyle/>
          <a:p>
            <a:r>
              <a:rPr lang="en-US" dirty="0"/>
              <a:t>The Singularity</a:t>
            </a:r>
          </a:p>
        </p:txBody>
      </p:sp>
      <p:pic>
        <p:nvPicPr>
          <p:cNvPr id="3" name="Picture 2" descr="Futurist Ray Kurzweil Pulls Out All the Stops (and Pills) to Live to  Witness the Singularity | WIRED">
            <a:extLst>
              <a:ext uri="{FF2B5EF4-FFF2-40B4-BE49-F238E27FC236}">
                <a16:creationId xmlns:a16="http://schemas.microsoft.com/office/drawing/2014/main" id="{FA5CDD18-F466-9443-86CC-96B4423D45E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68162" y="1493628"/>
            <a:ext cx="1268270" cy="1900646"/>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CD6D257E-A1AE-0D43-8146-0A87557556B2}"/>
              </a:ext>
            </a:extLst>
          </p:cNvPr>
          <p:cNvSpPr txBox="1"/>
          <p:nvPr/>
        </p:nvSpPr>
        <p:spPr>
          <a:xfrm>
            <a:off x="1129564" y="3633286"/>
            <a:ext cx="6846273" cy="738664"/>
          </a:xfrm>
          <a:prstGeom prst="rect">
            <a:avLst/>
          </a:prstGeom>
          <a:noFill/>
        </p:spPr>
        <p:txBody>
          <a:bodyPr wrap="square" rtlCol="0">
            <a:spAutoFit/>
          </a:bodyPr>
          <a:lstStyle/>
          <a:p>
            <a:r>
              <a:rPr lang="en-US" sz="1400" dirty="0"/>
              <a:t>Ray Kurzweil, a Director of Engineering at Google and pioneer of concepts related to the AI Singularity, forecasts that computers will have human level intelligence by 2029</a:t>
            </a:r>
          </a:p>
        </p:txBody>
      </p:sp>
      <p:pic>
        <p:nvPicPr>
          <p:cNvPr id="5" name="Picture 8" descr="The cross-over point of human and artificial intelligence, the... |  Download Scientific Diagram">
            <a:extLst>
              <a:ext uri="{FF2B5EF4-FFF2-40B4-BE49-F238E27FC236}">
                <a16:creationId xmlns:a16="http://schemas.microsoft.com/office/drawing/2014/main" id="{464C6C39-A774-AB48-B89F-F4973DDEAAC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987824" y="1493628"/>
            <a:ext cx="4988014" cy="190264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8785787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DC4480-3E1E-3F4D-BF8D-40C8E0EDDAFD}"/>
              </a:ext>
            </a:extLst>
          </p:cNvPr>
          <p:cNvSpPr>
            <a:spLocks noGrp="1"/>
          </p:cNvSpPr>
          <p:nvPr>
            <p:ph type="title"/>
          </p:nvPr>
        </p:nvSpPr>
        <p:spPr/>
        <p:txBody>
          <a:bodyPr/>
          <a:lstStyle/>
          <a:p>
            <a:r>
              <a:rPr lang="en-US" dirty="0"/>
              <a:t>What are the implications of AGI?</a:t>
            </a:r>
          </a:p>
        </p:txBody>
      </p:sp>
      <p:pic>
        <p:nvPicPr>
          <p:cNvPr id="3" name="Picture 2">
            <a:extLst>
              <a:ext uri="{FF2B5EF4-FFF2-40B4-BE49-F238E27FC236}">
                <a16:creationId xmlns:a16="http://schemas.microsoft.com/office/drawing/2014/main" id="{158870DE-DA01-944B-B8CB-AD35418AA437}"/>
              </a:ext>
            </a:extLst>
          </p:cNvPr>
          <p:cNvPicPr>
            <a:picLocks noChangeAspect="1"/>
          </p:cNvPicPr>
          <p:nvPr/>
        </p:nvPicPr>
        <p:blipFill>
          <a:blip r:embed="rId2"/>
          <a:stretch>
            <a:fillRect/>
          </a:stretch>
        </p:blipFill>
        <p:spPr>
          <a:xfrm>
            <a:off x="620290" y="1131889"/>
            <a:ext cx="4096174" cy="823386"/>
          </a:xfrm>
          <a:prstGeom prst="rect">
            <a:avLst/>
          </a:prstGeom>
        </p:spPr>
      </p:pic>
      <p:pic>
        <p:nvPicPr>
          <p:cNvPr id="4" name="Picture 3">
            <a:extLst>
              <a:ext uri="{FF2B5EF4-FFF2-40B4-BE49-F238E27FC236}">
                <a16:creationId xmlns:a16="http://schemas.microsoft.com/office/drawing/2014/main" id="{656CCD87-4AB0-954D-9282-319E14F836F6}"/>
              </a:ext>
            </a:extLst>
          </p:cNvPr>
          <p:cNvPicPr>
            <a:picLocks noChangeAspect="1"/>
          </p:cNvPicPr>
          <p:nvPr/>
        </p:nvPicPr>
        <p:blipFill rotWithShape="1">
          <a:blip r:embed="rId3"/>
          <a:srcRect b="93399"/>
          <a:stretch/>
        </p:blipFill>
        <p:spPr>
          <a:xfrm>
            <a:off x="5580038" y="1806540"/>
            <a:ext cx="2664777" cy="339502"/>
          </a:xfrm>
          <a:prstGeom prst="rect">
            <a:avLst/>
          </a:prstGeom>
        </p:spPr>
      </p:pic>
      <p:pic>
        <p:nvPicPr>
          <p:cNvPr id="5" name="Picture 4">
            <a:extLst>
              <a:ext uri="{FF2B5EF4-FFF2-40B4-BE49-F238E27FC236}">
                <a16:creationId xmlns:a16="http://schemas.microsoft.com/office/drawing/2014/main" id="{03D180D1-6FEF-4D44-BAF2-784A293B9377}"/>
              </a:ext>
            </a:extLst>
          </p:cNvPr>
          <p:cNvPicPr>
            <a:picLocks noChangeAspect="1"/>
          </p:cNvPicPr>
          <p:nvPr/>
        </p:nvPicPr>
        <p:blipFill>
          <a:blip r:embed="rId4"/>
          <a:stretch>
            <a:fillRect/>
          </a:stretch>
        </p:blipFill>
        <p:spPr>
          <a:xfrm>
            <a:off x="5580038" y="1131888"/>
            <a:ext cx="2808312" cy="628503"/>
          </a:xfrm>
          <a:prstGeom prst="rect">
            <a:avLst/>
          </a:prstGeom>
        </p:spPr>
      </p:pic>
      <p:pic>
        <p:nvPicPr>
          <p:cNvPr id="6" name="Picture 5">
            <a:extLst>
              <a:ext uri="{FF2B5EF4-FFF2-40B4-BE49-F238E27FC236}">
                <a16:creationId xmlns:a16="http://schemas.microsoft.com/office/drawing/2014/main" id="{2379CAA0-6C57-6840-9375-4933A158887F}"/>
              </a:ext>
            </a:extLst>
          </p:cNvPr>
          <p:cNvPicPr>
            <a:picLocks noChangeAspect="1"/>
          </p:cNvPicPr>
          <p:nvPr/>
        </p:nvPicPr>
        <p:blipFill rotWithShape="1">
          <a:blip r:embed="rId3"/>
          <a:srcRect t="8286" b="43993"/>
          <a:stretch/>
        </p:blipFill>
        <p:spPr>
          <a:xfrm>
            <a:off x="1043608" y="2061960"/>
            <a:ext cx="2664777" cy="2454478"/>
          </a:xfrm>
          <a:prstGeom prst="rect">
            <a:avLst/>
          </a:prstGeom>
        </p:spPr>
      </p:pic>
      <p:pic>
        <p:nvPicPr>
          <p:cNvPr id="7" name="Picture 6">
            <a:extLst>
              <a:ext uri="{FF2B5EF4-FFF2-40B4-BE49-F238E27FC236}">
                <a16:creationId xmlns:a16="http://schemas.microsoft.com/office/drawing/2014/main" id="{E69B7CBC-745D-6E48-A427-849ECF80B9B9}"/>
              </a:ext>
            </a:extLst>
          </p:cNvPr>
          <p:cNvPicPr>
            <a:picLocks noChangeAspect="1"/>
          </p:cNvPicPr>
          <p:nvPr/>
        </p:nvPicPr>
        <p:blipFill rotWithShape="1">
          <a:blip r:embed="rId3"/>
          <a:srcRect t="58237" b="23113"/>
          <a:stretch/>
        </p:blipFill>
        <p:spPr>
          <a:xfrm>
            <a:off x="5580038" y="2350327"/>
            <a:ext cx="3024336" cy="1088700"/>
          </a:xfrm>
          <a:prstGeom prst="rect">
            <a:avLst/>
          </a:prstGeom>
        </p:spPr>
      </p:pic>
      <p:pic>
        <p:nvPicPr>
          <p:cNvPr id="8" name="Picture 7">
            <a:extLst>
              <a:ext uri="{FF2B5EF4-FFF2-40B4-BE49-F238E27FC236}">
                <a16:creationId xmlns:a16="http://schemas.microsoft.com/office/drawing/2014/main" id="{1DD5D7C5-B20C-274B-9256-84EF48384915}"/>
              </a:ext>
            </a:extLst>
          </p:cNvPr>
          <p:cNvPicPr>
            <a:picLocks noChangeAspect="1"/>
          </p:cNvPicPr>
          <p:nvPr/>
        </p:nvPicPr>
        <p:blipFill rotWithShape="1">
          <a:blip r:embed="rId3"/>
          <a:srcRect t="85043"/>
          <a:stretch/>
        </p:blipFill>
        <p:spPr>
          <a:xfrm>
            <a:off x="5580038" y="3643312"/>
            <a:ext cx="3024336" cy="873126"/>
          </a:xfrm>
          <a:prstGeom prst="rect">
            <a:avLst/>
          </a:prstGeom>
        </p:spPr>
      </p:pic>
      <p:sp>
        <p:nvSpPr>
          <p:cNvPr id="9" name="Rectangle 8">
            <a:extLst>
              <a:ext uri="{FF2B5EF4-FFF2-40B4-BE49-F238E27FC236}">
                <a16:creationId xmlns:a16="http://schemas.microsoft.com/office/drawing/2014/main" id="{FA608FD6-0FA7-AB42-B605-24FE10F046D8}"/>
              </a:ext>
            </a:extLst>
          </p:cNvPr>
          <p:cNvSpPr/>
          <p:nvPr/>
        </p:nvSpPr>
        <p:spPr>
          <a:xfrm>
            <a:off x="620290" y="4732338"/>
            <a:ext cx="6111950" cy="276999"/>
          </a:xfrm>
          <a:prstGeom prst="rect">
            <a:avLst/>
          </a:prstGeom>
          <a:solidFill>
            <a:schemeClr val="bg1"/>
          </a:solidFill>
        </p:spPr>
        <p:txBody>
          <a:bodyPr wrap="square">
            <a:spAutoFit/>
          </a:bodyPr>
          <a:lstStyle/>
          <a:p>
            <a:r>
              <a:rPr lang="en-US" sz="600" dirty="0">
                <a:hlinkClick r:id="rId5"/>
              </a:rPr>
              <a:t>https://www.theguardian.com/books/2021/nov/29/the-big-idea-should-we-worry-about-artificial-intelligence?CMP=Share_iOSApp_Other</a:t>
            </a:r>
            <a:endParaRPr lang="en-US" sz="600" dirty="0"/>
          </a:p>
          <a:p>
            <a:endParaRPr lang="en-US" sz="600" dirty="0"/>
          </a:p>
        </p:txBody>
      </p:sp>
    </p:spTree>
    <p:extLst>
      <p:ext uri="{BB962C8B-B14F-4D97-AF65-F5344CB8AC3E}">
        <p14:creationId xmlns:p14="http://schemas.microsoft.com/office/powerpoint/2010/main" val="274463403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033D76-9073-B044-AC41-0251179E69BA}"/>
              </a:ext>
            </a:extLst>
          </p:cNvPr>
          <p:cNvSpPr>
            <a:spLocks noGrp="1"/>
          </p:cNvSpPr>
          <p:nvPr>
            <p:ph type="title"/>
          </p:nvPr>
        </p:nvSpPr>
        <p:spPr/>
        <p:txBody>
          <a:bodyPr/>
          <a:lstStyle/>
          <a:p>
            <a:r>
              <a:rPr lang="en-US" dirty="0"/>
              <a:t>Thinking way into the Future!</a:t>
            </a:r>
          </a:p>
        </p:txBody>
      </p:sp>
      <p:pic>
        <p:nvPicPr>
          <p:cNvPr id="3" name="Picture 2">
            <a:extLst>
              <a:ext uri="{FF2B5EF4-FFF2-40B4-BE49-F238E27FC236}">
                <a16:creationId xmlns:a16="http://schemas.microsoft.com/office/drawing/2014/main" id="{DB58AAF1-57D9-AA4B-8CEF-01119107E413}"/>
              </a:ext>
            </a:extLst>
          </p:cNvPr>
          <p:cNvPicPr>
            <a:picLocks noChangeAspect="1"/>
          </p:cNvPicPr>
          <p:nvPr/>
        </p:nvPicPr>
        <p:blipFill rotWithShape="1">
          <a:blip r:embed="rId3"/>
          <a:srcRect l="12598" t="10800" r="12476"/>
          <a:stretch/>
        </p:blipFill>
        <p:spPr>
          <a:xfrm>
            <a:off x="5940152" y="0"/>
            <a:ext cx="3240360" cy="5143500"/>
          </a:xfrm>
          <a:prstGeom prst="rect">
            <a:avLst/>
          </a:prstGeom>
        </p:spPr>
      </p:pic>
      <p:sp>
        <p:nvSpPr>
          <p:cNvPr id="4" name="Rectangle 3">
            <a:extLst>
              <a:ext uri="{FF2B5EF4-FFF2-40B4-BE49-F238E27FC236}">
                <a16:creationId xmlns:a16="http://schemas.microsoft.com/office/drawing/2014/main" id="{80FBA0D1-4AD3-CA4A-9430-810614026195}"/>
              </a:ext>
            </a:extLst>
          </p:cNvPr>
          <p:cNvSpPr/>
          <p:nvPr/>
        </p:nvSpPr>
        <p:spPr>
          <a:xfrm>
            <a:off x="610282" y="4732338"/>
            <a:ext cx="4033726" cy="276999"/>
          </a:xfrm>
          <a:prstGeom prst="rect">
            <a:avLst/>
          </a:prstGeom>
          <a:solidFill>
            <a:schemeClr val="bg1"/>
          </a:solidFill>
        </p:spPr>
        <p:txBody>
          <a:bodyPr wrap="square">
            <a:spAutoFit/>
          </a:bodyPr>
          <a:lstStyle/>
          <a:p>
            <a:r>
              <a:rPr lang="en-US" sz="600" dirty="0">
                <a:hlinkClick r:id="rId4"/>
              </a:rPr>
              <a:t>https://www.reddit.com/r/movies/comments/c0nkqt/oca_selective_timeline_of_famous_dystopias/</a:t>
            </a:r>
            <a:endParaRPr lang="en-US" sz="600" dirty="0"/>
          </a:p>
          <a:p>
            <a:endParaRPr lang="en-US" sz="600" dirty="0"/>
          </a:p>
        </p:txBody>
      </p:sp>
      <p:sp>
        <p:nvSpPr>
          <p:cNvPr id="5" name="Rectangle 4">
            <a:extLst>
              <a:ext uri="{FF2B5EF4-FFF2-40B4-BE49-F238E27FC236}">
                <a16:creationId xmlns:a16="http://schemas.microsoft.com/office/drawing/2014/main" id="{E1F5E55B-A6D1-BB47-A686-663043BFFB83}"/>
              </a:ext>
            </a:extLst>
          </p:cNvPr>
          <p:cNvSpPr/>
          <p:nvPr/>
        </p:nvSpPr>
        <p:spPr>
          <a:xfrm>
            <a:off x="749786" y="1131888"/>
            <a:ext cx="4302224" cy="2677656"/>
          </a:xfrm>
          <a:prstGeom prst="rect">
            <a:avLst/>
          </a:prstGeom>
        </p:spPr>
        <p:txBody>
          <a:bodyPr wrap="square">
            <a:spAutoFit/>
          </a:bodyPr>
          <a:lstStyle/>
          <a:p>
            <a:pPr marL="216000" indent="-216000">
              <a:buFont typeface="Wingdings" pitchFamily="2" charset="2"/>
              <a:buChar char="§"/>
            </a:pPr>
            <a:r>
              <a:rPr lang="en-US" sz="1400" dirty="0"/>
              <a:t>Humans are always thinking about what the far future will look like</a:t>
            </a:r>
          </a:p>
          <a:p>
            <a:pPr marL="216000" indent="-216000">
              <a:buFont typeface="Wingdings" pitchFamily="2" charset="2"/>
              <a:buChar char="§"/>
            </a:pPr>
            <a:endParaRPr lang="en-US" sz="1400" dirty="0"/>
          </a:p>
          <a:p>
            <a:pPr marL="216000" indent="-216000">
              <a:buFont typeface="Wingdings" pitchFamily="2" charset="2"/>
              <a:buChar char="§"/>
            </a:pPr>
            <a:r>
              <a:rPr lang="en-US" sz="1400" dirty="0"/>
              <a:t>This is reflected in our culture, in literature, art, film and even music</a:t>
            </a:r>
          </a:p>
          <a:p>
            <a:pPr marL="216000" indent="-216000">
              <a:buFont typeface="Wingdings" pitchFamily="2" charset="2"/>
              <a:buChar char="§"/>
            </a:pPr>
            <a:endParaRPr lang="en-US" sz="1400" dirty="0"/>
          </a:p>
          <a:p>
            <a:pPr marL="216000" indent="-216000">
              <a:buFont typeface="Wingdings" pitchFamily="2" charset="2"/>
              <a:buChar char="§"/>
            </a:pPr>
            <a:r>
              <a:rPr lang="en-US" sz="1400" dirty="0"/>
              <a:t>Specific to AI and Machine Learning, there are many films which imagine a future world where machines have intelligence</a:t>
            </a:r>
          </a:p>
          <a:p>
            <a:pPr marL="216000" indent="-216000">
              <a:buFont typeface="Wingdings" pitchFamily="2" charset="2"/>
              <a:buChar char="§"/>
            </a:pPr>
            <a:endParaRPr lang="en-US" sz="1400" dirty="0"/>
          </a:p>
          <a:p>
            <a:pPr marL="216000" indent="-216000">
              <a:buFont typeface="Wingdings" pitchFamily="2" charset="2"/>
              <a:buChar char="§"/>
            </a:pPr>
            <a:r>
              <a:rPr lang="en-US" sz="1400" dirty="0"/>
              <a:t>Have you watched any of these? What do you think the future holds?</a:t>
            </a:r>
          </a:p>
        </p:txBody>
      </p:sp>
    </p:spTree>
    <p:extLst>
      <p:ext uri="{BB962C8B-B14F-4D97-AF65-F5344CB8AC3E}">
        <p14:creationId xmlns:p14="http://schemas.microsoft.com/office/powerpoint/2010/main" val="312619984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4A2092-BDCB-FA49-BDF6-A76D36F47B94}"/>
              </a:ext>
            </a:extLst>
          </p:cNvPr>
          <p:cNvSpPr>
            <a:spLocks noGrp="1"/>
          </p:cNvSpPr>
          <p:nvPr>
            <p:ph type="title"/>
          </p:nvPr>
        </p:nvSpPr>
        <p:spPr>
          <a:xfrm>
            <a:off x="611189" y="267097"/>
            <a:ext cx="4248844" cy="648891"/>
          </a:xfrm>
        </p:spPr>
        <p:txBody>
          <a:bodyPr/>
          <a:lstStyle/>
          <a:p>
            <a:r>
              <a:rPr lang="en-US" dirty="0"/>
              <a:t>A More Realistic Look at the Future of AI/ML</a:t>
            </a:r>
          </a:p>
        </p:txBody>
      </p:sp>
      <p:pic>
        <p:nvPicPr>
          <p:cNvPr id="4" name="Picture 3">
            <a:extLst>
              <a:ext uri="{FF2B5EF4-FFF2-40B4-BE49-F238E27FC236}">
                <a16:creationId xmlns:a16="http://schemas.microsoft.com/office/drawing/2014/main" id="{7D7ECC9F-4F51-E440-AF36-3ABC407A04A0}"/>
              </a:ext>
            </a:extLst>
          </p:cNvPr>
          <p:cNvPicPr>
            <a:picLocks noChangeAspect="1"/>
          </p:cNvPicPr>
          <p:nvPr/>
        </p:nvPicPr>
        <p:blipFill>
          <a:blip r:embed="rId2"/>
          <a:stretch>
            <a:fillRect/>
          </a:stretch>
        </p:blipFill>
        <p:spPr>
          <a:xfrm>
            <a:off x="1043608" y="2562272"/>
            <a:ext cx="4392488" cy="1953694"/>
          </a:xfrm>
          <a:prstGeom prst="rect">
            <a:avLst/>
          </a:prstGeom>
        </p:spPr>
      </p:pic>
      <p:pic>
        <p:nvPicPr>
          <p:cNvPr id="5" name="Picture 4">
            <a:extLst>
              <a:ext uri="{FF2B5EF4-FFF2-40B4-BE49-F238E27FC236}">
                <a16:creationId xmlns:a16="http://schemas.microsoft.com/office/drawing/2014/main" id="{3DC4AA83-DF09-A04E-A507-3B4B7ADB9D00}"/>
              </a:ext>
            </a:extLst>
          </p:cNvPr>
          <p:cNvPicPr>
            <a:picLocks noChangeAspect="1"/>
          </p:cNvPicPr>
          <p:nvPr/>
        </p:nvPicPr>
        <p:blipFill>
          <a:blip r:embed="rId3"/>
          <a:stretch>
            <a:fillRect/>
          </a:stretch>
        </p:blipFill>
        <p:spPr>
          <a:xfrm>
            <a:off x="5932499" y="0"/>
            <a:ext cx="3211501" cy="5143500"/>
          </a:xfrm>
          <a:prstGeom prst="rect">
            <a:avLst/>
          </a:prstGeom>
        </p:spPr>
      </p:pic>
      <p:pic>
        <p:nvPicPr>
          <p:cNvPr id="6" name="Picture 5">
            <a:extLst>
              <a:ext uri="{FF2B5EF4-FFF2-40B4-BE49-F238E27FC236}">
                <a16:creationId xmlns:a16="http://schemas.microsoft.com/office/drawing/2014/main" id="{638EF813-A59E-0A4A-9F5F-9DF290D84199}"/>
              </a:ext>
            </a:extLst>
          </p:cNvPr>
          <p:cNvPicPr>
            <a:picLocks noChangeAspect="1"/>
          </p:cNvPicPr>
          <p:nvPr/>
        </p:nvPicPr>
        <p:blipFill>
          <a:blip r:embed="rId4"/>
          <a:stretch>
            <a:fillRect/>
          </a:stretch>
        </p:blipFill>
        <p:spPr>
          <a:xfrm>
            <a:off x="622900" y="1131888"/>
            <a:ext cx="3949100" cy="802055"/>
          </a:xfrm>
          <a:prstGeom prst="rect">
            <a:avLst/>
          </a:prstGeom>
        </p:spPr>
      </p:pic>
      <p:pic>
        <p:nvPicPr>
          <p:cNvPr id="7" name="Picture 6">
            <a:extLst>
              <a:ext uri="{FF2B5EF4-FFF2-40B4-BE49-F238E27FC236}">
                <a16:creationId xmlns:a16="http://schemas.microsoft.com/office/drawing/2014/main" id="{CAB5D456-B884-0D4D-8D31-5A9A63B25E7F}"/>
              </a:ext>
            </a:extLst>
          </p:cNvPr>
          <p:cNvPicPr>
            <a:picLocks noChangeAspect="1"/>
          </p:cNvPicPr>
          <p:nvPr/>
        </p:nvPicPr>
        <p:blipFill>
          <a:blip r:embed="rId5"/>
          <a:stretch>
            <a:fillRect/>
          </a:stretch>
        </p:blipFill>
        <p:spPr>
          <a:xfrm>
            <a:off x="1043608" y="2380136"/>
            <a:ext cx="1607292" cy="162764"/>
          </a:xfrm>
          <a:prstGeom prst="rect">
            <a:avLst/>
          </a:prstGeom>
        </p:spPr>
      </p:pic>
      <p:sp>
        <p:nvSpPr>
          <p:cNvPr id="3" name="Rectangle 2">
            <a:extLst>
              <a:ext uri="{FF2B5EF4-FFF2-40B4-BE49-F238E27FC236}">
                <a16:creationId xmlns:a16="http://schemas.microsoft.com/office/drawing/2014/main" id="{208E292A-CBD9-954A-9AE3-FF341720D797}"/>
              </a:ext>
            </a:extLst>
          </p:cNvPr>
          <p:cNvSpPr/>
          <p:nvPr/>
        </p:nvSpPr>
        <p:spPr>
          <a:xfrm>
            <a:off x="630436" y="4737903"/>
            <a:ext cx="4572000" cy="276999"/>
          </a:xfrm>
          <a:prstGeom prst="rect">
            <a:avLst/>
          </a:prstGeom>
          <a:solidFill>
            <a:schemeClr val="bg1"/>
          </a:solidFill>
        </p:spPr>
        <p:txBody>
          <a:bodyPr>
            <a:spAutoFit/>
          </a:bodyPr>
          <a:lstStyle/>
          <a:p>
            <a:r>
              <a:rPr lang="en-US" sz="600" dirty="0">
                <a:hlinkClick r:id="rId6"/>
              </a:rPr>
              <a:t>https://www3.weforum.org/docs/WEF_Positive_AI_Economic_Futures_2021.pdf</a:t>
            </a:r>
            <a:endParaRPr lang="en-US" sz="600" dirty="0"/>
          </a:p>
          <a:p>
            <a:endParaRPr lang="en-US" sz="600" dirty="0"/>
          </a:p>
        </p:txBody>
      </p:sp>
    </p:spTree>
    <p:extLst>
      <p:ext uri="{BB962C8B-B14F-4D97-AF65-F5344CB8AC3E}">
        <p14:creationId xmlns:p14="http://schemas.microsoft.com/office/powerpoint/2010/main" val="34355197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Language Synthesis</a:t>
            </a:r>
          </a:p>
        </p:txBody>
      </p:sp>
      <p:pic>
        <p:nvPicPr>
          <p:cNvPr id="7" name="Picture 2" descr="Image">
            <a:extLst>
              <a:ext uri="{FF2B5EF4-FFF2-40B4-BE49-F238E27FC236}">
                <a16:creationId xmlns:a16="http://schemas.microsoft.com/office/drawing/2014/main" id="{93F52461-F6C2-55A4-DD3B-2C19A6A63CC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6078" y="1059582"/>
            <a:ext cx="4397646" cy="3948012"/>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kate on Twitter: &quot;Time it took to reach 1 million users: Netflix - 3.5  years Facebook - 10 months Spotify - 5 months Instagram - 2.5 months ChatGPT  - 5 days&quot; / Twitter">
            <a:extLst>
              <a:ext uri="{FF2B5EF4-FFF2-40B4-BE49-F238E27FC236}">
                <a16:creationId xmlns:a16="http://schemas.microsoft.com/office/drawing/2014/main" id="{79A339EF-E24E-FA4C-60EE-F1C7BB20A70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242612" y="1250044"/>
            <a:ext cx="3482294" cy="3482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0420793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0C4649-222C-0943-8978-4267CD46F87F}"/>
              </a:ext>
            </a:extLst>
          </p:cNvPr>
          <p:cNvSpPr>
            <a:spLocks noGrp="1"/>
          </p:cNvSpPr>
          <p:nvPr>
            <p:ph type="title"/>
          </p:nvPr>
        </p:nvSpPr>
        <p:spPr/>
        <p:txBody>
          <a:bodyPr/>
          <a:lstStyle/>
          <a:p>
            <a:r>
              <a:rPr lang="en-US" dirty="0"/>
              <a:t>Recap of Today’s Lecture</a:t>
            </a:r>
          </a:p>
        </p:txBody>
      </p:sp>
      <p:sp>
        <p:nvSpPr>
          <p:cNvPr id="6" name="TextBox 5">
            <a:extLst>
              <a:ext uri="{FF2B5EF4-FFF2-40B4-BE49-F238E27FC236}">
                <a16:creationId xmlns:a16="http://schemas.microsoft.com/office/drawing/2014/main" id="{F0550A49-5C1E-CF4F-AB84-94B0D317CD82}"/>
              </a:ext>
            </a:extLst>
          </p:cNvPr>
          <p:cNvSpPr txBox="1"/>
          <p:nvPr/>
        </p:nvSpPr>
        <p:spPr>
          <a:xfrm>
            <a:off x="611187" y="1131888"/>
            <a:ext cx="4105275" cy="1169551"/>
          </a:xfrm>
          <a:prstGeom prst="rect">
            <a:avLst/>
          </a:prstGeom>
          <a:noFill/>
        </p:spPr>
        <p:txBody>
          <a:bodyPr wrap="square" rtlCol="0">
            <a:spAutoFit/>
          </a:bodyPr>
          <a:lstStyle/>
          <a:p>
            <a:pPr marL="288000" indent="-288000">
              <a:buFont typeface="+mj-lt"/>
              <a:buAutoNum type="alphaUcPeriod"/>
            </a:pPr>
            <a:r>
              <a:rPr lang="en-US" sz="1400" dirty="0"/>
              <a:t>Latest Developments in AI/ML</a:t>
            </a:r>
          </a:p>
          <a:p>
            <a:pPr marL="288000" indent="-288000">
              <a:buFont typeface="+mj-lt"/>
              <a:buAutoNum type="alphaUcPeriod"/>
            </a:pPr>
            <a:endParaRPr lang="en-US" sz="1400" dirty="0"/>
          </a:p>
          <a:p>
            <a:pPr marL="288000" indent="-288000">
              <a:buFont typeface="+mj-lt"/>
              <a:buAutoNum type="alphaUcPeriod"/>
            </a:pPr>
            <a:r>
              <a:rPr lang="en-US" sz="1400" dirty="0"/>
              <a:t>Challenges &amp; Risks in AI/ML</a:t>
            </a:r>
          </a:p>
          <a:p>
            <a:pPr marL="288000" indent="-288000">
              <a:buFont typeface="+mj-lt"/>
              <a:buAutoNum type="alphaUcPeriod"/>
            </a:pPr>
            <a:endParaRPr lang="en-US" sz="1400" dirty="0"/>
          </a:p>
          <a:p>
            <a:pPr marL="288000" indent="-288000">
              <a:buFont typeface="+mj-lt"/>
              <a:buAutoNum type="alphaUcPeriod"/>
            </a:pPr>
            <a:r>
              <a:rPr lang="en-US" sz="1400" dirty="0"/>
              <a:t>The Future of AI/ML?</a:t>
            </a:r>
          </a:p>
        </p:txBody>
      </p:sp>
      <p:pic>
        <p:nvPicPr>
          <p:cNvPr id="4" name="Picture 3">
            <a:extLst>
              <a:ext uri="{FF2B5EF4-FFF2-40B4-BE49-F238E27FC236}">
                <a16:creationId xmlns:a16="http://schemas.microsoft.com/office/drawing/2014/main" id="{A8F8122E-8336-64CE-3CCE-8832B78B7F95}"/>
              </a:ext>
            </a:extLst>
          </p:cNvPr>
          <p:cNvPicPr>
            <a:picLocks noChangeAspect="1"/>
          </p:cNvPicPr>
          <p:nvPr/>
        </p:nvPicPr>
        <p:blipFill>
          <a:blip r:embed="rId2"/>
          <a:stretch>
            <a:fillRect/>
          </a:stretch>
        </p:blipFill>
        <p:spPr>
          <a:xfrm>
            <a:off x="4427538" y="1819939"/>
            <a:ext cx="4712143" cy="2712094"/>
          </a:xfrm>
          <a:prstGeom prst="rect">
            <a:avLst/>
          </a:prstGeom>
        </p:spPr>
      </p:pic>
    </p:spTree>
    <p:extLst>
      <p:ext uri="{BB962C8B-B14F-4D97-AF65-F5344CB8AC3E}">
        <p14:creationId xmlns:p14="http://schemas.microsoft.com/office/powerpoint/2010/main" val="1191410536"/>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6188FA-CD50-0141-A5B1-0A7A58609E4B}"/>
              </a:ext>
            </a:extLst>
          </p:cNvPr>
          <p:cNvSpPr>
            <a:spLocks noGrp="1"/>
          </p:cNvSpPr>
          <p:nvPr>
            <p:ph type="title"/>
          </p:nvPr>
        </p:nvSpPr>
        <p:spPr/>
        <p:txBody>
          <a:bodyPr/>
          <a:lstStyle/>
          <a:p>
            <a:r>
              <a:rPr lang="en-US" dirty="0"/>
              <a:t>Thank You! Any Questions?</a:t>
            </a:r>
          </a:p>
        </p:txBody>
      </p:sp>
      <p:pic>
        <p:nvPicPr>
          <p:cNvPr id="14" name="Picture 13">
            <a:extLst>
              <a:ext uri="{FF2B5EF4-FFF2-40B4-BE49-F238E27FC236}">
                <a16:creationId xmlns:a16="http://schemas.microsoft.com/office/drawing/2014/main" id="{185B3D5B-A26F-C648-9FFB-49FC46147E13}"/>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611187" y="1595540"/>
            <a:ext cx="1591269" cy="1224125"/>
          </a:xfrm>
          <a:prstGeom prst="rect">
            <a:avLst/>
          </a:prstGeom>
        </p:spPr>
      </p:pic>
      <p:cxnSp>
        <p:nvCxnSpPr>
          <p:cNvPr id="15" name="Straight Connector 14">
            <a:extLst>
              <a:ext uri="{FF2B5EF4-FFF2-40B4-BE49-F238E27FC236}">
                <a16:creationId xmlns:a16="http://schemas.microsoft.com/office/drawing/2014/main" id="{4F585CB7-5384-5849-B714-50D4C3E55324}"/>
              </a:ext>
            </a:extLst>
          </p:cNvPr>
          <p:cNvCxnSpPr>
            <a:cxnSpLocks/>
          </p:cNvCxnSpPr>
          <p:nvPr/>
        </p:nvCxnSpPr>
        <p:spPr>
          <a:xfrm>
            <a:off x="611187" y="2819665"/>
            <a:ext cx="3960813" cy="0"/>
          </a:xfrm>
          <a:prstGeom prst="line">
            <a:avLst/>
          </a:prstGeom>
          <a:ln>
            <a:solidFill>
              <a:schemeClr val="tx2"/>
            </a:solidFill>
          </a:ln>
          <a:effectLst>
            <a:outerShdw blurRad="50800" dist="38100" dir="8100000" algn="tr"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sp>
        <p:nvSpPr>
          <p:cNvPr id="16" name="DN:Hierarchy|ID:2|Hierarchy:1" title="Ort.DE">
            <a:extLst>
              <a:ext uri="{FF2B5EF4-FFF2-40B4-BE49-F238E27FC236}">
                <a16:creationId xmlns:a16="http://schemas.microsoft.com/office/drawing/2014/main" id="{DCAA8663-4541-8C40-9262-EE0F1BB09A17}"/>
              </a:ext>
            </a:extLst>
          </p:cNvPr>
          <p:cNvSpPr txBox="1"/>
          <p:nvPr/>
        </p:nvSpPr>
        <p:spPr>
          <a:xfrm>
            <a:off x="611187" y="2931790"/>
            <a:ext cx="3960813" cy="1200329"/>
          </a:xfrm>
          <a:prstGeom prst="rect">
            <a:avLst/>
          </a:prstGeom>
          <a:noFill/>
        </p:spPr>
        <p:txBody>
          <a:bodyPr vert="horz" wrap="square" rtlCol="0">
            <a:spAutoFit/>
          </a:bodyPr>
          <a:lstStyle/>
          <a:p>
            <a:r>
              <a:rPr lang="en-GB" sz="800" b="1" noProof="0" dirty="0"/>
              <a:t>Dr. Donnacha Daly</a:t>
            </a:r>
          </a:p>
          <a:p>
            <a:endParaRPr lang="en-GB" sz="800" dirty="0">
              <a:hlinkClick r:id="rId3">
                <a:extLst>
                  <a:ext uri="{A12FA001-AC4F-418D-AE19-62706E023703}">
                    <ahyp:hlinkClr xmlns:ahyp="http://schemas.microsoft.com/office/drawing/2018/hyperlinkcolor" val="tx"/>
                  </a:ext>
                </a:extLst>
              </a:hlinkClick>
            </a:endParaRPr>
          </a:p>
          <a:p>
            <a:r>
              <a:rPr lang="en-GB" sz="800" dirty="0"/>
              <a:t>Head of Bachelor Program in Artificial Intelligence + Machine Learning</a:t>
            </a:r>
          </a:p>
          <a:p>
            <a:r>
              <a:rPr lang="en-GB" sz="800" dirty="0"/>
              <a:t>Member of the Algorithmic Business (ABIZ) Research Lab</a:t>
            </a:r>
          </a:p>
          <a:p>
            <a:endParaRPr lang="en-GB" sz="800" dirty="0"/>
          </a:p>
          <a:p>
            <a:r>
              <a:rPr lang="en-GB" sz="800" b="1" dirty="0"/>
              <a:t>Lucerne University of Applied Sciences and Arts</a:t>
            </a:r>
            <a:endParaRPr lang="en-GB" sz="800" b="1" dirty="0">
              <a:hlinkClick r:id="rId3">
                <a:extLst>
                  <a:ext uri="{A12FA001-AC4F-418D-AE19-62706E023703}">
                    <ahyp:hlinkClr xmlns:ahyp="http://schemas.microsoft.com/office/drawing/2018/hyperlinkcolor" val="tx"/>
                  </a:ext>
                </a:extLst>
              </a:hlinkClick>
            </a:endParaRPr>
          </a:p>
          <a:p>
            <a:r>
              <a:rPr lang="en-GB" sz="800" b="1" dirty="0"/>
              <a:t>School of Computer Science and Information Technology</a:t>
            </a:r>
          </a:p>
          <a:p>
            <a:endParaRPr lang="en-GB" sz="800" dirty="0">
              <a:solidFill>
                <a:srgbClr val="E2007A"/>
              </a:solidFill>
              <a:hlinkClick r:id="" action="ppaction://noaction">
                <a:extLst>
                  <a:ext uri="{A12FA001-AC4F-418D-AE19-62706E023703}">
                    <ahyp:hlinkClr xmlns:ahyp="http://schemas.microsoft.com/office/drawing/2018/hyperlinkcolor" val="tx"/>
                  </a:ext>
                </a:extLst>
              </a:hlinkClick>
            </a:endParaRPr>
          </a:p>
          <a:p>
            <a:pPr marL="0" marR="0" lvl="0" indent="0" algn="l" defTabSz="914400" rtl="0" eaLnBrk="1" fontAlgn="base" latinLnBrk="0" hangingPunct="1">
              <a:lnSpc>
                <a:spcPct val="100000"/>
              </a:lnSpc>
              <a:spcBef>
                <a:spcPct val="0"/>
              </a:spcBef>
              <a:spcAft>
                <a:spcPct val="0"/>
              </a:spcAft>
              <a:buClrTx/>
              <a:buSzTx/>
              <a:buFontTx/>
              <a:buNone/>
              <a:tabLst/>
              <a:defRPr/>
            </a:pPr>
            <a:r>
              <a:rPr lang="en-GB" sz="800" dirty="0">
                <a:solidFill>
                  <a:srgbClr val="EC5A7A"/>
                </a:solidFill>
                <a:hlinkClick r:id="" action="ppaction://noaction">
                  <a:extLst>
                    <a:ext uri="{A12FA001-AC4F-418D-AE19-62706E023703}">
                      <ahyp:hlinkClr xmlns:ahyp="http://schemas.microsoft.com/office/drawing/2018/hyperlinkcolor" val="tx"/>
                    </a:ext>
                  </a:extLst>
                </a:hlinkClick>
              </a:rPr>
              <a:t>donnacha.daly@hslu.ch</a:t>
            </a:r>
            <a:r>
              <a:rPr lang="en-GB" sz="800" dirty="0">
                <a:solidFill>
                  <a:srgbClr val="EC5A7A"/>
                </a:solidFill>
              </a:rPr>
              <a:t> </a:t>
            </a:r>
            <a:r>
              <a:rPr lang="en-GB" sz="800" noProof="0" dirty="0">
                <a:solidFill>
                  <a:srgbClr val="EC5A7A"/>
                </a:solidFill>
              </a:rPr>
              <a:t>| </a:t>
            </a:r>
            <a:r>
              <a:rPr lang="en-GB" sz="800" noProof="0" dirty="0">
                <a:solidFill>
                  <a:srgbClr val="EC5A7A"/>
                </a:solidFill>
                <a:hlinkClick r:id="rId4">
                  <a:extLst>
                    <a:ext uri="{A12FA001-AC4F-418D-AE19-62706E023703}">
                      <ahyp:hlinkClr xmlns:ahyp="http://schemas.microsoft.com/office/drawing/2018/hyperlinkcolor" val="tx"/>
                    </a:ext>
                  </a:extLst>
                </a:hlinkClick>
              </a:rPr>
              <a:t>hslu.ch/bachelor-ai</a:t>
            </a:r>
            <a:r>
              <a:rPr lang="en-GB" sz="800" noProof="0" dirty="0">
                <a:solidFill>
                  <a:srgbClr val="EC5A7A"/>
                </a:solidFill>
              </a:rPr>
              <a:t> | </a:t>
            </a:r>
            <a:r>
              <a:rPr lang="en-GB" sz="800" noProof="0" dirty="0">
                <a:solidFill>
                  <a:srgbClr val="EC5A7A"/>
                </a:solidFill>
                <a:hlinkClick r:id="rId5">
                  <a:extLst>
                    <a:ext uri="{A12FA001-AC4F-418D-AE19-62706E023703}">
                      <ahyp:hlinkClr xmlns:ahyp="http://schemas.microsoft.com/office/drawing/2018/hyperlinkcolor" val="tx"/>
                    </a:ext>
                  </a:extLst>
                </a:hlinkClick>
              </a:rPr>
              <a:t>www.abiz.ch</a:t>
            </a:r>
            <a:endParaRPr lang="en-GB" sz="800" b="1" noProof="0" dirty="0">
              <a:solidFill>
                <a:srgbClr val="EC5A7A"/>
              </a:solidFill>
            </a:endParaRPr>
          </a:p>
        </p:txBody>
      </p:sp>
      <p:sp>
        <p:nvSpPr>
          <p:cNvPr id="18" name="Rectangle 17">
            <a:extLst>
              <a:ext uri="{FF2B5EF4-FFF2-40B4-BE49-F238E27FC236}">
                <a16:creationId xmlns:a16="http://schemas.microsoft.com/office/drawing/2014/main" id="{3AC214FD-E4F6-7A4F-81EC-5F2BA3027AB6}"/>
              </a:ext>
            </a:extLst>
          </p:cNvPr>
          <p:cNvSpPr/>
          <p:nvPr/>
        </p:nvSpPr>
        <p:spPr>
          <a:xfrm>
            <a:off x="611188" y="4732338"/>
            <a:ext cx="7921625" cy="2876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7531100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Language Synthesis</a:t>
            </a:r>
          </a:p>
        </p:txBody>
      </p:sp>
      <p:pic>
        <p:nvPicPr>
          <p:cNvPr id="3" name="Picture 2" descr="Image">
            <a:extLst>
              <a:ext uri="{FF2B5EF4-FFF2-40B4-BE49-F238E27FC236}">
                <a16:creationId xmlns:a16="http://schemas.microsoft.com/office/drawing/2014/main" id="{026E2C17-96B1-0015-DB62-5134D9700C5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1188" y="1369741"/>
            <a:ext cx="3935639" cy="2592288"/>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Image">
            <a:extLst>
              <a:ext uri="{FF2B5EF4-FFF2-40B4-BE49-F238E27FC236}">
                <a16:creationId xmlns:a16="http://schemas.microsoft.com/office/drawing/2014/main" id="{87283B04-7B52-124D-8B0F-B44958E56A3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489" b="32142"/>
          <a:stretch/>
        </p:blipFill>
        <p:spPr bwMode="auto">
          <a:xfrm>
            <a:off x="4788024" y="1268752"/>
            <a:ext cx="3881151" cy="3096344"/>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Image">
            <a:extLst>
              <a:ext uri="{FF2B5EF4-FFF2-40B4-BE49-F238E27FC236}">
                <a16:creationId xmlns:a16="http://schemas.microsoft.com/office/drawing/2014/main" id="{6B6A5129-F0E7-A3AB-33AA-CB1657A173C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94799"/>
          <a:stretch/>
        </p:blipFill>
        <p:spPr bwMode="auto">
          <a:xfrm>
            <a:off x="4283968" y="4415783"/>
            <a:ext cx="3881151" cy="23903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34109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Image Synthesis</a:t>
            </a:r>
          </a:p>
        </p:txBody>
      </p:sp>
      <p:pic>
        <p:nvPicPr>
          <p:cNvPr id="3" name="Picture 2" descr="Image">
            <a:extLst>
              <a:ext uri="{FF2B5EF4-FFF2-40B4-BE49-F238E27FC236}">
                <a16:creationId xmlns:a16="http://schemas.microsoft.com/office/drawing/2014/main" id="{64E9D81B-BAC7-0371-997E-C156BFA0E2CD}"/>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378" r="55443" b="80296"/>
          <a:stretch/>
        </p:blipFill>
        <p:spPr bwMode="auto">
          <a:xfrm>
            <a:off x="627704" y="3377036"/>
            <a:ext cx="1273510" cy="659811"/>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descr="Image">
            <a:extLst>
              <a:ext uri="{FF2B5EF4-FFF2-40B4-BE49-F238E27FC236}">
                <a16:creationId xmlns:a16="http://schemas.microsoft.com/office/drawing/2014/main" id="{D37814A6-B88B-74CA-DE62-524FE65F5C7E}"/>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20651" r="53712" b="60468"/>
          <a:stretch/>
        </p:blipFill>
        <p:spPr bwMode="auto">
          <a:xfrm>
            <a:off x="2413765" y="3357062"/>
            <a:ext cx="1322983" cy="67978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Image">
            <a:extLst>
              <a:ext uri="{FF2B5EF4-FFF2-40B4-BE49-F238E27FC236}">
                <a16:creationId xmlns:a16="http://schemas.microsoft.com/office/drawing/2014/main" id="{8D8381EF-0349-3403-AEF4-7DF5587FFFDC}"/>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41535" r="55443" b="40641"/>
          <a:stretch/>
        </p:blipFill>
        <p:spPr bwMode="auto">
          <a:xfrm>
            <a:off x="4188030" y="3395080"/>
            <a:ext cx="1273509" cy="64176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descr="Image">
            <a:extLst>
              <a:ext uri="{FF2B5EF4-FFF2-40B4-BE49-F238E27FC236}">
                <a16:creationId xmlns:a16="http://schemas.microsoft.com/office/drawing/2014/main" id="{96C22309-596A-B79D-A533-26880367FF8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59973" r="55302" b="20645"/>
          <a:stretch/>
        </p:blipFill>
        <p:spPr bwMode="auto">
          <a:xfrm>
            <a:off x="5875077" y="3339015"/>
            <a:ext cx="1277520" cy="69783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Image">
            <a:extLst>
              <a:ext uri="{FF2B5EF4-FFF2-40B4-BE49-F238E27FC236}">
                <a16:creationId xmlns:a16="http://schemas.microsoft.com/office/drawing/2014/main" id="{F9DEE7B7-66FC-A2B5-9E84-79D9F7D141A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80300" r="55372" b="318"/>
          <a:stretch/>
        </p:blipFill>
        <p:spPr bwMode="auto">
          <a:xfrm>
            <a:off x="7746352" y="3339015"/>
            <a:ext cx="1275514" cy="697832"/>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descr="Image">
            <a:extLst>
              <a:ext uri="{FF2B5EF4-FFF2-40B4-BE49-F238E27FC236}">
                <a16:creationId xmlns:a16="http://schemas.microsoft.com/office/drawing/2014/main" id="{178FA3B7-4FE9-2658-A292-47EDAC3693B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285" t="7817" r="66148" b="64066"/>
          <a:stretch/>
        </p:blipFill>
        <p:spPr bwMode="auto">
          <a:xfrm>
            <a:off x="611560" y="1405733"/>
            <a:ext cx="1184470" cy="1195188"/>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descr="Image">
            <a:extLst>
              <a:ext uri="{FF2B5EF4-FFF2-40B4-BE49-F238E27FC236}">
                <a16:creationId xmlns:a16="http://schemas.microsoft.com/office/drawing/2014/main" id="{A3C55EB4-6C86-A80F-2256-AB56F861DE7C}"/>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4067" t="7723" r="33938" b="64129"/>
          <a:stretch/>
        </p:blipFill>
        <p:spPr bwMode="auto">
          <a:xfrm>
            <a:off x="1811316" y="1405875"/>
            <a:ext cx="1200549" cy="1196535"/>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4" descr="Image">
            <a:extLst>
              <a:ext uri="{FF2B5EF4-FFF2-40B4-BE49-F238E27FC236}">
                <a16:creationId xmlns:a16="http://schemas.microsoft.com/office/drawing/2014/main" id="{C524247C-5E01-742F-3C0C-F51C58EF9CD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65990" t="7943" r="2158" b="63941"/>
          <a:stretch/>
        </p:blipFill>
        <p:spPr bwMode="auto">
          <a:xfrm>
            <a:off x="3027151" y="1405733"/>
            <a:ext cx="1195188" cy="1195188"/>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mage">
            <a:extLst>
              <a:ext uri="{FF2B5EF4-FFF2-40B4-BE49-F238E27FC236}">
                <a16:creationId xmlns:a16="http://schemas.microsoft.com/office/drawing/2014/main" id="{96D1E07B-E7D8-0C60-968C-8936A82D7A68}"/>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215" t="37006" r="65790" b="34878"/>
          <a:stretch/>
        </p:blipFill>
        <p:spPr bwMode="auto">
          <a:xfrm>
            <a:off x="4237625" y="1405733"/>
            <a:ext cx="1200549" cy="1195188"/>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Image">
            <a:extLst>
              <a:ext uri="{FF2B5EF4-FFF2-40B4-BE49-F238E27FC236}">
                <a16:creationId xmlns:a16="http://schemas.microsoft.com/office/drawing/2014/main" id="{6ADF1C9C-F64E-FA04-38BF-EA58193D676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4018" t="37037" r="33428" b="34815"/>
          <a:stretch/>
        </p:blipFill>
        <p:spPr bwMode="auto">
          <a:xfrm>
            <a:off x="5453460" y="1405875"/>
            <a:ext cx="1221523" cy="1196535"/>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descr="Image">
            <a:extLst>
              <a:ext uri="{FF2B5EF4-FFF2-40B4-BE49-F238E27FC236}">
                <a16:creationId xmlns:a16="http://schemas.microsoft.com/office/drawing/2014/main" id="{725558BD-C2CE-AC13-3537-4BE6B251155F}"/>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66335" t="36998" r="2450" b="35283"/>
          <a:stretch/>
        </p:blipFill>
        <p:spPr bwMode="auto">
          <a:xfrm>
            <a:off x="6690269" y="1403960"/>
            <a:ext cx="1171285" cy="117829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Image">
            <a:extLst>
              <a:ext uri="{FF2B5EF4-FFF2-40B4-BE49-F238E27FC236}">
                <a16:creationId xmlns:a16="http://schemas.microsoft.com/office/drawing/2014/main" id="{BA797DF5-CB21-24DB-7809-17BE0D7A3971}"/>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27" t="65965" r="66093" b="2963"/>
          <a:stretch/>
        </p:blipFill>
        <p:spPr bwMode="auto">
          <a:xfrm>
            <a:off x="7876842" y="1403960"/>
            <a:ext cx="1181233" cy="1320823"/>
          </a:xfrm>
          <a:prstGeom prst="rect">
            <a:avLst/>
          </a:prstGeom>
          <a:noFill/>
          <a:extLst>
            <a:ext uri="{909E8E84-426E-40DD-AFC4-6F175D3DCCD1}">
              <a14:hiddenFill xmlns:a14="http://schemas.microsoft.com/office/drawing/2010/main">
                <a:solidFill>
                  <a:srgbClr val="FFFFFF"/>
                </a:solidFill>
              </a14:hiddenFill>
            </a:ext>
          </a:extLst>
        </p:spPr>
      </p:pic>
      <p:sp>
        <p:nvSpPr>
          <p:cNvPr id="15" name="TextBox 14">
            <a:extLst>
              <a:ext uri="{FF2B5EF4-FFF2-40B4-BE49-F238E27FC236}">
                <a16:creationId xmlns:a16="http://schemas.microsoft.com/office/drawing/2014/main" id="{79F08209-67C9-9A99-4442-61BA500E466B}"/>
              </a:ext>
            </a:extLst>
          </p:cNvPr>
          <p:cNvSpPr txBox="1"/>
          <p:nvPr/>
        </p:nvSpPr>
        <p:spPr>
          <a:xfrm>
            <a:off x="611560" y="4551363"/>
            <a:ext cx="4572000" cy="366424"/>
          </a:xfrm>
          <a:prstGeom prst="rect">
            <a:avLst/>
          </a:prstGeom>
          <a:solidFill>
            <a:schemeClr val="bg1"/>
          </a:solidFill>
        </p:spPr>
        <p:txBody>
          <a:bodyPr wrap="square" lIns="0" tIns="180000" rIns="90000" bIns="0" anchor="b" anchorCtr="0">
            <a:spAutoFit/>
          </a:bodyPr>
          <a:lstStyle>
            <a:defPPr>
              <a:defRPr lang="en-US"/>
            </a:defPPr>
            <a:lvl1pPr>
              <a:defRPr sz="600"/>
            </a:lvl1pPr>
          </a:lstStyle>
          <a:p>
            <a:r>
              <a:rPr lang="en-US" dirty="0">
                <a:hlinkClick r:id="rId4"/>
              </a:rPr>
              <a:t>https://twitter.com/haroonchoudery/status/1638297476758372353</a:t>
            </a:r>
            <a:endParaRPr lang="en-US" dirty="0">
              <a:hlinkClick r:id="" action="ppaction://noaction"/>
            </a:endParaRPr>
          </a:p>
          <a:p>
            <a:r>
              <a:rPr lang="en-US" dirty="0">
                <a:hlinkClick r:id="" action="ppaction://noaction"/>
              </a:rPr>
              <a:t>https://twitter.com/pmigdal/status/1637047570768830465</a:t>
            </a:r>
            <a:endParaRPr lang="en-US" dirty="0"/>
          </a:p>
        </p:txBody>
      </p:sp>
      <p:sp>
        <p:nvSpPr>
          <p:cNvPr id="16" name="Rectangle 15">
            <a:extLst>
              <a:ext uri="{FF2B5EF4-FFF2-40B4-BE49-F238E27FC236}">
                <a16:creationId xmlns:a16="http://schemas.microsoft.com/office/drawing/2014/main" id="{7C39716E-596D-3B30-88CA-EF63B9019DF9}"/>
              </a:ext>
            </a:extLst>
          </p:cNvPr>
          <p:cNvSpPr/>
          <p:nvPr/>
        </p:nvSpPr>
        <p:spPr>
          <a:xfrm>
            <a:off x="611560" y="1131590"/>
            <a:ext cx="4796885" cy="203436"/>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chemeClr val="tx1"/>
                </a:solidFill>
              </a:rPr>
              <a:t>Generative Adversarial networks (GANs)</a:t>
            </a:r>
          </a:p>
        </p:txBody>
      </p:sp>
      <p:cxnSp>
        <p:nvCxnSpPr>
          <p:cNvPr id="17" name="Straight Arrow Connector 16">
            <a:extLst>
              <a:ext uri="{FF2B5EF4-FFF2-40B4-BE49-F238E27FC236}">
                <a16:creationId xmlns:a16="http://schemas.microsoft.com/office/drawing/2014/main" id="{710DC8D8-C902-052C-007B-A0ECFD7E01DB}"/>
              </a:ext>
            </a:extLst>
          </p:cNvPr>
          <p:cNvCxnSpPr>
            <a:cxnSpLocks/>
            <a:endCxn id="16" idx="1"/>
          </p:cNvCxnSpPr>
          <p:nvPr/>
        </p:nvCxnSpPr>
        <p:spPr>
          <a:xfrm flipH="1">
            <a:off x="611560" y="1233308"/>
            <a:ext cx="1184470"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92B51CE8-607B-15DB-C93A-7C92087727C8}"/>
              </a:ext>
            </a:extLst>
          </p:cNvPr>
          <p:cNvCxnSpPr>
            <a:cxnSpLocks/>
            <a:endCxn id="16" idx="3"/>
          </p:cNvCxnSpPr>
          <p:nvPr/>
        </p:nvCxnSpPr>
        <p:spPr>
          <a:xfrm>
            <a:off x="4237625" y="1233308"/>
            <a:ext cx="1170820"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9" name="Rectangle 18">
            <a:extLst>
              <a:ext uri="{FF2B5EF4-FFF2-40B4-BE49-F238E27FC236}">
                <a16:creationId xmlns:a16="http://schemas.microsoft.com/office/drawing/2014/main" id="{FDB46FA6-3C4C-975B-A3B1-68CF8985DF42}"/>
              </a:ext>
            </a:extLst>
          </p:cNvPr>
          <p:cNvSpPr/>
          <p:nvPr/>
        </p:nvSpPr>
        <p:spPr>
          <a:xfrm>
            <a:off x="5466811" y="1136795"/>
            <a:ext cx="3567699" cy="203436"/>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chemeClr val="tx1"/>
                </a:solidFill>
              </a:rPr>
              <a:t>Diffusion Models (Academic)</a:t>
            </a:r>
          </a:p>
        </p:txBody>
      </p:sp>
      <p:cxnSp>
        <p:nvCxnSpPr>
          <p:cNvPr id="20" name="Straight Arrow Connector 19">
            <a:extLst>
              <a:ext uri="{FF2B5EF4-FFF2-40B4-BE49-F238E27FC236}">
                <a16:creationId xmlns:a16="http://schemas.microsoft.com/office/drawing/2014/main" id="{14FC85E2-64FC-9467-7577-B65E308F8495}"/>
              </a:ext>
            </a:extLst>
          </p:cNvPr>
          <p:cNvCxnSpPr>
            <a:cxnSpLocks/>
          </p:cNvCxnSpPr>
          <p:nvPr/>
        </p:nvCxnSpPr>
        <p:spPr>
          <a:xfrm>
            <a:off x="8138674" y="1238594"/>
            <a:ext cx="88319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1" name="Straight Arrow Connector 20">
            <a:extLst>
              <a:ext uri="{FF2B5EF4-FFF2-40B4-BE49-F238E27FC236}">
                <a16:creationId xmlns:a16="http://schemas.microsoft.com/office/drawing/2014/main" id="{581DD5E4-1D65-83FA-ABA6-8FEAB9CA5422}"/>
              </a:ext>
            </a:extLst>
          </p:cNvPr>
          <p:cNvCxnSpPr>
            <a:cxnSpLocks/>
            <a:endCxn id="19" idx="1"/>
          </p:cNvCxnSpPr>
          <p:nvPr/>
        </p:nvCxnSpPr>
        <p:spPr>
          <a:xfrm flipH="1">
            <a:off x="5466811" y="1238513"/>
            <a:ext cx="888459"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2" name="Rectangle 21">
            <a:extLst>
              <a:ext uri="{FF2B5EF4-FFF2-40B4-BE49-F238E27FC236}">
                <a16:creationId xmlns:a16="http://schemas.microsoft.com/office/drawing/2014/main" id="{3B98657D-EC57-1ED1-6F13-FDB3A93E644E}"/>
              </a:ext>
            </a:extLst>
          </p:cNvPr>
          <p:cNvSpPr/>
          <p:nvPr/>
        </p:nvSpPr>
        <p:spPr>
          <a:xfrm>
            <a:off x="611561" y="3057244"/>
            <a:ext cx="8410306" cy="203436"/>
          </a:xfrm>
          <a:prstGeom prst="rect">
            <a:avLst/>
          </a:prstGeom>
          <a:solidFill>
            <a:schemeClr val="accent4">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chemeClr val="tx1"/>
                </a:solidFill>
              </a:rPr>
              <a:t>Diffusion Models (Commercial: </a:t>
            </a:r>
            <a:r>
              <a:rPr lang="en-US" sz="800" b="1" dirty="0" err="1">
                <a:solidFill>
                  <a:schemeClr val="tx1"/>
                </a:solidFill>
              </a:rPr>
              <a:t>Midjourney</a:t>
            </a:r>
            <a:r>
              <a:rPr lang="en-US" sz="800" b="1" dirty="0">
                <a:solidFill>
                  <a:schemeClr val="tx1"/>
                </a:solidFill>
              </a:rPr>
              <a:t>)</a:t>
            </a:r>
          </a:p>
        </p:txBody>
      </p:sp>
      <p:cxnSp>
        <p:nvCxnSpPr>
          <p:cNvPr id="23" name="Straight Arrow Connector 22">
            <a:extLst>
              <a:ext uri="{FF2B5EF4-FFF2-40B4-BE49-F238E27FC236}">
                <a16:creationId xmlns:a16="http://schemas.microsoft.com/office/drawing/2014/main" id="{C0F7B579-36B8-B1C3-B910-E2E05DF4D0BE}"/>
              </a:ext>
            </a:extLst>
          </p:cNvPr>
          <p:cNvCxnSpPr>
            <a:cxnSpLocks/>
            <a:endCxn id="22" idx="1"/>
          </p:cNvCxnSpPr>
          <p:nvPr/>
        </p:nvCxnSpPr>
        <p:spPr>
          <a:xfrm flipH="1">
            <a:off x="611561" y="3158962"/>
            <a:ext cx="287080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84DF6B3C-C2AD-A2C4-27E4-60F1AA75A9F0}"/>
              </a:ext>
            </a:extLst>
          </p:cNvPr>
          <p:cNvCxnSpPr>
            <a:cxnSpLocks/>
            <a:endCxn id="22" idx="3"/>
          </p:cNvCxnSpPr>
          <p:nvPr/>
        </p:nvCxnSpPr>
        <p:spPr>
          <a:xfrm>
            <a:off x="6160717" y="3158962"/>
            <a:ext cx="2861150"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669C6CAB-0B7B-403F-4124-A65EBAB71DD1}"/>
              </a:ext>
            </a:extLst>
          </p:cNvPr>
          <p:cNvSpPr/>
          <p:nvPr/>
        </p:nvSpPr>
        <p:spPr>
          <a:xfrm>
            <a:off x="611560" y="4042606"/>
            <a:ext cx="1273510" cy="52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Mar 2022</a:t>
            </a:r>
          </a:p>
          <a:p>
            <a:pPr algn="ctr"/>
            <a:r>
              <a:rPr lang="en-US" sz="600" dirty="0" err="1">
                <a:solidFill>
                  <a:schemeClr val="tx1"/>
                </a:solidFill>
              </a:rPr>
              <a:t>Midjourney</a:t>
            </a:r>
            <a:r>
              <a:rPr lang="en-US" sz="600" dirty="0">
                <a:solidFill>
                  <a:schemeClr val="tx1"/>
                </a:solidFill>
              </a:rPr>
              <a:t> V1</a:t>
            </a:r>
          </a:p>
        </p:txBody>
      </p:sp>
      <p:sp>
        <p:nvSpPr>
          <p:cNvPr id="26" name="Rectangle 25">
            <a:extLst>
              <a:ext uri="{FF2B5EF4-FFF2-40B4-BE49-F238E27FC236}">
                <a16:creationId xmlns:a16="http://schemas.microsoft.com/office/drawing/2014/main" id="{91C13E8D-85A0-4377-69E8-E5E3528CC81A}"/>
              </a:ext>
            </a:extLst>
          </p:cNvPr>
          <p:cNvSpPr/>
          <p:nvPr/>
        </p:nvSpPr>
        <p:spPr>
          <a:xfrm>
            <a:off x="2440584" y="4042607"/>
            <a:ext cx="1273510" cy="52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Apr 2022</a:t>
            </a:r>
          </a:p>
          <a:p>
            <a:pPr algn="ctr"/>
            <a:r>
              <a:rPr lang="en-US" sz="600" dirty="0" err="1">
                <a:solidFill>
                  <a:schemeClr val="tx1"/>
                </a:solidFill>
              </a:rPr>
              <a:t>Midjourney</a:t>
            </a:r>
            <a:r>
              <a:rPr lang="en-US" sz="600" dirty="0">
                <a:solidFill>
                  <a:schemeClr val="tx1"/>
                </a:solidFill>
              </a:rPr>
              <a:t> V2</a:t>
            </a:r>
          </a:p>
        </p:txBody>
      </p:sp>
      <p:sp>
        <p:nvSpPr>
          <p:cNvPr id="27" name="Rectangle 26">
            <a:extLst>
              <a:ext uri="{FF2B5EF4-FFF2-40B4-BE49-F238E27FC236}">
                <a16:creationId xmlns:a16="http://schemas.microsoft.com/office/drawing/2014/main" id="{BAEE6DEA-6962-49C7-0DB3-E4488D1654F2}"/>
              </a:ext>
            </a:extLst>
          </p:cNvPr>
          <p:cNvSpPr/>
          <p:nvPr/>
        </p:nvSpPr>
        <p:spPr>
          <a:xfrm>
            <a:off x="4198048" y="4062062"/>
            <a:ext cx="1273510" cy="52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Jul 2022</a:t>
            </a:r>
          </a:p>
          <a:p>
            <a:pPr algn="ctr"/>
            <a:r>
              <a:rPr lang="en-US" sz="600" dirty="0" err="1">
                <a:solidFill>
                  <a:schemeClr val="tx1"/>
                </a:solidFill>
              </a:rPr>
              <a:t>Midjourney</a:t>
            </a:r>
            <a:r>
              <a:rPr lang="en-US" sz="600" dirty="0">
                <a:solidFill>
                  <a:schemeClr val="tx1"/>
                </a:solidFill>
              </a:rPr>
              <a:t> V3</a:t>
            </a:r>
          </a:p>
        </p:txBody>
      </p:sp>
      <p:sp>
        <p:nvSpPr>
          <p:cNvPr id="28" name="Rectangle 27">
            <a:extLst>
              <a:ext uri="{FF2B5EF4-FFF2-40B4-BE49-F238E27FC236}">
                <a16:creationId xmlns:a16="http://schemas.microsoft.com/office/drawing/2014/main" id="{B425C629-2AC0-B698-4200-8113F104EC90}"/>
              </a:ext>
            </a:extLst>
          </p:cNvPr>
          <p:cNvSpPr/>
          <p:nvPr/>
        </p:nvSpPr>
        <p:spPr>
          <a:xfrm>
            <a:off x="5884175" y="4068547"/>
            <a:ext cx="1273510" cy="52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Nov 2022</a:t>
            </a:r>
          </a:p>
          <a:p>
            <a:pPr algn="ctr"/>
            <a:r>
              <a:rPr lang="en-US" sz="600" dirty="0" err="1">
                <a:solidFill>
                  <a:schemeClr val="tx1"/>
                </a:solidFill>
              </a:rPr>
              <a:t>Midjourney</a:t>
            </a:r>
            <a:r>
              <a:rPr lang="en-US" sz="600" dirty="0">
                <a:solidFill>
                  <a:schemeClr val="tx1"/>
                </a:solidFill>
              </a:rPr>
              <a:t> V4</a:t>
            </a:r>
          </a:p>
        </p:txBody>
      </p:sp>
      <p:sp>
        <p:nvSpPr>
          <p:cNvPr id="29" name="Rectangle 28">
            <a:extLst>
              <a:ext uri="{FF2B5EF4-FFF2-40B4-BE49-F238E27FC236}">
                <a16:creationId xmlns:a16="http://schemas.microsoft.com/office/drawing/2014/main" id="{2E200D16-7A16-9C61-53D9-36A9748A52D4}"/>
              </a:ext>
            </a:extLst>
          </p:cNvPr>
          <p:cNvSpPr/>
          <p:nvPr/>
        </p:nvSpPr>
        <p:spPr>
          <a:xfrm>
            <a:off x="7751662" y="4068547"/>
            <a:ext cx="1273510" cy="52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Mar 2023</a:t>
            </a:r>
          </a:p>
          <a:p>
            <a:pPr algn="ctr"/>
            <a:r>
              <a:rPr lang="en-US" sz="600" dirty="0" err="1">
                <a:solidFill>
                  <a:schemeClr val="tx1"/>
                </a:solidFill>
              </a:rPr>
              <a:t>Midjourney</a:t>
            </a:r>
            <a:r>
              <a:rPr lang="en-US" sz="600" dirty="0">
                <a:solidFill>
                  <a:schemeClr val="tx1"/>
                </a:solidFill>
              </a:rPr>
              <a:t> V5</a:t>
            </a:r>
          </a:p>
        </p:txBody>
      </p:sp>
    </p:spTree>
    <p:extLst>
      <p:ext uri="{BB962C8B-B14F-4D97-AF65-F5344CB8AC3E}">
        <p14:creationId xmlns:p14="http://schemas.microsoft.com/office/powerpoint/2010/main" val="3888774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Image Synthesis</a:t>
            </a:r>
          </a:p>
        </p:txBody>
      </p:sp>
      <p:pic>
        <p:nvPicPr>
          <p:cNvPr id="30" name="gen1.mp4">
            <a:hlinkClick r:id="" action="ppaction://media"/>
            <a:extLst>
              <a:ext uri="{FF2B5EF4-FFF2-40B4-BE49-F238E27FC236}">
                <a16:creationId xmlns:a16="http://schemas.microsoft.com/office/drawing/2014/main" id="{A150CF43-5F12-48DA-7101-949DCDA1C36B}"/>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632209" y="1131888"/>
            <a:ext cx="2257151" cy="4011612"/>
          </a:xfrm>
          <a:prstGeom prst="rect">
            <a:avLst/>
          </a:prstGeom>
        </p:spPr>
      </p:pic>
      <p:pic>
        <p:nvPicPr>
          <p:cNvPr id="31" name="Picture 30">
            <a:extLst>
              <a:ext uri="{FF2B5EF4-FFF2-40B4-BE49-F238E27FC236}">
                <a16:creationId xmlns:a16="http://schemas.microsoft.com/office/drawing/2014/main" id="{04CF0AAB-239B-E9FA-A870-36F1079AC425}"/>
              </a:ext>
            </a:extLst>
          </p:cNvPr>
          <p:cNvPicPr>
            <a:picLocks noChangeAspect="1"/>
          </p:cNvPicPr>
          <p:nvPr/>
        </p:nvPicPr>
        <p:blipFill>
          <a:blip r:embed="rId5"/>
          <a:stretch>
            <a:fillRect/>
          </a:stretch>
        </p:blipFill>
        <p:spPr>
          <a:xfrm>
            <a:off x="3206006" y="1131888"/>
            <a:ext cx="5182344" cy="1590220"/>
          </a:xfrm>
          <a:prstGeom prst="rect">
            <a:avLst/>
          </a:prstGeom>
        </p:spPr>
      </p:pic>
    </p:spTree>
    <p:extLst>
      <p:ext uri="{BB962C8B-B14F-4D97-AF65-F5344CB8AC3E}">
        <p14:creationId xmlns:p14="http://schemas.microsoft.com/office/powerpoint/2010/main" val="13481995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60842" fill="hold"/>
                                        <p:tgtEl>
                                          <p:spTgt spid="30"/>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30"/>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30"/>
                                        </p:tgtEl>
                                      </p:cBhvr>
                                    </p:cmd>
                                  </p:childTnLst>
                                </p:cTn>
                              </p:par>
                            </p:childTnLst>
                          </p:cTn>
                        </p:par>
                      </p:childTnLst>
                    </p:cTn>
                  </p:par>
                </p:childTnLst>
              </p:cTn>
              <p:nextCondLst>
                <p:cond evt="onClick" delay="0">
                  <p:tgtEl>
                    <p:spTgt spid="30"/>
                  </p:tgtEl>
                </p:cond>
              </p:nextCondLst>
            </p:seq>
            <p:video>
              <p:cMediaNode vol="0">
                <p:cTn id="12" fill="hold" display="0">
                  <p:stCondLst>
                    <p:cond delay="indefinite"/>
                  </p:stCondLst>
                </p:cTn>
                <p:tgtEl>
                  <p:spTgt spid="30"/>
                </p:tgtEl>
              </p:cMediaNode>
            </p:vide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BBE753-2CFD-B1E1-E4FE-91B7F1465BB9}"/>
              </a:ext>
            </a:extLst>
          </p:cNvPr>
          <p:cNvSpPr>
            <a:spLocks noGrp="1"/>
          </p:cNvSpPr>
          <p:nvPr>
            <p:ph type="title"/>
          </p:nvPr>
        </p:nvSpPr>
        <p:spPr/>
        <p:txBody>
          <a:bodyPr/>
          <a:lstStyle/>
          <a:p>
            <a:r>
              <a:rPr lang="en-US" dirty="0"/>
              <a:t>Latest Developments in </a:t>
            </a:r>
            <a:br>
              <a:rPr lang="en-US" dirty="0"/>
            </a:br>
            <a:r>
              <a:rPr lang="en-US" dirty="0">
                <a:solidFill>
                  <a:srgbClr val="D1026A"/>
                </a:solidFill>
              </a:rPr>
              <a:t>Video Synthesis</a:t>
            </a:r>
          </a:p>
        </p:txBody>
      </p:sp>
      <p:pic>
        <p:nvPicPr>
          <p:cNvPr id="4" name="storm.mp4">
            <a:hlinkClick r:id="" action="ppaction://media"/>
            <a:extLst>
              <a:ext uri="{FF2B5EF4-FFF2-40B4-BE49-F238E27FC236}">
                <a16:creationId xmlns:a16="http://schemas.microsoft.com/office/drawing/2014/main" id="{C1459584-144C-C7D7-EA8A-2AC865CED4C6}"/>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4034211" y="1318632"/>
            <a:ext cx="4357511" cy="2723444"/>
          </a:xfrm>
          <a:prstGeom prst="rect">
            <a:avLst/>
          </a:prstGeom>
        </p:spPr>
      </p:pic>
      <p:pic>
        <p:nvPicPr>
          <p:cNvPr id="5" name="Picture 4">
            <a:extLst>
              <a:ext uri="{FF2B5EF4-FFF2-40B4-BE49-F238E27FC236}">
                <a16:creationId xmlns:a16="http://schemas.microsoft.com/office/drawing/2014/main" id="{733C7419-633D-8E40-E7AB-9F483D4A8C8B}"/>
              </a:ext>
            </a:extLst>
          </p:cNvPr>
          <p:cNvPicPr>
            <a:picLocks noChangeAspect="1"/>
          </p:cNvPicPr>
          <p:nvPr/>
        </p:nvPicPr>
        <p:blipFill>
          <a:blip r:embed="rId5"/>
          <a:stretch>
            <a:fillRect/>
          </a:stretch>
        </p:blipFill>
        <p:spPr>
          <a:xfrm>
            <a:off x="755650" y="1491630"/>
            <a:ext cx="3128221" cy="1188724"/>
          </a:xfrm>
          <a:prstGeom prst="rect">
            <a:avLst/>
          </a:prstGeom>
        </p:spPr>
      </p:pic>
    </p:spTree>
    <p:extLst>
      <p:ext uri="{BB962C8B-B14F-4D97-AF65-F5344CB8AC3E}">
        <p14:creationId xmlns:p14="http://schemas.microsoft.com/office/powerpoint/2010/main" val="42360407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666"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4"/>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4"/>
                                        </p:tgtEl>
                                      </p:cBhvr>
                                    </p:cmd>
                                  </p:childTnLst>
                                </p:cTn>
                              </p:par>
                            </p:childTnLst>
                          </p:cTn>
                        </p:par>
                      </p:childTnLst>
                    </p:cTn>
                  </p:par>
                </p:childTnLst>
              </p:cTn>
              <p:nextCondLst>
                <p:cond evt="onClick" delay="0">
                  <p:tgtEl>
                    <p:spTgt spid="4"/>
                  </p:tgtEl>
                </p:cond>
              </p:nextCondLst>
            </p:seq>
            <p:video>
              <p:cMediaNode vol="80000">
                <p:cTn id="12" fill="hold" display="0">
                  <p:stCondLst>
                    <p:cond delay="indefinite"/>
                  </p:stCondLst>
                </p:cTn>
                <p:tgtEl>
                  <p:spTgt spid="4"/>
                </p:tgtEl>
              </p:cMediaNode>
            </p:vide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05042611175985034679&quot; ShowField=&quot;false&quot; /&gt;&#10;        &lt;Field Id=&quot;2010011411175985034680&quot; ShowField=&quot;false&quot; /&gt;&#10;        &lt;Field Id=&quot;2010011411175985034681&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RÄSENTATION"/>
  <p:tag name="OAWWIZARDSTEPS" val="0|1"/>
  <p:tag name="ZOAWLANGID" val="2055"/>
  <p:tag name="OAWDOCPROPSOURCE" val="&lt;Profile SelectedUID=&quot;&quot;&gt;&lt;DocProp UID=&quot;2002122011014149059130932&quot; EntryUID=&quot;2007081614090713859305&quot;&gt;&lt;Field Name=&quot;IDName&quot; Value=&quot;1.1. Hochschule Luzern -  F&amp;amp;S, IT-Services, Werftestrasse 4, Luzern&quot;/&gt;&lt;Field Name=&quot;Address1&quot; Value=&quot;&quot;/&gt;&lt;Field Name=&quot;Address2&quot; Value=&quot;Werftestrasse 4, Postfach 2969, CH-6002 Luzern&quot;/&gt;&lt;Field Name=&quot;Address3&quot; Value=&quot;T +41 41 228 21 11&quot;/&gt;&lt;Field Name=&quot;Address4&quot; Value=&quot;www.hslu.ch&quot;/&gt;&lt;Field Name=&quot;LogoLarge&quot; Value=&quot;%Logos%\hslu_d.hslu.g.2100.500.wmf&quot;/&gt;&lt;Field Name=&quot;LogoSmall&quot; Value=&quot;%Logos%\hslu_d.hslu.k.2100.250.wmf&quot;/&gt;&lt;Field Name=&quot;City&quot; Value=&quot;Luzern&quot;/&gt;&lt;Field Name=&quot;LogoFooter&quot; Value=&quot;%Logos%\hslu_allgemeinefqm.f.2100.200.wmf&quot;/&gt;&lt;Field Name=&quot;LogoPpt1&quot; Value=&quot;%Logos%\Powerpoint\titelmaster\hslu_d.hslu.tm.2540.1905.wmf&quot;/&gt;&lt;Field Name=&quot;LogoPpt2&quot; Value=&quot;%Logos%\Powerpoint\folienmaster\hslu_d.hslu.fm.2540.1905.wmf&quot;/&gt;&lt;Field Name=&quot;LogoOhneEFQM&quot; Value=&quot;%Logos%\hslu_allgemeinefqm.f.2100.200.wmf&quot;/&gt;&lt;Field Name=&quot;LogoPpt3&quot; Value=&quot;%Logos%\Powerpoint\folienmaster\hslu_d.hslu.f.fm.2540.1905.wmf&quot;/&gt;&lt;Field Name=&quot;Data_UID&quot; Value=&quot;2007081614090713859305&quot;/&gt;&lt;Field Name=&quot;Field_Name&quot; Value=&quot;LogoPpt2&quot;/&gt;&lt;Field Name=&quot;Field_UID&quot; Value=&quot;2007091416324246583564&quot;/&gt;&lt;Field Name=&quot;ML_LCID&quot; Value=&quot;2055&quot;/&gt;&lt;Field Name=&quot;ML_Value&quot; Value=&quot;%Logos%\Powerpoint\folienmaster\hslu_d.hslu.fm.2540.1905.wmf&quot;/&gt;&lt;/DocProp&gt;&lt;DocProp UID=&quot;2006040509495284662868&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212191811121321310321301031x&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3080714212273705547&quot; EntryUID=&quot;&quot; UserInformation=&quot;Data from SAP&quot; Interface=&quot;-1&quot;&gt;&lt;/DocProp&gt;&lt;DocProp UID=&quot;2002122010583847234010578&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3061115381095709037&quot; EntryUID=&quot;2003121817293296325874&quot;&gt;&lt;Field Name=&quot;IDName&quot; Value=&quot;(Leer)&quot;/&gt;&lt;/DocProp&gt;&lt;DocProp UID=&quot;2004112217333376588294&quot; EntryUID=&quot;&quot; UserInformation=&quot;Data from SAP&quot; Interface=&quot;-1&quot;&gt;&lt;/DocProp&gt;&lt;DocProp UID=&quot;2007042109161414432689&quot; EntryUID=&quot;&quot; UserInformation=&quot;Data from SAP&quot; Interface=&quot;-1&quot;&gt;&lt;/DocProp&gt;&lt;DocProp UID=&quot;2004112217290390304928&quot; EntryUID=&quot;&quot; UserInformation=&quot;Data from SAP&quot; Interface=&quot;-1&quot;&gt;&lt;/DocProp&gt;&lt;/Profile&gt;&#10;"/>
  <p:tag name="OFFICEATWORKPRESENTATIONPROJECTID" val="HSLUCH"/>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heme/theme1.xml><?xml version="1.0" encoding="utf-8"?>
<a:theme xmlns:a="http://schemas.openxmlformats.org/drawingml/2006/main" name="Default Design">
  <a:themeElements>
    <a:clrScheme name="Custom 2">
      <a:dk1>
        <a:srgbClr val="000000"/>
      </a:dk1>
      <a:lt1>
        <a:srgbClr val="FFFFFF"/>
      </a:lt1>
      <a:dk2>
        <a:srgbClr val="415E6C"/>
      </a:dk2>
      <a:lt2>
        <a:srgbClr val="F2F2F2"/>
      </a:lt2>
      <a:accent1>
        <a:srgbClr val="9AD4F1"/>
      </a:accent1>
      <a:accent2>
        <a:srgbClr val="6A95A9"/>
      </a:accent2>
      <a:accent3>
        <a:srgbClr val="415E6C"/>
      </a:accent3>
      <a:accent4>
        <a:srgbClr val="CFD500"/>
      </a:accent4>
      <a:accent5>
        <a:srgbClr val="949A00"/>
      </a:accent5>
      <a:accent6>
        <a:srgbClr val="636904"/>
      </a:accent6>
      <a:hlink>
        <a:srgbClr val="EB5979"/>
      </a:hlink>
      <a:folHlink>
        <a:srgbClr val="EB5979"/>
      </a:folHlink>
    </a:clrScheme>
    <a:fontScheme name="Default Design">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TEMPLATE EDIT - 00 Presentation 16_9 1.potm" id="{923022B7-1D60-4BAA-B142-9B45A13195C5}" vid="{710FE0C7-D003-4B67-9723-4E2F2B7B1C1A}"/>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Default Design</Template>
  <TotalTime>20007</TotalTime>
  <Words>1986</Words>
  <Application>Microsoft Macintosh PowerPoint</Application>
  <PresentationFormat>On-screen Show (16:9)</PresentationFormat>
  <Paragraphs>191</Paragraphs>
  <Slides>51</Slides>
  <Notes>8</Notes>
  <HiddenSlides>0</HiddenSlides>
  <MMClips>5</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1</vt:i4>
      </vt:variant>
    </vt:vector>
  </HeadingPairs>
  <TitlesOfParts>
    <vt:vector size="57" baseType="lpstr">
      <vt:lpstr>Arial</vt:lpstr>
      <vt:lpstr>Helvetica</vt:lpstr>
      <vt:lpstr>System Font Regular</vt:lpstr>
      <vt:lpstr>Verdana</vt:lpstr>
      <vt:lpstr>Wingdings</vt:lpstr>
      <vt:lpstr>Default Design</vt:lpstr>
      <vt:lpstr>Perspectives on AI and Machine Learning Lecture Series in Artificial Intelligence + Machine Learning</vt:lpstr>
      <vt:lpstr>Topics Covered in Today’s Lecture</vt:lpstr>
      <vt:lpstr>PART A</vt:lpstr>
      <vt:lpstr>Latest Developments in  Language Synthesis</vt:lpstr>
      <vt:lpstr>Latest Developments in  Language Synthesis</vt:lpstr>
      <vt:lpstr>Latest Developments in  Language Synthesis</vt:lpstr>
      <vt:lpstr>Latest Developments in  Image Synthesis</vt:lpstr>
      <vt:lpstr>Latest Developments in  Image Synthesis</vt:lpstr>
      <vt:lpstr>Latest Developments in  Video Synthesis</vt:lpstr>
      <vt:lpstr>Latest Developments in  Music Synthesis</vt:lpstr>
      <vt:lpstr>Latest Developments in  Autonomous Systems</vt:lpstr>
      <vt:lpstr>Latest Developments in  Autonomous Systems</vt:lpstr>
      <vt:lpstr>Latest Developments in  Data Science</vt:lpstr>
      <vt:lpstr>Latest Developments in  AI Investment</vt:lpstr>
      <vt:lpstr>Latest Developments in  AI Investment</vt:lpstr>
      <vt:lpstr>Latest Developments in  AI Regulation</vt:lpstr>
      <vt:lpstr>PART B</vt:lpstr>
      <vt:lpstr>The Hype Around AI</vt:lpstr>
      <vt:lpstr>We are wrong about AI in many ways</vt:lpstr>
      <vt:lpstr>AI Cannot be a “Brain in a Jar”</vt:lpstr>
      <vt:lpstr>AI doesn’t do “Common Sense”</vt:lpstr>
      <vt:lpstr>We are far from Human-like AI</vt:lpstr>
      <vt:lpstr>Generalization is Hard</vt:lpstr>
      <vt:lpstr>PowerPoint Presentation</vt:lpstr>
      <vt:lpstr>Not just Dumb but Dangerous</vt:lpstr>
      <vt:lpstr>Misuse of ML is Undermining Democracy</vt:lpstr>
      <vt:lpstr>Lack of Diversity is a Real Problem</vt:lpstr>
      <vt:lpstr>Training large deep-learning models is highly energy intensive </vt:lpstr>
      <vt:lpstr>Regulation is Weak (so far…)</vt:lpstr>
      <vt:lpstr>Some progress being made in AI-Reg</vt:lpstr>
      <vt:lpstr>Recommendations to Build Trust in AI/ML </vt:lpstr>
      <vt:lpstr>The Limits of AI</vt:lpstr>
      <vt:lpstr>PART C</vt:lpstr>
      <vt:lpstr>PowerPoint Presentation</vt:lpstr>
      <vt:lpstr>Models are Getting Bigger</vt:lpstr>
      <vt:lpstr>Custom Silicon for AI+Machine Learning</vt:lpstr>
      <vt:lpstr>How to get even Bigger?</vt:lpstr>
      <vt:lpstr>Explainable AI (XAI)</vt:lpstr>
      <vt:lpstr>Data-Centric AI</vt:lpstr>
      <vt:lpstr>Neuro-Symbolic AI</vt:lpstr>
      <vt:lpstr>Modelling the Brain</vt:lpstr>
      <vt:lpstr>Brain-Machine Interfaces</vt:lpstr>
      <vt:lpstr>Artificial General Intelligence (AGI)</vt:lpstr>
      <vt:lpstr>Superintelligence</vt:lpstr>
      <vt:lpstr>How Will Human Level AI Emerge?</vt:lpstr>
      <vt:lpstr>The Singularity</vt:lpstr>
      <vt:lpstr>What are the implications of AGI?</vt:lpstr>
      <vt:lpstr>Thinking way into the Future!</vt:lpstr>
      <vt:lpstr>A More Realistic Look at the Future of AI/ML</vt:lpstr>
      <vt:lpstr>Recap of Today’s Lecture</vt:lpstr>
      <vt:lpstr>Thank You! Any 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rosoft Office User</dc:creator>
  <cp:lastModifiedBy>Microsoft Office User</cp:lastModifiedBy>
  <cp:revision>5129</cp:revision>
  <dcterms:created xsi:type="dcterms:W3CDTF">2020-02-13T12:23:11Z</dcterms:created>
  <dcterms:modified xsi:type="dcterms:W3CDTF">2023-05-30T08:51: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8b0afbd-3cf7-4707-aee4-8dc9d855de29_Enabled">
    <vt:lpwstr>true</vt:lpwstr>
  </property>
  <property fmtid="{D5CDD505-2E9C-101B-9397-08002B2CF9AE}" pid="3" name="MSIP_Label_e8b0afbd-3cf7-4707-aee4-8dc9d855de29_SetDate">
    <vt:lpwstr>2022-12-18T08:17:45Z</vt:lpwstr>
  </property>
  <property fmtid="{D5CDD505-2E9C-101B-9397-08002B2CF9AE}" pid="4" name="MSIP_Label_e8b0afbd-3cf7-4707-aee4-8dc9d855de29_Method">
    <vt:lpwstr>Standard</vt:lpwstr>
  </property>
  <property fmtid="{D5CDD505-2E9C-101B-9397-08002B2CF9AE}" pid="5" name="MSIP_Label_e8b0afbd-3cf7-4707-aee4-8dc9d855de29_Name">
    <vt:lpwstr>intern</vt:lpwstr>
  </property>
  <property fmtid="{D5CDD505-2E9C-101B-9397-08002B2CF9AE}" pid="6" name="MSIP_Label_e8b0afbd-3cf7-4707-aee4-8dc9d855de29_SiteId">
    <vt:lpwstr>75a34008-d7d1-4924-8e78-31fea86f6e68</vt:lpwstr>
  </property>
  <property fmtid="{D5CDD505-2E9C-101B-9397-08002B2CF9AE}" pid="7" name="MSIP_Label_e8b0afbd-3cf7-4707-aee4-8dc9d855de29_ActionId">
    <vt:lpwstr>e4f6bdaf-3bf6-41f8-8006-8cbcc4416f3c</vt:lpwstr>
  </property>
  <property fmtid="{D5CDD505-2E9C-101B-9397-08002B2CF9AE}" pid="8" name="MSIP_Label_e8b0afbd-3cf7-4707-aee4-8dc9d855de29_ContentBits">
    <vt:lpwstr>0</vt:lpwstr>
  </property>
</Properties>
</file>